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3_月報HP\R4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B$1:$KM$41</definedName>
    <definedName name="_xlnm.Print_Area" localSheetId="2">'第２-2表'!$B$1:$KM$41</definedName>
    <definedName name="_xlnm.Print_Area" localSheetId="3">'第２-3表'!$B$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G1" i="33" l="1"/>
  <c r="H1" i="33" s="1"/>
  <c r="F1" i="33"/>
  <c r="F1" i="6"/>
  <c r="G1" i="6" s="1"/>
  <c r="E1" i="6"/>
  <c r="F1" i="26"/>
  <c r="G1" i="26" s="1"/>
  <c r="E1" i="26"/>
  <c r="H1" i="5" l="1"/>
  <c r="G1" i="25" l="1"/>
  <c r="H1" i="25" s="1"/>
  <c r="F1" i="25"/>
  <c r="F1" i="34" l="1"/>
  <c r="G1" i="34" s="1"/>
  <c r="E1" i="34"/>
  <c r="J1" i="32" l="1"/>
  <c r="K1" i="32" s="1"/>
  <c r="H1" i="32"/>
  <c r="K1" i="31"/>
  <c r="L1" i="31" s="1"/>
  <c r="I1" i="31"/>
  <c r="L1" i="30"/>
  <c r="M1" i="30" s="1"/>
  <c r="J1" i="30"/>
  <c r="K1" i="29"/>
  <c r="L1" i="29" s="1"/>
  <c r="I1" i="29"/>
  <c r="H1" i="28"/>
  <c r="I1" i="28" s="1"/>
  <c r="F1" i="28"/>
  <c r="E1" i="18" l="1"/>
  <c r="F1" i="5"/>
  <c r="H1" i="24"/>
  <c r="H1" i="14"/>
  <c r="I1" i="23"/>
  <c r="I1" i="13"/>
  <c r="H1" i="4"/>
  <c r="J1" i="22"/>
  <c r="J1" i="11"/>
  <c r="I1" i="21"/>
  <c r="I1" i="10"/>
  <c r="G1" i="9"/>
  <c r="F1" i="19"/>
  <c r="F1" i="8"/>
  <c r="F1" i="18" l="1"/>
  <c r="G1" i="5"/>
  <c r="J1" i="24"/>
  <c r="J1" i="14"/>
  <c r="K1" i="23"/>
  <c r="K1" i="13"/>
  <c r="J1" i="4"/>
  <c r="L1" i="22"/>
  <c r="L1" i="11"/>
  <c r="K1" i="21"/>
  <c r="K1" i="10"/>
  <c r="I1" i="9"/>
  <c r="H1" i="19"/>
  <c r="H1" i="8"/>
  <c r="J1" i="9" l="1"/>
  <c r="K1" i="24"/>
  <c r="L1" i="23"/>
  <c r="M1" i="22"/>
  <c r="L1" i="21"/>
  <c r="I1" i="19"/>
  <c r="G1" i="18"/>
  <c r="K1" i="14"/>
  <c r="L1" i="13"/>
  <c r="M1" i="11"/>
  <c r="L1" i="10"/>
  <c r="K1" i="4"/>
  <c r="I1" i="8"/>
  <c r="H4" i="1"/>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shrinkToFit="1"/>
    </xf>
    <xf numFmtId="183" fontId="5" fillId="0" borderId="0" xfId="0" applyNumberFormat="1" applyFont="1" applyAlignment="1">
      <alignment horizontal="left" vertical="center" shrinkToFit="1"/>
    </xf>
    <xf numFmtId="182" fontId="3" fillId="0" borderId="0" xfId="0" applyNumberFormat="1" applyFont="1" applyAlignment="1">
      <alignmen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182" fontId="0"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18" customHeight="1" x14ac:dyDescent="0.2">
      <c r="B1" s="2"/>
      <c r="C1" s="2"/>
      <c r="D1" s="2"/>
      <c r="E1" s="504" t="s">
        <v>0</v>
      </c>
      <c r="F1" s="504"/>
      <c r="G1" s="504"/>
      <c r="H1" s="504"/>
      <c r="I1" s="2"/>
      <c r="J1" s="2"/>
      <c r="K1" s="2"/>
      <c r="L1" s="2"/>
    </row>
    <row r="2" spans="1:13" ht="18" customHeight="1" x14ac:dyDescent="0.2">
      <c r="A2" s="2"/>
      <c r="B2" s="2"/>
      <c r="C2" s="2"/>
      <c r="D2" s="2"/>
      <c r="E2" s="2"/>
      <c r="F2" s="366">
        <v>4</v>
      </c>
      <c r="G2" s="246">
        <v>10</v>
      </c>
      <c r="H2" s="2"/>
      <c r="I2" s="2"/>
      <c r="J2" s="2"/>
      <c r="K2" s="2"/>
      <c r="L2" s="2"/>
      <c r="M2" s="2"/>
    </row>
    <row r="3" spans="1:13" ht="26.25" customHeight="1" x14ac:dyDescent="0.2"/>
    <row r="4" spans="1:13" ht="20.25" customHeight="1" x14ac:dyDescent="0.2">
      <c r="D4" s="3"/>
      <c r="E4" s="4" t="s">
        <v>1</v>
      </c>
      <c r="F4" s="3"/>
      <c r="H4" s="253">
        <f>G2</f>
        <v>10</v>
      </c>
    </row>
    <row r="5" spans="1:13" ht="10.5" customHeight="1" thickBot="1" x14ac:dyDescent="0.25">
      <c r="E5" s="5"/>
    </row>
    <row r="6" spans="1:13" ht="17.25" customHeight="1" x14ac:dyDescent="0.2">
      <c r="E6" s="342"/>
      <c r="F6" s="505" t="s">
        <v>2</v>
      </c>
      <c r="G6" s="506"/>
      <c r="H6" s="506"/>
      <c r="I6" s="507"/>
    </row>
    <row r="7" spans="1:13" ht="17.25" customHeight="1" x14ac:dyDescent="0.2">
      <c r="E7" s="7"/>
      <c r="F7" s="8"/>
      <c r="G7" s="9" t="s">
        <v>3</v>
      </c>
      <c r="H7" s="345" t="s">
        <v>150</v>
      </c>
      <c r="I7" s="346" t="s">
        <v>149</v>
      </c>
    </row>
    <row r="8" spans="1:13" ht="16.5" customHeight="1" x14ac:dyDescent="0.2">
      <c r="E8" s="343" t="s">
        <v>4</v>
      </c>
      <c r="F8" s="373">
        <v>2340408</v>
      </c>
      <c r="G8" s="373">
        <v>1068255</v>
      </c>
      <c r="H8" s="373">
        <v>879216</v>
      </c>
      <c r="I8" s="374">
        <v>392937</v>
      </c>
    </row>
    <row r="9" spans="1:13" ht="16.5" customHeight="1" x14ac:dyDescent="0.2">
      <c r="E9" s="10" t="s">
        <v>5</v>
      </c>
      <c r="F9" s="375">
        <v>933584</v>
      </c>
      <c r="G9" s="375">
        <v>423894</v>
      </c>
      <c r="H9" s="375">
        <v>346549</v>
      </c>
      <c r="I9" s="376">
        <v>163141</v>
      </c>
    </row>
    <row r="10" spans="1:13" ht="16.5" customHeight="1" x14ac:dyDescent="0.2">
      <c r="E10" s="10" t="s">
        <v>6</v>
      </c>
      <c r="F10" s="375">
        <v>307047</v>
      </c>
      <c r="G10" s="375">
        <v>145380</v>
      </c>
      <c r="H10" s="375">
        <v>110097</v>
      </c>
      <c r="I10" s="376">
        <v>51570</v>
      </c>
    </row>
    <row r="11" spans="1:13" ht="16.5" customHeight="1" x14ac:dyDescent="0.2">
      <c r="E11" s="10" t="s">
        <v>14</v>
      </c>
      <c r="F11" s="375">
        <v>188067</v>
      </c>
      <c r="G11" s="375">
        <v>87400</v>
      </c>
      <c r="H11" s="375">
        <v>72936</v>
      </c>
      <c r="I11" s="376">
        <v>27731</v>
      </c>
    </row>
    <row r="12" spans="1:13" ht="16.5" customHeight="1" x14ac:dyDescent="0.2">
      <c r="E12" s="10" t="s">
        <v>7</v>
      </c>
      <c r="F12" s="375">
        <v>125787</v>
      </c>
      <c r="G12" s="375">
        <v>54698</v>
      </c>
      <c r="H12" s="375">
        <v>49049</v>
      </c>
      <c r="I12" s="376">
        <v>22040</v>
      </c>
    </row>
    <row r="13" spans="1:13" ht="16.5" customHeight="1" x14ac:dyDescent="0.2">
      <c r="E13" s="10" t="s">
        <v>8</v>
      </c>
      <c r="F13" s="375">
        <v>73270</v>
      </c>
      <c r="G13" s="375">
        <v>34166</v>
      </c>
      <c r="H13" s="375">
        <v>27428</v>
      </c>
      <c r="I13" s="376">
        <v>11676</v>
      </c>
    </row>
    <row r="14" spans="1:13" ht="16.5" customHeight="1" x14ac:dyDescent="0.2">
      <c r="E14" s="10" t="s">
        <v>9</v>
      </c>
      <c r="F14" s="375">
        <v>53700</v>
      </c>
      <c r="G14" s="375">
        <v>21288</v>
      </c>
      <c r="H14" s="375">
        <v>20768</v>
      </c>
      <c r="I14" s="376">
        <v>11644</v>
      </c>
    </row>
    <row r="15" spans="1:13" ht="16.5" customHeight="1" x14ac:dyDescent="0.2">
      <c r="E15" s="10" t="s">
        <v>10</v>
      </c>
      <c r="F15" s="375">
        <v>108162</v>
      </c>
      <c r="G15" s="375">
        <v>48251</v>
      </c>
      <c r="H15" s="375">
        <v>41032</v>
      </c>
      <c r="I15" s="376">
        <v>18879</v>
      </c>
    </row>
    <row r="16" spans="1:13" ht="16.5" customHeight="1" x14ac:dyDescent="0.2">
      <c r="E16" s="10" t="s">
        <v>11</v>
      </c>
      <c r="F16" s="375">
        <v>57347</v>
      </c>
      <c r="G16" s="375">
        <v>26281</v>
      </c>
      <c r="H16" s="375">
        <v>21152</v>
      </c>
      <c r="I16" s="376">
        <v>9914</v>
      </c>
    </row>
    <row r="17" spans="5:13" ht="16.5" customHeight="1" x14ac:dyDescent="0.2">
      <c r="E17" s="10" t="s">
        <v>12</v>
      </c>
      <c r="F17" s="375">
        <v>65461</v>
      </c>
      <c r="G17" s="375">
        <v>29140</v>
      </c>
      <c r="H17" s="375">
        <v>24907</v>
      </c>
      <c r="I17" s="376">
        <v>11414</v>
      </c>
    </row>
    <row r="18" spans="5:13" ht="16.5" customHeight="1" x14ac:dyDescent="0.2">
      <c r="E18" s="10" t="s">
        <v>13</v>
      </c>
      <c r="F18" s="375">
        <v>18610</v>
      </c>
      <c r="G18" s="375">
        <v>7352</v>
      </c>
      <c r="H18" s="375">
        <v>7205</v>
      </c>
      <c r="I18" s="376">
        <v>4053</v>
      </c>
      <c r="M18" s="1" t="s">
        <v>87</v>
      </c>
    </row>
    <row r="19" spans="5:13" ht="16.5" customHeight="1" x14ac:dyDescent="0.2">
      <c r="E19" s="10" t="s">
        <v>15</v>
      </c>
      <c r="F19" s="375">
        <v>16263</v>
      </c>
      <c r="G19" s="375">
        <v>7418</v>
      </c>
      <c r="H19" s="375">
        <v>5991</v>
      </c>
      <c r="I19" s="376">
        <v>2854</v>
      </c>
    </row>
    <row r="20" spans="5:13" ht="16.5" customHeight="1" x14ac:dyDescent="0.2">
      <c r="E20" s="10" t="s">
        <v>16</v>
      </c>
      <c r="F20" s="375">
        <v>49343</v>
      </c>
      <c r="G20" s="375">
        <v>24102</v>
      </c>
      <c r="H20" s="375">
        <v>18350</v>
      </c>
      <c r="I20" s="376">
        <v>6891</v>
      </c>
    </row>
    <row r="21" spans="5:13" ht="16.5" customHeight="1" x14ac:dyDescent="0.2">
      <c r="E21" s="10" t="s">
        <v>17</v>
      </c>
      <c r="F21" s="375">
        <v>58562</v>
      </c>
      <c r="G21" s="375">
        <v>28242</v>
      </c>
      <c r="H21" s="375">
        <v>22526</v>
      </c>
      <c r="I21" s="376">
        <v>7794</v>
      </c>
    </row>
    <row r="22" spans="5:13" ht="16.5" customHeight="1" x14ac:dyDescent="0.2">
      <c r="E22" s="10" t="s">
        <v>18</v>
      </c>
      <c r="F22" s="375">
        <v>58084</v>
      </c>
      <c r="G22" s="375">
        <v>26526</v>
      </c>
      <c r="H22" s="375">
        <v>22837</v>
      </c>
      <c r="I22" s="376">
        <v>8721</v>
      </c>
    </row>
    <row r="23" spans="5:13" ht="16.5" customHeight="1" x14ac:dyDescent="0.2">
      <c r="E23" s="10" t="s">
        <v>19</v>
      </c>
      <c r="F23" s="375">
        <v>26632</v>
      </c>
      <c r="G23" s="375">
        <v>12363</v>
      </c>
      <c r="H23" s="375">
        <v>10231</v>
      </c>
      <c r="I23" s="376">
        <v>4038</v>
      </c>
    </row>
    <row r="24" spans="5:13" ht="16.5" customHeight="1" x14ac:dyDescent="0.2">
      <c r="E24" s="10" t="s">
        <v>20</v>
      </c>
      <c r="F24" s="375">
        <v>34000</v>
      </c>
      <c r="G24" s="375">
        <v>16094</v>
      </c>
      <c r="H24" s="375">
        <v>13183</v>
      </c>
      <c r="I24" s="376">
        <v>4723</v>
      </c>
    </row>
    <row r="25" spans="5:13" ht="16.5" customHeight="1" x14ac:dyDescent="0.2">
      <c r="E25" s="10" t="s">
        <v>21</v>
      </c>
      <c r="F25" s="375">
        <v>34237</v>
      </c>
      <c r="G25" s="375">
        <v>15997</v>
      </c>
      <c r="H25" s="375">
        <v>13294</v>
      </c>
      <c r="I25" s="376">
        <v>4946</v>
      </c>
    </row>
    <row r="26" spans="5:13" ht="16.5" customHeight="1" x14ac:dyDescent="0.2">
      <c r="E26" s="10" t="s">
        <v>22</v>
      </c>
      <c r="F26" s="375">
        <v>13628</v>
      </c>
      <c r="G26" s="375">
        <v>5996</v>
      </c>
      <c r="H26" s="375">
        <v>5326</v>
      </c>
      <c r="I26" s="376">
        <v>2306</v>
      </c>
    </row>
    <row r="27" spans="5:13" ht="16.5" customHeight="1" x14ac:dyDescent="0.2">
      <c r="E27" s="10" t="s">
        <v>23</v>
      </c>
      <c r="F27" s="375">
        <v>22948</v>
      </c>
      <c r="G27" s="375">
        <v>10178</v>
      </c>
      <c r="H27" s="375">
        <v>9682</v>
      </c>
      <c r="I27" s="376">
        <v>3088</v>
      </c>
    </row>
    <row r="28" spans="5:13" ht="16.5" customHeight="1" x14ac:dyDescent="0.2">
      <c r="E28" s="10" t="s">
        <v>24</v>
      </c>
      <c r="F28" s="375">
        <v>10219</v>
      </c>
      <c r="G28" s="375">
        <v>4111</v>
      </c>
      <c r="H28" s="375">
        <v>4099</v>
      </c>
      <c r="I28" s="376">
        <v>2009</v>
      </c>
    </row>
    <row r="29" spans="5:13" ht="16.5" customHeight="1" x14ac:dyDescent="0.2">
      <c r="E29" s="10" t="s">
        <v>25</v>
      </c>
      <c r="F29" s="375">
        <v>13418</v>
      </c>
      <c r="G29" s="375">
        <v>6454</v>
      </c>
      <c r="H29" s="375">
        <v>5183</v>
      </c>
      <c r="I29" s="376">
        <v>1781</v>
      </c>
    </row>
    <row r="30" spans="5:13" ht="16.5" customHeight="1" x14ac:dyDescent="0.2">
      <c r="E30" s="10" t="s">
        <v>26</v>
      </c>
      <c r="F30" s="375">
        <v>11153</v>
      </c>
      <c r="G30" s="375">
        <v>4910</v>
      </c>
      <c r="H30" s="375">
        <v>4353</v>
      </c>
      <c r="I30" s="376">
        <v>1890</v>
      </c>
    </row>
    <row r="31" spans="5:13" ht="16.5" customHeight="1" x14ac:dyDescent="0.2">
      <c r="E31" s="10" t="s">
        <v>27</v>
      </c>
      <c r="F31" s="375">
        <v>9854</v>
      </c>
      <c r="G31" s="375">
        <v>4111</v>
      </c>
      <c r="H31" s="375">
        <v>3892</v>
      </c>
      <c r="I31" s="376">
        <v>1851</v>
      </c>
    </row>
    <row r="32" spans="5:13" ht="16.5" customHeight="1" x14ac:dyDescent="0.2">
      <c r="E32" s="10" t="s">
        <v>28</v>
      </c>
      <c r="F32" s="375">
        <v>3241</v>
      </c>
      <c r="G32" s="375">
        <v>1570</v>
      </c>
      <c r="H32" s="375">
        <v>1228</v>
      </c>
      <c r="I32" s="376">
        <v>443</v>
      </c>
    </row>
    <row r="33" spans="5:9" ht="16.5" customHeight="1" x14ac:dyDescent="0.2">
      <c r="E33" s="10" t="s">
        <v>29</v>
      </c>
      <c r="F33" s="375">
        <v>4979</v>
      </c>
      <c r="G33" s="375">
        <v>2317</v>
      </c>
      <c r="H33" s="375">
        <v>1929</v>
      </c>
      <c r="I33" s="376">
        <v>733</v>
      </c>
    </row>
    <row r="34" spans="5:9" ht="16.5" customHeight="1" x14ac:dyDescent="0.2">
      <c r="E34" s="10" t="s">
        <v>30</v>
      </c>
      <c r="F34" s="375">
        <v>3731</v>
      </c>
      <c r="G34" s="375">
        <v>1679</v>
      </c>
      <c r="H34" s="375">
        <v>1365</v>
      </c>
      <c r="I34" s="376">
        <v>687</v>
      </c>
    </row>
    <row r="35" spans="5:9" ht="16.5" customHeight="1" x14ac:dyDescent="0.2">
      <c r="E35" s="10" t="s">
        <v>31</v>
      </c>
      <c r="F35" s="375">
        <v>4015</v>
      </c>
      <c r="G35" s="375">
        <v>1943</v>
      </c>
      <c r="H35" s="375">
        <v>1318</v>
      </c>
      <c r="I35" s="376">
        <v>754</v>
      </c>
    </row>
    <row r="36" spans="5:9" ht="16.5" customHeight="1" x14ac:dyDescent="0.2">
      <c r="E36" s="10" t="s">
        <v>32</v>
      </c>
      <c r="F36" s="375">
        <v>4623</v>
      </c>
      <c r="G36" s="375">
        <v>2105</v>
      </c>
      <c r="H36" s="375">
        <v>1765</v>
      </c>
      <c r="I36" s="376">
        <v>753</v>
      </c>
    </row>
    <row r="37" spans="5:9" ht="16.5" customHeight="1" x14ac:dyDescent="0.2">
      <c r="E37" s="10" t="s">
        <v>33</v>
      </c>
      <c r="F37" s="375">
        <v>4124</v>
      </c>
      <c r="G37" s="375">
        <v>1872</v>
      </c>
      <c r="H37" s="375">
        <v>1570</v>
      </c>
      <c r="I37" s="376">
        <v>682</v>
      </c>
    </row>
    <row r="38" spans="5:9" ht="16.5" customHeight="1" x14ac:dyDescent="0.2">
      <c r="E38" s="10" t="s">
        <v>34</v>
      </c>
      <c r="F38" s="375">
        <v>3029</v>
      </c>
      <c r="G38" s="375">
        <v>1338</v>
      </c>
      <c r="H38" s="375">
        <v>1158</v>
      </c>
      <c r="I38" s="376">
        <v>533</v>
      </c>
    </row>
    <row r="39" spans="5:9" ht="16.5" customHeight="1" x14ac:dyDescent="0.2">
      <c r="E39" s="10" t="s">
        <v>35</v>
      </c>
      <c r="F39" s="375">
        <v>9883</v>
      </c>
      <c r="G39" s="375">
        <v>4272</v>
      </c>
      <c r="H39" s="375">
        <v>3860</v>
      </c>
      <c r="I39" s="376">
        <v>1751</v>
      </c>
    </row>
    <row r="40" spans="5:9" ht="16.5" customHeight="1" x14ac:dyDescent="0.2">
      <c r="E40" s="10" t="s">
        <v>36</v>
      </c>
      <c r="F40" s="375">
        <v>12338</v>
      </c>
      <c r="G40" s="375">
        <v>6247</v>
      </c>
      <c r="H40" s="375">
        <v>4595</v>
      </c>
      <c r="I40" s="376">
        <v>1496</v>
      </c>
    </row>
    <row r="41" spans="5:9" ht="16.5" customHeight="1" thickBot="1" x14ac:dyDescent="0.25">
      <c r="E41" s="11" t="s">
        <v>37</v>
      </c>
      <c r="F41" s="377">
        <v>1069</v>
      </c>
      <c r="G41" s="377">
        <v>560</v>
      </c>
      <c r="H41" s="377">
        <v>358</v>
      </c>
      <c r="I41" s="378">
        <v>151</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6.777343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6">
        <f>第１表!F2</f>
        <v>4</v>
      </c>
      <c r="K1" s="526"/>
      <c r="L1" s="248">
        <f>第１表!G2</f>
        <v>10</v>
      </c>
      <c r="M1" s="531">
        <f>IF(L1&lt;3,L1+12-2,L1-2)</f>
        <v>8</v>
      </c>
      <c r="N1" s="531"/>
    </row>
    <row r="2" spans="2:112" ht="24" customHeight="1" thickBot="1" x14ac:dyDescent="0.25">
      <c r="B2" s="290" t="s">
        <v>131</v>
      </c>
    </row>
    <row r="3" spans="2:112" ht="13.8" thickBot="1" x14ac:dyDescent="0.25">
      <c r="B3" s="551"/>
      <c r="C3" s="554" t="s">
        <v>112</v>
      </c>
      <c r="D3" s="554"/>
      <c r="E3" s="554"/>
      <c r="F3" s="554"/>
      <c r="G3" s="554"/>
      <c r="H3" s="554"/>
      <c r="I3" s="554"/>
      <c r="J3" s="554"/>
      <c r="K3" s="554"/>
      <c r="L3" s="554"/>
      <c r="M3" s="555"/>
      <c r="N3" s="549" t="s">
        <v>111</v>
      </c>
      <c r="O3" s="549"/>
      <c r="P3" s="549"/>
      <c r="Q3" s="549"/>
      <c r="R3" s="549"/>
      <c r="S3" s="549"/>
      <c r="T3" s="549"/>
      <c r="U3" s="549"/>
      <c r="V3" s="549"/>
      <c r="W3" s="549"/>
      <c r="X3" s="550"/>
      <c r="Y3" s="548" t="s">
        <v>110</v>
      </c>
      <c r="Z3" s="549"/>
      <c r="AA3" s="549"/>
      <c r="AB3" s="549"/>
      <c r="AC3" s="549"/>
      <c r="AD3" s="549"/>
      <c r="AE3" s="549"/>
      <c r="AF3" s="549"/>
      <c r="AG3" s="549"/>
      <c r="AH3" s="549"/>
      <c r="AI3" s="550"/>
      <c r="AJ3" s="548" t="s">
        <v>109</v>
      </c>
      <c r="AK3" s="549"/>
      <c r="AL3" s="549"/>
      <c r="AM3" s="549"/>
      <c r="AN3" s="549"/>
      <c r="AO3" s="549"/>
      <c r="AP3" s="549"/>
      <c r="AQ3" s="549"/>
      <c r="AR3" s="549"/>
      <c r="AS3" s="549"/>
      <c r="AT3" s="550"/>
      <c r="AU3" s="548" t="s">
        <v>108</v>
      </c>
      <c r="AV3" s="549"/>
      <c r="AW3" s="549"/>
      <c r="AX3" s="549"/>
      <c r="AY3" s="549"/>
      <c r="AZ3" s="549"/>
      <c r="BA3" s="549"/>
      <c r="BB3" s="549"/>
      <c r="BC3" s="549"/>
      <c r="BD3" s="549"/>
      <c r="BE3" s="550"/>
      <c r="BF3" s="548" t="s">
        <v>107</v>
      </c>
      <c r="BG3" s="549"/>
      <c r="BH3" s="549"/>
      <c r="BI3" s="549"/>
      <c r="BJ3" s="549"/>
      <c r="BK3" s="549"/>
      <c r="BL3" s="549"/>
      <c r="BM3" s="549"/>
      <c r="BN3" s="549"/>
      <c r="BO3" s="549"/>
      <c r="BP3" s="550"/>
      <c r="BQ3" s="548" t="s">
        <v>106</v>
      </c>
      <c r="BR3" s="549"/>
      <c r="BS3" s="549"/>
      <c r="BT3" s="549"/>
      <c r="BU3" s="549"/>
      <c r="BV3" s="549"/>
      <c r="BW3" s="549"/>
      <c r="BX3" s="549"/>
      <c r="BY3" s="549"/>
      <c r="BZ3" s="549"/>
      <c r="CA3" s="550"/>
      <c r="CB3" s="548" t="s">
        <v>128</v>
      </c>
      <c r="CC3" s="549"/>
      <c r="CD3" s="549"/>
      <c r="CE3" s="549"/>
      <c r="CF3" s="549"/>
      <c r="CG3" s="549"/>
      <c r="CH3" s="549"/>
      <c r="CI3" s="549"/>
      <c r="CJ3" s="549"/>
      <c r="CK3" s="549"/>
      <c r="CL3" s="550"/>
      <c r="CM3" s="548" t="s">
        <v>161</v>
      </c>
      <c r="CN3" s="549"/>
      <c r="CO3" s="549"/>
      <c r="CP3" s="549"/>
      <c r="CQ3" s="549"/>
      <c r="CR3" s="549"/>
      <c r="CS3" s="549"/>
      <c r="CT3" s="549"/>
      <c r="CU3" s="549"/>
      <c r="CV3" s="549"/>
      <c r="CW3" s="550"/>
      <c r="CX3" s="548" t="s">
        <v>157</v>
      </c>
      <c r="CY3" s="549"/>
      <c r="CZ3" s="549"/>
      <c r="DA3" s="549"/>
      <c r="DB3" s="549"/>
      <c r="DC3" s="549"/>
      <c r="DD3" s="549"/>
      <c r="DE3" s="549"/>
      <c r="DF3" s="549"/>
      <c r="DG3" s="549"/>
      <c r="DH3" s="550"/>
    </row>
    <row r="4" spans="2:112" x14ac:dyDescent="0.2">
      <c r="B4" s="552"/>
      <c r="C4" s="556" t="s">
        <v>61</v>
      </c>
      <c r="D4" s="535"/>
      <c r="E4" s="536"/>
      <c r="F4" s="537" t="s">
        <v>62</v>
      </c>
      <c r="G4" s="535"/>
      <c r="H4" s="535"/>
      <c r="I4" s="535"/>
      <c r="J4" s="535"/>
      <c r="K4" s="535"/>
      <c r="L4" s="538"/>
      <c r="M4" s="532" t="s">
        <v>52</v>
      </c>
      <c r="N4" s="556" t="s">
        <v>61</v>
      </c>
      <c r="O4" s="535"/>
      <c r="P4" s="536"/>
      <c r="Q4" s="537" t="s">
        <v>62</v>
      </c>
      <c r="R4" s="535"/>
      <c r="S4" s="535"/>
      <c r="T4" s="535"/>
      <c r="U4" s="535"/>
      <c r="V4" s="535"/>
      <c r="W4" s="536"/>
      <c r="X4" s="532" t="s">
        <v>52</v>
      </c>
      <c r="Y4" s="534" t="s">
        <v>61</v>
      </c>
      <c r="Z4" s="535"/>
      <c r="AA4" s="538"/>
      <c r="AB4" s="537" t="s">
        <v>62</v>
      </c>
      <c r="AC4" s="535"/>
      <c r="AD4" s="535"/>
      <c r="AE4" s="535"/>
      <c r="AF4" s="535"/>
      <c r="AG4" s="535"/>
      <c r="AH4" s="536"/>
      <c r="AI4" s="532" t="s">
        <v>52</v>
      </c>
      <c r="AJ4" s="534" t="s">
        <v>61</v>
      </c>
      <c r="AK4" s="535"/>
      <c r="AL4" s="536"/>
      <c r="AM4" s="537" t="s">
        <v>62</v>
      </c>
      <c r="AN4" s="535"/>
      <c r="AO4" s="535"/>
      <c r="AP4" s="535"/>
      <c r="AQ4" s="535"/>
      <c r="AR4" s="535"/>
      <c r="AS4" s="536"/>
      <c r="AT4" s="532" t="s">
        <v>52</v>
      </c>
      <c r="AU4" s="534" t="s">
        <v>61</v>
      </c>
      <c r="AV4" s="535"/>
      <c r="AW4" s="538"/>
      <c r="AX4" s="537" t="s">
        <v>62</v>
      </c>
      <c r="AY4" s="535"/>
      <c r="AZ4" s="535"/>
      <c r="BA4" s="535"/>
      <c r="BB4" s="535"/>
      <c r="BC4" s="535"/>
      <c r="BD4" s="538"/>
      <c r="BE4" s="532" t="s">
        <v>52</v>
      </c>
      <c r="BF4" s="534" t="s">
        <v>61</v>
      </c>
      <c r="BG4" s="535"/>
      <c r="BH4" s="536"/>
      <c r="BI4" s="537" t="s">
        <v>62</v>
      </c>
      <c r="BJ4" s="535"/>
      <c r="BK4" s="535"/>
      <c r="BL4" s="535"/>
      <c r="BM4" s="535"/>
      <c r="BN4" s="535"/>
      <c r="BO4" s="536"/>
      <c r="BP4" s="532" t="s">
        <v>52</v>
      </c>
      <c r="BQ4" s="534" t="s">
        <v>61</v>
      </c>
      <c r="BR4" s="535"/>
      <c r="BS4" s="536"/>
      <c r="BT4" s="537" t="s">
        <v>62</v>
      </c>
      <c r="BU4" s="535"/>
      <c r="BV4" s="535"/>
      <c r="BW4" s="535"/>
      <c r="BX4" s="535"/>
      <c r="BY4" s="535"/>
      <c r="BZ4" s="536"/>
      <c r="CA4" s="532" t="s">
        <v>52</v>
      </c>
      <c r="CB4" s="534" t="s">
        <v>61</v>
      </c>
      <c r="CC4" s="535"/>
      <c r="CD4" s="536"/>
      <c r="CE4" s="537" t="s">
        <v>62</v>
      </c>
      <c r="CF4" s="535"/>
      <c r="CG4" s="535"/>
      <c r="CH4" s="535"/>
      <c r="CI4" s="535"/>
      <c r="CJ4" s="535"/>
      <c r="CK4" s="536"/>
      <c r="CL4" s="532" t="s">
        <v>52</v>
      </c>
      <c r="CM4" s="534" t="s">
        <v>61</v>
      </c>
      <c r="CN4" s="535"/>
      <c r="CO4" s="536"/>
      <c r="CP4" s="537" t="s">
        <v>62</v>
      </c>
      <c r="CQ4" s="535"/>
      <c r="CR4" s="535"/>
      <c r="CS4" s="535"/>
      <c r="CT4" s="535"/>
      <c r="CU4" s="535"/>
      <c r="CV4" s="536"/>
      <c r="CW4" s="532" t="s">
        <v>52</v>
      </c>
      <c r="CX4" s="534" t="s">
        <v>61</v>
      </c>
      <c r="CY4" s="535"/>
      <c r="CZ4" s="536"/>
      <c r="DA4" s="537" t="s">
        <v>62</v>
      </c>
      <c r="DB4" s="535"/>
      <c r="DC4" s="535"/>
      <c r="DD4" s="535"/>
      <c r="DE4" s="535"/>
      <c r="DF4" s="535"/>
      <c r="DG4" s="536"/>
      <c r="DH4" s="532" t="s">
        <v>52</v>
      </c>
    </row>
    <row r="5" spans="2:112" ht="28.5" customHeight="1" thickBot="1" x14ac:dyDescent="0.25">
      <c r="B5" s="553"/>
      <c r="C5" s="264" t="s">
        <v>43</v>
      </c>
      <c r="D5" s="259" t="s">
        <v>44</v>
      </c>
      <c r="E5" s="382" t="s">
        <v>45</v>
      </c>
      <c r="F5" s="267" t="s">
        <v>83</v>
      </c>
      <c r="G5" s="259" t="s">
        <v>47</v>
      </c>
      <c r="H5" s="259" t="s">
        <v>48</v>
      </c>
      <c r="I5" s="259" t="s">
        <v>49</v>
      </c>
      <c r="J5" s="259" t="s">
        <v>50</v>
      </c>
      <c r="K5" s="259" t="s">
        <v>51</v>
      </c>
      <c r="L5" s="268" t="s">
        <v>45</v>
      </c>
      <c r="M5" s="533"/>
      <c r="N5" s="264" t="s">
        <v>43</v>
      </c>
      <c r="O5" s="259" t="s">
        <v>44</v>
      </c>
      <c r="P5" s="265" t="s">
        <v>45</v>
      </c>
      <c r="Q5" s="267" t="s">
        <v>83</v>
      </c>
      <c r="R5" s="259" t="s">
        <v>47</v>
      </c>
      <c r="S5" s="259" t="s">
        <v>48</v>
      </c>
      <c r="T5" s="259" t="s">
        <v>49</v>
      </c>
      <c r="U5" s="259" t="s">
        <v>50</v>
      </c>
      <c r="V5" s="259" t="s">
        <v>51</v>
      </c>
      <c r="W5" s="265" t="s">
        <v>45</v>
      </c>
      <c r="X5" s="533"/>
      <c r="Y5" s="323" t="s">
        <v>43</v>
      </c>
      <c r="Z5" s="259" t="s">
        <v>44</v>
      </c>
      <c r="AA5" s="268" t="s">
        <v>45</v>
      </c>
      <c r="AB5" s="267" t="s">
        <v>83</v>
      </c>
      <c r="AC5" s="259" t="s">
        <v>47</v>
      </c>
      <c r="AD5" s="259" t="s">
        <v>48</v>
      </c>
      <c r="AE5" s="259" t="s">
        <v>49</v>
      </c>
      <c r="AF5" s="259" t="s">
        <v>50</v>
      </c>
      <c r="AG5" s="259" t="s">
        <v>51</v>
      </c>
      <c r="AH5" s="265" t="s">
        <v>45</v>
      </c>
      <c r="AI5" s="533"/>
      <c r="AJ5" s="323" t="s">
        <v>43</v>
      </c>
      <c r="AK5" s="259" t="s">
        <v>44</v>
      </c>
      <c r="AL5" s="265" t="s">
        <v>45</v>
      </c>
      <c r="AM5" s="267" t="s">
        <v>83</v>
      </c>
      <c r="AN5" s="259" t="s">
        <v>47</v>
      </c>
      <c r="AO5" s="259" t="s">
        <v>48</v>
      </c>
      <c r="AP5" s="259" t="s">
        <v>49</v>
      </c>
      <c r="AQ5" s="259" t="s">
        <v>50</v>
      </c>
      <c r="AR5" s="259" t="s">
        <v>51</v>
      </c>
      <c r="AS5" s="265" t="s">
        <v>45</v>
      </c>
      <c r="AT5" s="533"/>
      <c r="AU5" s="323" t="s">
        <v>43</v>
      </c>
      <c r="AV5" s="259" t="s">
        <v>44</v>
      </c>
      <c r="AW5" s="268" t="s">
        <v>45</v>
      </c>
      <c r="AX5" s="267" t="s">
        <v>83</v>
      </c>
      <c r="AY5" s="259" t="s">
        <v>47</v>
      </c>
      <c r="AZ5" s="259" t="s">
        <v>48</v>
      </c>
      <c r="BA5" s="259" t="s">
        <v>49</v>
      </c>
      <c r="BB5" s="259" t="s">
        <v>50</v>
      </c>
      <c r="BC5" s="259" t="s">
        <v>51</v>
      </c>
      <c r="BD5" s="268" t="s">
        <v>45</v>
      </c>
      <c r="BE5" s="533"/>
      <c r="BF5" s="323" t="s">
        <v>43</v>
      </c>
      <c r="BG5" s="259" t="s">
        <v>44</v>
      </c>
      <c r="BH5" s="265" t="s">
        <v>45</v>
      </c>
      <c r="BI5" s="267" t="s">
        <v>83</v>
      </c>
      <c r="BJ5" s="259" t="s">
        <v>47</v>
      </c>
      <c r="BK5" s="259" t="s">
        <v>48</v>
      </c>
      <c r="BL5" s="259" t="s">
        <v>49</v>
      </c>
      <c r="BM5" s="259" t="s">
        <v>50</v>
      </c>
      <c r="BN5" s="259" t="s">
        <v>51</v>
      </c>
      <c r="BO5" s="265" t="s">
        <v>45</v>
      </c>
      <c r="BP5" s="533"/>
      <c r="BQ5" s="323" t="s">
        <v>43</v>
      </c>
      <c r="BR5" s="259" t="s">
        <v>44</v>
      </c>
      <c r="BS5" s="265" t="s">
        <v>45</v>
      </c>
      <c r="BT5" s="267" t="s">
        <v>83</v>
      </c>
      <c r="BU5" s="259" t="s">
        <v>47</v>
      </c>
      <c r="BV5" s="259" t="s">
        <v>48</v>
      </c>
      <c r="BW5" s="259" t="s">
        <v>49</v>
      </c>
      <c r="BX5" s="259" t="s">
        <v>50</v>
      </c>
      <c r="BY5" s="259" t="s">
        <v>51</v>
      </c>
      <c r="BZ5" s="265" t="s">
        <v>45</v>
      </c>
      <c r="CA5" s="533"/>
      <c r="CB5" s="323" t="s">
        <v>43</v>
      </c>
      <c r="CC5" s="259" t="s">
        <v>44</v>
      </c>
      <c r="CD5" s="265" t="s">
        <v>45</v>
      </c>
      <c r="CE5" s="267" t="s">
        <v>83</v>
      </c>
      <c r="CF5" s="259" t="s">
        <v>47</v>
      </c>
      <c r="CG5" s="259" t="s">
        <v>48</v>
      </c>
      <c r="CH5" s="259" t="s">
        <v>49</v>
      </c>
      <c r="CI5" s="259" t="s">
        <v>50</v>
      </c>
      <c r="CJ5" s="259" t="s">
        <v>51</v>
      </c>
      <c r="CK5" s="265" t="s">
        <v>45</v>
      </c>
      <c r="CL5" s="533"/>
      <c r="CM5" s="323" t="s">
        <v>43</v>
      </c>
      <c r="CN5" s="259" t="s">
        <v>44</v>
      </c>
      <c r="CO5" s="265" t="s">
        <v>45</v>
      </c>
      <c r="CP5" s="267" t="s">
        <v>83</v>
      </c>
      <c r="CQ5" s="259" t="s">
        <v>47</v>
      </c>
      <c r="CR5" s="259" t="s">
        <v>48</v>
      </c>
      <c r="CS5" s="259" t="s">
        <v>49</v>
      </c>
      <c r="CT5" s="259" t="s">
        <v>50</v>
      </c>
      <c r="CU5" s="259" t="s">
        <v>51</v>
      </c>
      <c r="CV5" s="265" t="s">
        <v>45</v>
      </c>
      <c r="CW5" s="533"/>
      <c r="CX5" s="365" t="s">
        <v>43</v>
      </c>
      <c r="CY5" s="259" t="s">
        <v>44</v>
      </c>
      <c r="CZ5" s="265" t="s">
        <v>45</v>
      </c>
      <c r="DA5" s="267" t="s">
        <v>83</v>
      </c>
      <c r="DB5" s="259" t="s">
        <v>47</v>
      </c>
      <c r="DC5" s="259" t="s">
        <v>48</v>
      </c>
      <c r="DD5" s="259" t="s">
        <v>49</v>
      </c>
      <c r="DE5" s="259" t="s">
        <v>50</v>
      </c>
      <c r="DF5" s="259" t="s">
        <v>51</v>
      </c>
      <c r="DG5" s="265" t="s">
        <v>45</v>
      </c>
      <c r="DH5" s="533"/>
    </row>
    <row r="6" spans="2:112" ht="18.75" customHeight="1" x14ac:dyDescent="0.2">
      <c r="B6" s="260" t="s">
        <v>4</v>
      </c>
      <c r="C6" s="269">
        <v>0</v>
      </c>
      <c r="D6" s="273">
        <v>0</v>
      </c>
      <c r="E6" s="383">
        <v>0</v>
      </c>
      <c r="F6" s="272">
        <v>0</v>
      </c>
      <c r="G6" s="273">
        <v>14014</v>
      </c>
      <c r="H6" s="273">
        <v>19028</v>
      </c>
      <c r="I6" s="273">
        <v>20507</v>
      </c>
      <c r="J6" s="273">
        <v>21320</v>
      </c>
      <c r="K6" s="273">
        <v>19366</v>
      </c>
      <c r="L6" s="274">
        <v>94235</v>
      </c>
      <c r="M6" s="275">
        <v>94235</v>
      </c>
      <c r="N6" s="269">
        <v>0</v>
      </c>
      <c r="O6" s="273">
        <v>4</v>
      </c>
      <c r="P6" s="270">
        <v>4</v>
      </c>
      <c r="Q6" s="272">
        <v>0</v>
      </c>
      <c r="R6" s="273">
        <v>16</v>
      </c>
      <c r="S6" s="273">
        <v>120</v>
      </c>
      <c r="T6" s="273">
        <v>217</v>
      </c>
      <c r="U6" s="273">
        <v>590</v>
      </c>
      <c r="V6" s="273">
        <v>1067</v>
      </c>
      <c r="W6" s="270">
        <v>2010</v>
      </c>
      <c r="X6" s="275">
        <v>2014</v>
      </c>
      <c r="Y6" s="269">
        <v>1031</v>
      </c>
      <c r="Z6" s="273">
        <v>2532</v>
      </c>
      <c r="AA6" s="270">
        <v>3563</v>
      </c>
      <c r="AB6" s="272">
        <v>0</v>
      </c>
      <c r="AC6" s="273">
        <v>8461</v>
      </c>
      <c r="AD6" s="273">
        <v>11857</v>
      </c>
      <c r="AE6" s="273">
        <v>7685</v>
      </c>
      <c r="AF6" s="273">
        <v>6840</v>
      </c>
      <c r="AG6" s="273">
        <v>4793</v>
      </c>
      <c r="AH6" s="270">
        <v>39636</v>
      </c>
      <c r="AI6" s="275">
        <v>43199</v>
      </c>
      <c r="AJ6" s="269">
        <v>94</v>
      </c>
      <c r="AK6" s="273">
        <v>486</v>
      </c>
      <c r="AL6" s="270">
        <v>580</v>
      </c>
      <c r="AM6" s="272">
        <v>0</v>
      </c>
      <c r="AN6" s="273">
        <v>783</v>
      </c>
      <c r="AO6" s="273">
        <v>1510</v>
      </c>
      <c r="AP6" s="273">
        <v>668</v>
      </c>
      <c r="AQ6" s="273">
        <v>916</v>
      </c>
      <c r="AR6" s="273">
        <v>326</v>
      </c>
      <c r="AS6" s="270">
        <v>4203</v>
      </c>
      <c r="AT6" s="275">
        <v>4783</v>
      </c>
      <c r="AU6" s="269">
        <v>1</v>
      </c>
      <c r="AV6" s="273">
        <v>0</v>
      </c>
      <c r="AW6" s="270">
        <v>1</v>
      </c>
      <c r="AX6" s="272">
        <v>0</v>
      </c>
      <c r="AY6" s="273">
        <v>12181</v>
      </c>
      <c r="AZ6" s="273">
        <v>11498</v>
      </c>
      <c r="BA6" s="273">
        <v>6822</v>
      </c>
      <c r="BB6" s="273">
        <v>2990</v>
      </c>
      <c r="BC6" s="273">
        <v>1466</v>
      </c>
      <c r="BD6" s="274">
        <v>34957</v>
      </c>
      <c r="BE6" s="275">
        <v>34958</v>
      </c>
      <c r="BF6" s="269">
        <v>0</v>
      </c>
      <c r="BG6" s="273">
        <v>0</v>
      </c>
      <c r="BH6" s="270">
        <v>0</v>
      </c>
      <c r="BI6" s="272">
        <v>0</v>
      </c>
      <c r="BJ6" s="273">
        <v>2574</v>
      </c>
      <c r="BK6" s="273">
        <v>3741</v>
      </c>
      <c r="BL6" s="273">
        <v>2017</v>
      </c>
      <c r="BM6" s="273">
        <v>1090</v>
      </c>
      <c r="BN6" s="273">
        <v>390</v>
      </c>
      <c r="BO6" s="270">
        <v>9812</v>
      </c>
      <c r="BP6" s="275">
        <v>9812</v>
      </c>
      <c r="BQ6" s="269">
        <v>34</v>
      </c>
      <c r="BR6" s="273">
        <v>102</v>
      </c>
      <c r="BS6" s="270">
        <v>136</v>
      </c>
      <c r="BT6" s="272">
        <v>0</v>
      </c>
      <c r="BU6" s="273">
        <v>1183</v>
      </c>
      <c r="BV6" s="273">
        <v>1571</v>
      </c>
      <c r="BW6" s="273">
        <v>3021</v>
      </c>
      <c r="BX6" s="273">
        <v>2517</v>
      </c>
      <c r="BY6" s="273">
        <v>535</v>
      </c>
      <c r="BZ6" s="270">
        <v>8827</v>
      </c>
      <c r="CA6" s="275">
        <v>8963</v>
      </c>
      <c r="CB6" s="269">
        <v>0</v>
      </c>
      <c r="CC6" s="273">
        <v>10</v>
      </c>
      <c r="CD6" s="270">
        <v>10</v>
      </c>
      <c r="CE6" s="272">
        <v>0</v>
      </c>
      <c r="CF6" s="273">
        <v>104</v>
      </c>
      <c r="CG6" s="273">
        <v>316</v>
      </c>
      <c r="CH6" s="273">
        <v>437</v>
      </c>
      <c r="CI6" s="273">
        <v>235</v>
      </c>
      <c r="CJ6" s="273">
        <v>122</v>
      </c>
      <c r="CK6" s="270">
        <v>1214</v>
      </c>
      <c r="CL6" s="275">
        <v>1224</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18.75" customHeight="1" x14ac:dyDescent="0.2">
      <c r="B7" s="261" t="s">
        <v>5</v>
      </c>
      <c r="C7" s="276">
        <v>0</v>
      </c>
      <c r="D7" s="280">
        <v>0</v>
      </c>
      <c r="E7" s="384">
        <v>0</v>
      </c>
      <c r="F7" s="279">
        <v>0</v>
      </c>
      <c r="G7" s="280">
        <v>5375</v>
      </c>
      <c r="H7" s="280">
        <v>8258</v>
      </c>
      <c r="I7" s="280">
        <v>8083</v>
      </c>
      <c r="J7" s="280">
        <v>8019</v>
      </c>
      <c r="K7" s="280">
        <v>8541</v>
      </c>
      <c r="L7" s="281">
        <v>38276</v>
      </c>
      <c r="M7" s="282">
        <v>38276</v>
      </c>
      <c r="N7" s="276">
        <v>0</v>
      </c>
      <c r="O7" s="280">
        <v>4</v>
      </c>
      <c r="P7" s="277">
        <v>4</v>
      </c>
      <c r="Q7" s="279">
        <v>0</v>
      </c>
      <c r="R7" s="280">
        <v>4</v>
      </c>
      <c r="S7" s="280">
        <v>58</v>
      </c>
      <c r="T7" s="280">
        <v>74</v>
      </c>
      <c r="U7" s="280">
        <v>225</v>
      </c>
      <c r="V7" s="280">
        <v>525</v>
      </c>
      <c r="W7" s="277">
        <v>886</v>
      </c>
      <c r="X7" s="282">
        <v>890</v>
      </c>
      <c r="Y7" s="276">
        <v>507</v>
      </c>
      <c r="Z7" s="280">
        <v>1417</v>
      </c>
      <c r="AA7" s="277">
        <v>1924</v>
      </c>
      <c r="AB7" s="279">
        <v>0</v>
      </c>
      <c r="AC7" s="280">
        <v>3212</v>
      </c>
      <c r="AD7" s="280">
        <v>6558</v>
      </c>
      <c r="AE7" s="280">
        <v>4108</v>
      </c>
      <c r="AF7" s="280">
        <v>3567</v>
      </c>
      <c r="AG7" s="280">
        <v>2328</v>
      </c>
      <c r="AH7" s="277">
        <v>19773</v>
      </c>
      <c r="AI7" s="282">
        <v>21697</v>
      </c>
      <c r="AJ7" s="276">
        <v>44</v>
      </c>
      <c r="AK7" s="280">
        <v>320</v>
      </c>
      <c r="AL7" s="277">
        <v>364</v>
      </c>
      <c r="AM7" s="279">
        <v>0</v>
      </c>
      <c r="AN7" s="280">
        <v>125</v>
      </c>
      <c r="AO7" s="280">
        <v>646</v>
      </c>
      <c r="AP7" s="280">
        <v>281</v>
      </c>
      <c r="AQ7" s="280">
        <v>355</v>
      </c>
      <c r="AR7" s="280">
        <v>115</v>
      </c>
      <c r="AS7" s="277">
        <v>1522</v>
      </c>
      <c r="AT7" s="282">
        <v>1886</v>
      </c>
      <c r="AU7" s="276">
        <v>1</v>
      </c>
      <c r="AV7" s="280">
        <v>0</v>
      </c>
      <c r="AW7" s="277">
        <v>1</v>
      </c>
      <c r="AX7" s="279">
        <v>0</v>
      </c>
      <c r="AY7" s="280">
        <v>4491</v>
      </c>
      <c r="AZ7" s="280">
        <v>4945</v>
      </c>
      <c r="BA7" s="280">
        <v>2600</v>
      </c>
      <c r="BB7" s="280">
        <v>1122</v>
      </c>
      <c r="BC7" s="280">
        <v>509</v>
      </c>
      <c r="BD7" s="281">
        <v>13667</v>
      </c>
      <c r="BE7" s="282">
        <v>13668</v>
      </c>
      <c r="BF7" s="276">
        <v>0</v>
      </c>
      <c r="BG7" s="280">
        <v>0</v>
      </c>
      <c r="BH7" s="277">
        <v>0</v>
      </c>
      <c r="BI7" s="279">
        <v>0</v>
      </c>
      <c r="BJ7" s="280">
        <v>826</v>
      </c>
      <c r="BK7" s="280">
        <v>1648</v>
      </c>
      <c r="BL7" s="280">
        <v>928</v>
      </c>
      <c r="BM7" s="280">
        <v>483</v>
      </c>
      <c r="BN7" s="280">
        <v>158</v>
      </c>
      <c r="BO7" s="277">
        <v>4043</v>
      </c>
      <c r="BP7" s="282">
        <v>4043</v>
      </c>
      <c r="BQ7" s="276">
        <v>15</v>
      </c>
      <c r="BR7" s="280">
        <v>82</v>
      </c>
      <c r="BS7" s="277">
        <v>97</v>
      </c>
      <c r="BT7" s="279">
        <v>0</v>
      </c>
      <c r="BU7" s="280">
        <v>476</v>
      </c>
      <c r="BV7" s="280">
        <v>655</v>
      </c>
      <c r="BW7" s="280">
        <v>1503</v>
      </c>
      <c r="BX7" s="280">
        <v>1101</v>
      </c>
      <c r="BY7" s="280">
        <v>210</v>
      </c>
      <c r="BZ7" s="277">
        <v>3945</v>
      </c>
      <c r="CA7" s="282">
        <v>4042</v>
      </c>
      <c r="CB7" s="276">
        <v>0</v>
      </c>
      <c r="CC7" s="280">
        <v>7</v>
      </c>
      <c r="CD7" s="277">
        <v>7</v>
      </c>
      <c r="CE7" s="279">
        <v>0</v>
      </c>
      <c r="CF7" s="280">
        <v>71</v>
      </c>
      <c r="CG7" s="280">
        <v>228</v>
      </c>
      <c r="CH7" s="280">
        <v>342</v>
      </c>
      <c r="CI7" s="280">
        <v>127</v>
      </c>
      <c r="CJ7" s="280">
        <v>92</v>
      </c>
      <c r="CK7" s="277">
        <v>860</v>
      </c>
      <c r="CL7" s="282">
        <v>867</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18.75" customHeight="1" x14ac:dyDescent="0.2">
      <c r="B8" s="261" t="s">
        <v>6</v>
      </c>
      <c r="C8" s="276">
        <v>0</v>
      </c>
      <c r="D8" s="280">
        <v>0</v>
      </c>
      <c r="E8" s="384">
        <v>0</v>
      </c>
      <c r="F8" s="279">
        <v>0</v>
      </c>
      <c r="G8" s="280">
        <v>1815</v>
      </c>
      <c r="H8" s="280">
        <v>1823</v>
      </c>
      <c r="I8" s="280">
        <v>2144</v>
      </c>
      <c r="J8" s="280">
        <v>2973</v>
      </c>
      <c r="K8" s="280">
        <v>2414</v>
      </c>
      <c r="L8" s="281">
        <v>11169</v>
      </c>
      <c r="M8" s="282">
        <v>11169</v>
      </c>
      <c r="N8" s="276">
        <v>0</v>
      </c>
      <c r="O8" s="280">
        <v>0</v>
      </c>
      <c r="P8" s="277">
        <v>0</v>
      </c>
      <c r="Q8" s="279">
        <v>0</v>
      </c>
      <c r="R8" s="280">
        <v>4</v>
      </c>
      <c r="S8" s="280">
        <v>18</v>
      </c>
      <c r="T8" s="280">
        <v>6</v>
      </c>
      <c r="U8" s="280">
        <v>57</v>
      </c>
      <c r="V8" s="280">
        <v>133</v>
      </c>
      <c r="W8" s="277">
        <v>218</v>
      </c>
      <c r="X8" s="282">
        <v>218</v>
      </c>
      <c r="Y8" s="276">
        <v>138</v>
      </c>
      <c r="Z8" s="280">
        <v>388</v>
      </c>
      <c r="AA8" s="277">
        <v>526</v>
      </c>
      <c r="AB8" s="279">
        <v>0</v>
      </c>
      <c r="AC8" s="280">
        <v>1453</v>
      </c>
      <c r="AD8" s="280">
        <v>1352</v>
      </c>
      <c r="AE8" s="280">
        <v>675</v>
      </c>
      <c r="AF8" s="280">
        <v>1160</v>
      </c>
      <c r="AG8" s="280">
        <v>827</v>
      </c>
      <c r="AH8" s="277">
        <v>5467</v>
      </c>
      <c r="AI8" s="282">
        <v>5993</v>
      </c>
      <c r="AJ8" s="276">
        <v>4</v>
      </c>
      <c r="AK8" s="280">
        <v>0</v>
      </c>
      <c r="AL8" s="277">
        <v>4</v>
      </c>
      <c r="AM8" s="279">
        <v>0</v>
      </c>
      <c r="AN8" s="280">
        <v>103</v>
      </c>
      <c r="AO8" s="280">
        <v>171</v>
      </c>
      <c r="AP8" s="280">
        <v>46</v>
      </c>
      <c r="AQ8" s="280">
        <v>115</v>
      </c>
      <c r="AR8" s="280">
        <v>42</v>
      </c>
      <c r="AS8" s="277">
        <v>477</v>
      </c>
      <c r="AT8" s="282">
        <v>481</v>
      </c>
      <c r="AU8" s="276">
        <v>0</v>
      </c>
      <c r="AV8" s="280">
        <v>0</v>
      </c>
      <c r="AW8" s="277">
        <v>0</v>
      </c>
      <c r="AX8" s="279">
        <v>0</v>
      </c>
      <c r="AY8" s="280">
        <v>1721</v>
      </c>
      <c r="AZ8" s="280">
        <v>1272</v>
      </c>
      <c r="BA8" s="280">
        <v>812</v>
      </c>
      <c r="BB8" s="280">
        <v>427</v>
      </c>
      <c r="BC8" s="280">
        <v>219</v>
      </c>
      <c r="BD8" s="281">
        <v>4451</v>
      </c>
      <c r="BE8" s="282">
        <v>4451</v>
      </c>
      <c r="BF8" s="276">
        <v>0</v>
      </c>
      <c r="BG8" s="280">
        <v>0</v>
      </c>
      <c r="BH8" s="277">
        <v>0</v>
      </c>
      <c r="BI8" s="279">
        <v>0</v>
      </c>
      <c r="BJ8" s="280">
        <v>344</v>
      </c>
      <c r="BK8" s="280">
        <v>403</v>
      </c>
      <c r="BL8" s="280">
        <v>250</v>
      </c>
      <c r="BM8" s="280">
        <v>114</v>
      </c>
      <c r="BN8" s="280">
        <v>79</v>
      </c>
      <c r="BO8" s="277">
        <v>1190</v>
      </c>
      <c r="BP8" s="282">
        <v>1190</v>
      </c>
      <c r="BQ8" s="276">
        <v>9</v>
      </c>
      <c r="BR8" s="280">
        <v>2</v>
      </c>
      <c r="BS8" s="277">
        <v>11</v>
      </c>
      <c r="BT8" s="279">
        <v>0</v>
      </c>
      <c r="BU8" s="280">
        <v>111</v>
      </c>
      <c r="BV8" s="280">
        <v>200</v>
      </c>
      <c r="BW8" s="280">
        <v>190</v>
      </c>
      <c r="BX8" s="280">
        <v>99</v>
      </c>
      <c r="BY8" s="280">
        <v>78</v>
      </c>
      <c r="BZ8" s="277">
        <v>678</v>
      </c>
      <c r="CA8" s="282">
        <v>689</v>
      </c>
      <c r="CB8" s="276">
        <v>0</v>
      </c>
      <c r="CC8" s="280">
        <v>3</v>
      </c>
      <c r="CD8" s="277">
        <v>3</v>
      </c>
      <c r="CE8" s="279">
        <v>0</v>
      </c>
      <c r="CF8" s="280">
        <v>11</v>
      </c>
      <c r="CG8" s="280">
        <v>15</v>
      </c>
      <c r="CH8" s="280">
        <v>58</v>
      </c>
      <c r="CI8" s="280">
        <v>35</v>
      </c>
      <c r="CJ8" s="280">
        <v>4</v>
      </c>
      <c r="CK8" s="277">
        <v>123</v>
      </c>
      <c r="CL8" s="282">
        <v>126</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18.75" customHeight="1" x14ac:dyDescent="0.2">
      <c r="B9" s="261" t="s">
        <v>14</v>
      </c>
      <c r="C9" s="276">
        <v>0</v>
      </c>
      <c r="D9" s="280">
        <v>0</v>
      </c>
      <c r="E9" s="384">
        <v>0</v>
      </c>
      <c r="F9" s="279">
        <v>0</v>
      </c>
      <c r="G9" s="280">
        <v>1083</v>
      </c>
      <c r="H9" s="280">
        <v>1819</v>
      </c>
      <c r="I9" s="280">
        <v>1590</v>
      </c>
      <c r="J9" s="280">
        <v>1120</v>
      </c>
      <c r="K9" s="280">
        <v>994</v>
      </c>
      <c r="L9" s="281">
        <v>6606</v>
      </c>
      <c r="M9" s="282">
        <v>6606</v>
      </c>
      <c r="N9" s="276">
        <v>0</v>
      </c>
      <c r="O9" s="280">
        <v>0</v>
      </c>
      <c r="P9" s="277">
        <v>0</v>
      </c>
      <c r="Q9" s="279">
        <v>0</v>
      </c>
      <c r="R9" s="280">
        <v>0</v>
      </c>
      <c r="S9" s="280">
        <v>0</v>
      </c>
      <c r="T9" s="280">
        <v>9</v>
      </c>
      <c r="U9" s="280">
        <v>15</v>
      </c>
      <c r="V9" s="280">
        <v>52</v>
      </c>
      <c r="W9" s="277">
        <v>76</v>
      </c>
      <c r="X9" s="282">
        <v>76</v>
      </c>
      <c r="Y9" s="276">
        <v>15</v>
      </c>
      <c r="Z9" s="280">
        <v>170</v>
      </c>
      <c r="AA9" s="277">
        <v>185</v>
      </c>
      <c r="AB9" s="279">
        <v>0</v>
      </c>
      <c r="AC9" s="280">
        <v>560</v>
      </c>
      <c r="AD9" s="280">
        <v>961</v>
      </c>
      <c r="AE9" s="280">
        <v>617</v>
      </c>
      <c r="AF9" s="280">
        <v>282</v>
      </c>
      <c r="AG9" s="280">
        <v>269</v>
      </c>
      <c r="AH9" s="277">
        <v>2689</v>
      </c>
      <c r="AI9" s="282">
        <v>2874</v>
      </c>
      <c r="AJ9" s="276">
        <v>0</v>
      </c>
      <c r="AK9" s="280">
        <v>31</v>
      </c>
      <c r="AL9" s="277">
        <v>31</v>
      </c>
      <c r="AM9" s="279">
        <v>0</v>
      </c>
      <c r="AN9" s="280">
        <v>28</v>
      </c>
      <c r="AO9" s="280">
        <v>18</v>
      </c>
      <c r="AP9" s="280">
        <v>12</v>
      </c>
      <c r="AQ9" s="280">
        <v>36</v>
      </c>
      <c r="AR9" s="280">
        <v>16</v>
      </c>
      <c r="AS9" s="277">
        <v>110</v>
      </c>
      <c r="AT9" s="282">
        <v>141</v>
      </c>
      <c r="AU9" s="276">
        <v>0</v>
      </c>
      <c r="AV9" s="280">
        <v>0</v>
      </c>
      <c r="AW9" s="277">
        <v>0</v>
      </c>
      <c r="AX9" s="279">
        <v>0</v>
      </c>
      <c r="AY9" s="280">
        <v>935</v>
      </c>
      <c r="AZ9" s="280">
        <v>1023</v>
      </c>
      <c r="BA9" s="280">
        <v>763</v>
      </c>
      <c r="BB9" s="280">
        <v>310</v>
      </c>
      <c r="BC9" s="280">
        <v>144</v>
      </c>
      <c r="BD9" s="281">
        <v>3175</v>
      </c>
      <c r="BE9" s="282">
        <v>3175</v>
      </c>
      <c r="BF9" s="276">
        <v>0</v>
      </c>
      <c r="BG9" s="280">
        <v>0</v>
      </c>
      <c r="BH9" s="277">
        <v>0</v>
      </c>
      <c r="BI9" s="279">
        <v>0</v>
      </c>
      <c r="BJ9" s="280">
        <v>79</v>
      </c>
      <c r="BK9" s="280">
        <v>229</v>
      </c>
      <c r="BL9" s="280">
        <v>139</v>
      </c>
      <c r="BM9" s="280">
        <v>56</v>
      </c>
      <c r="BN9" s="280">
        <v>10</v>
      </c>
      <c r="BO9" s="277">
        <v>513</v>
      </c>
      <c r="BP9" s="282">
        <v>513</v>
      </c>
      <c r="BQ9" s="276">
        <v>0</v>
      </c>
      <c r="BR9" s="280">
        <v>5</v>
      </c>
      <c r="BS9" s="277">
        <v>5</v>
      </c>
      <c r="BT9" s="279">
        <v>0</v>
      </c>
      <c r="BU9" s="280">
        <v>89</v>
      </c>
      <c r="BV9" s="280">
        <v>128</v>
      </c>
      <c r="BW9" s="280">
        <v>265</v>
      </c>
      <c r="BX9" s="280">
        <v>82</v>
      </c>
      <c r="BY9" s="280">
        <v>40</v>
      </c>
      <c r="BZ9" s="277">
        <v>604</v>
      </c>
      <c r="CA9" s="282">
        <v>609</v>
      </c>
      <c r="CB9" s="276">
        <v>0</v>
      </c>
      <c r="CC9" s="280">
        <v>0</v>
      </c>
      <c r="CD9" s="277">
        <v>0</v>
      </c>
      <c r="CE9" s="279">
        <v>0</v>
      </c>
      <c r="CF9" s="280">
        <v>0</v>
      </c>
      <c r="CG9" s="280">
        <v>0</v>
      </c>
      <c r="CH9" s="280">
        <v>7</v>
      </c>
      <c r="CI9" s="280">
        <v>28</v>
      </c>
      <c r="CJ9" s="280">
        <v>3</v>
      </c>
      <c r="CK9" s="277">
        <v>38</v>
      </c>
      <c r="CL9" s="282">
        <v>38</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18.75" customHeight="1" x14ac:dyDescent="0.2">
      <c r="B10" s="261" t="s">
        <v>7</v>
      </c>
      <c r="C10" s="276">
        <v>0</v>
      </c>
      <c r="D10" s="280">
        <v>0</v>
      </c>
      <c r="E10" s="384">
        <v>0</v>
      </c>
      <c r="F10" s="279">
        <v>0</v>
      </c>
      <c r="G10" s="280">
        <v>1557</v>
      </c>
      <c r="H10" s="280">
        <v>1637</v>
      </c>
      <c r="I10" s="280">
        <v>1552</v>
      </c>
      <c r="J10" s="280">
        <v>1456</v>
      </c>
      <c r="K10" s="280">
        <v>1279</v>
      </c>
      <c r="L10" s="281">
        <v>7481</v>
      </c>
      <c r="M10" s="282">
        <v>7481</v>
      </c>
      <c r="N10" s="276">
        <v>0</v>
      </c>
      <c r="O10" s="280">
        <v>0</v>
      </c>
      <c r="P10" s="277">
        <v>0</v>
      </c>
      <c r="Q10" s="279">
        <v>0</v>
      </c>
      <c r="R10" s="280">
        <v>4</v>
      </c>
      <c r="S10" s="280">
        <v>13</v>
      </c>
      <c r="T10" s="280">
        <v>46</v>
      </c>
      <c r="U10" s="280">
        <v>68</v>
      </c>
      <c r="V10" s="280">
        <v>57</v>
      </c>
      <c r="W10" s="277">
        <v>188</v>
      </c>
      <c r="X10" s="282">
        <v>188</v>
      </c>
      <c r="Y10" s="276">
        <v>10</v>
      </c>
      <c r="Z10" s="280">
        <v>34</v>
      </c>
      <c r="AA10" s="277">
        <v>44</v>
      </c>
      <c r="AB10" s="279">
        <v>0</v>
      </c>
      <c r="AC10" s="280">
        <v>457</v>
      </c>
      <c r="AD10" s="280">
        <v>374</v>
      </c>
      <c r="AE10" s="280">
        <v>307</v>
      </c>
      <c r="AF10" s="280">
        <v>247</v>
      </c>
      <c r="AG10" s="280">
        <v>180</v>
      </c>
      <c r="AH10" s="277">
        <v>1565</v>
      </c>
      <c r="AI10" s="282">
        <v>1609</v>
      </c>
      <c r="AJ10" s="276">
        <v>0</v>
      </c>
      <c r="AK10" s="280">
        <v>0</v>
      </c>
      <c r="AL10" s="277">
        <v>0</v>
      </c>
      <c r="AM10" s="279">
        <v>0</v>
      </c>
      <c r="AN10" s="280">
        <v>86</v>
      </c>
      <c r="AO10" s="280">
        <v>10</v>
      </c>
      <c r="AP10" s="280">
        <v>72</v>
      </c>
      <c r="AQ10" s="280">
        <v>33</v>
      </c>
      <c r="AR10" s="280">
        <v>0</v>
      </c>
      <c r="AS10" s="277">
        <v>201</v>
      </c>
      <c r="AT10" s="282">
        <v>201</v>
      </c>
      <c r="AU10" s="276">
        <v>0</v>
      </c>
      <c r="AV10" s="280">
        <v>0</v>
      </c>
      <c r="AW10" s="277">
        <v>0</v>
      </c>
      <c r="AX10" s="279">
        <v>0</v>
      </c>
      <c r="AY10" s="280">
        <v>1055</v>
      </c>
      <c r="AZ10" s="280">
        <v>753</v>
      </c>
      <c r="BA10" s="280">
        <v>441</v>
      </c>
      <c r="BB10" s="280">
        <v>142</v>
      </c>
      <c r="BC10" s="280">
        <v>107</v>
      </c>
      <c r="BD10" s="281">
        <v>2498</v>
      </c>
      <c r="BE10" s="282">
        <v>2498</v>
      </c>
      <c r="BF10" s="276">
        <v>0</v>
      </c>
      <c r="BG10" s="280">
        <v>0</v>
      </c>
      <c r="BH10" s="277">
        <v>0</v>
      </c>
      <c r="BI10" s="279">
        <v>0</v>
      </c>
      <c r="BJ10" s="280">
        <v>136</v>
      </c>
      <c r="BK10" s="280">
        <v>190</v>
      </c>
      <c r="BL10" s="280">
        <v>90</v>
      </c>
      <c r="BM10" s="280">
        <v>27</v>
      </c>
      <c r="BN10" s="280">
        <v>0</v>
      </c>
      <c r="BO10" s="277">
        <v>443</v>
      </c>
      <c r="BP10" s="282">
        <v>443</v>
      </c>
      <c r="BQ10" s="276">
        <v>0</v>
      </c>
      <c r="BR10" s="280">
        <v>0</v>
      </c>
      <c r="BS10" s="277">
        <v>0</v>
      </c>
      <c r="BT10" s="279">
        <v>0</v>
      </c>
      <c r="BU10" s="280">
        <v>117</v>
      </c>
      <c r="BV10" s="280">
        <v>157</v>
      </c>
      <c r="BW10" s="280">
        <v>101</v>
      </c>
      <c r="BX10" s="280">
        <v>132</v>
      </c>
      <c r="BY10" s="280">
        <v>44</v>
      </c>
      <c r="BZ10" s="277">
        <v>551</v>
      </c>
      <c r="CA10" s="282">
        <v>551</v>
      </c>
      <c r="CB10" s="276">
        <v>0</v>
      </c>
      <c r="CC10" s="280">
        <v>0</v>
      </c>
      <c r="CD10" s="277">
        <v>0</v>
      </c>
      <c r="CE10" s="279">
        <v>0</v>
      </c>
      <c r="CF10" s="280">
        <v>1</v>
      </c>
      <c r="CG10" s="280">
        <v>7</v>
      </c>
      <c r="CH10" s="280">
        <v>0</v>
      </c>
      <c r="CI10" s="280">
        <v>0</v>
      </c>
      <c r="CJ10" s="280">
        <v>0</v>
      </c>
      <c r="CK10" s="277">
        <v>8</v>
      </c>
      <c r="CL10" s="282">
        <v>8</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18.75" customHeight="1" x14ac:dyDescent="0.2">
      <c r="B11" s="261" t="s">
        <v>8</v>
      </c>
      <c r="C11" s="276">
        <v>0</v>
      </c>
      <c r="D11" s="280">
        <v>0</v>
      </c>
      <c r="E11" s="384">
        <v>0</v>
      </c>
      <c r="F11" s="279">
        <v>0</v>
      </c>
      <c r="G11" s="280">
        <v>283</v>
      </c>
      <c r="H11" s="280">
        <v>708</v>
      </c>
      <c r="I11" s="280">
        <v>724</v>
      </c>
      <c r="J11" s="280">
        <v>493</v>
      </c>
      <c r="K11" s="280">
        <v>460</v>
      </c>
      <c r="L11" s="281">
        <v>2668</v>
      </c>
      <c r="M11" s="282">
        <v>2668</v>
      </c>
      <c r="N11" s="276">
        <v>0</v>
      </c>
      <c r="O11" s="280">
        <v>0</v>
      </c>
      <c r="P11" s="277">
        <v>0</v>
      </c>
      <c r="Q11" s="279">
        <v>0</v>
      </c>
      <c r="R11" s="280">
        <v>0</v>
      </c>
      <c r="S11" s="280">
        <v>5</v>
      </c>
      <c r="T11" s="280">
        <v>8</v>
      </c>
      <c r="U11" s="280">
        <v>22</v>
      </c>
      <c r="V11" s="280">
        <v>13</v>
      </c>
      <c r="W11" s="277">
        <v>48</v>
      </c>
      <c r="X11" s="282">
        <v>48</v>
      </c>
      <c r="Y11" s="276">
        <v>8</v>
      </c>
      <c r="Z11" s="280">
        <v>31</v>
      </c>
      <c r="AA11" s="277">
        <v>39</v>
      </c>
      <c r="AB11" s="279">
        <v>0</v>
      </c>
      <c r="AC11" s="280">
        <v>86</v>
      </c>
      <c r="AD11" s="280">
        <v>155</v>
      </c>
      <c r="AE11" s="280">
        <v>160</v>
      </c>
      <c r="AF11" s="280">
        <v>134</v>
      </c>
      <c r="AG11" s="280">
        <v>62</v>
      </c>
      <c r="AH11" s="277">
        <v>597</v>
      </c>
      <c r="AI11" s="282">
        <v>636</v>
      </c>
      <c r="AJ11" s="276">
        <v>0</v>
      </c>
      <c r="AK11" s="280">
        <v>4</v>
      </c>
      <c r="AL11" s="277">
        <v>4</v>
      </c>
      <c r="AM11" s="279">
        <v>0</v>
      </c>
      <c r="AN11" s="280">
        <v>22</v>
      </c>
      <c r="AO11" s="280">
        <v>31</v>
      </c>
      <c r="AP11" s="280">
        <v>62</v>
      </c>
      <c r="AQ11" s="280">
        <v>33</v>
      </c>
      <c r="AR11" s="280">
        <v>6</v>
      </c>
      <c r="AS11" s="277">
        <v>154</v>
      </c>
      <c r="AT11" s="282">
        <v>158</v>
      </c>
      <c r="AU11" s="276">
        <v>0</v>
      </c>
      <c r="AV11" s="280">
        <v>0</v>
      </c>
      <c r="AW11" s="277">
        <v>0</v>
      </c>
      <c r="AX11" s="279">
        <v>0</v>
      </c>
      <c r="AY11" s="280">
        <v>227</v>
      </c>
      <c r="AZ11" s="280">
        <v>290</v>
      </c>
      <c r="BA11" s="280">
        <v>244</v>
      </c>
      <c r="BB11" s="280">
        <v>104</v>
      </c>
      <c r="BC11" s="280">
        <v>38</v>
      </c>
      <c r="BD11" s="281">
        <v>903</v>
      </c>
      <c r="BE11" s="282">
        <v>903</v>
      </c>
      <c r="BF11" s="276">
        <v>0</v>
      </c>
      <c r="BG11" s="280">
        <v>0</v>
      </c>
      <c r="BH11" s="277">
        <v>0</v>
      </c>
      <c r="BI11" s="279">
        <v>0</v>
      </c>
      <c r="BJ11" s="280">
        <v>70</v>
      </c>
      <c r="BK11" s="280">
        <v>39</v>
      </c>
      <c r="BL11" s="280">
        <v>62</v>
      </c>
      <c r="BM11" s="280">
        <v>26</v>
      </c>
      <c r="BN11" s="280">
        <v>13</v>
      </c>
      <c r="BO11" s="277">
        <v>210</v>
      </c>
      <c r="BP11" s="282">
        <v>210</v>
      </c>
      <c r="BQ11" s="276">
        <v>0</v>
      </c>
      <c r="BR11" s="280">
        <v>0</v>
      </c>
      <c r="BS11" s="277">
        <v>0</v>
      </c>
      <c r="BT11" s="279">
        <v>0</v>
      </c>
      <c r="BU11" s="280">
        <v>25</v>
      </c>
      <c r="BV11" s="280">
        <v>36</v>
      </c>
      <c r="BW11" s="280">
        <v>33</v>
      </c>
      <c r="BX11" s="280">
        <v>8</v>
      </c>
      <c r="BY11" s="280">
        <v>0</v>
      </c>
      <c r="BZ11" s="277">
        <v>102</v>
      </c>
      <c r="CA11" s="282">
        <v>102</v>
      </c>
      <c r="CB11" s="276">
        <v>0</v>
      </c>
      <c r="CC11" s="280">
        <v>0</v>
      </c>
      <c r="CD11" s="277">
        <v>0</v>
      </c>
      <c r="CE11" s="279">
        <v>0</v>
      </c>
      <c r="CF11" s="280">
        <v>0</v>
      </c>
      <c r="CG11" s="280">
        <v>3</v>
      </c>
      <c r="CH11" s="280">
        <v>11</v>
      </c>
      <c r="CI11" s="280">
        <v>0</v>
      </c>
      <c r="CJ11" s="280">
        <v>0</v>
      </c>
      <c r="CK11" s="277">
        <v>14</v>
      </c>
      <c r="CL11" s="282">
        <v>14</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18.75" customHeight="1" x14ac:dyDescent="0.2">
      <c r="B12" s="261" t="s">
        <v>9</v>
      </c>
      <c r="C12" s="276">
        <v>0</v>
      </c>
      <c r="D12" s="280">
        <v>0</v>
      </c>
      <c r="E12" s="384">
        <v>0</v>
      </c>
      <c r="F12" s="279">
        <v>0</v>
      </c>
      <c r="G12" s="280">
        <v>554</v>
      </c>
      <c r="H12" s="280">
        <v>776</v>
      </c>
      <c r="I12" s="280">
        <v>891</v>
      </c>
      <c r="J12" s="280">
        <v>1275</v>
      </c>
      <c r="K12" s="280">
        <v>859</v>
      </c>
      <c r="L12" s="281">
        <v>4355</v>
      </c>
      <c r="M12" s="282">
        <v>4355</v>
      </c>
      <c r="N12" s="276">
        <v>0</v>
      </c>
      <c r="O12" s="280">
        <v>0</v>
      </c>
      <c r="P12" s="277">
        <v>0</v>
      </c>
      <c r="Q12" s="279">
        <v>0</v>
      </c>
      <c r="R12" s="280">
        <v>2</v>
      </c>
      <c r="S12" s="280">
        <v>0</v>
      </c>
      <c r="T12" s="280">
        <v>11</v>
      </c>
      <c r="U12" s="280">
        <v>6</v>
      </c>
      <c r="V12" s="280">
        <v>44</v>
      </c>
      <c r="W12" s="277">
        <v>63</v>
      </c>
      <c r="X12" s="282">
        <v>63</v>
      </c>
      <c r="Y12" s="276">
        <v>13</v>
      </c>
      <c r="Z12" s="280">
        <v>50</v>
      </c>
      <c r="AA12" s="277">
        <v>63</v>
      </c>
      <c r="AB12" s="279">
        <v>0</v>
      </c>
      <c r="AC12" s="280">
        <v>445</v>
      </c>
      <c r="AD12" s="280">
        <v>222</v>
      </c>
      <c r="AE12" s="280">
        <v>303</v>
      </c>
      <c r="AF12" s="280">
        <v>171</v>
      </c>
      <c r="AG12" s="280">
        <v>226</v>
      </c>
      <c r="AH12" s="277">
        <v>1367</v>
      </c>
      <c r="AI12" s="282">
        <v>1430</v>
      </c>
      <c r="AJ12" s="276">
        <v>0</v>
      </c>
      <c r="AK12" s="280">
        <v>0</v>
      </c>
      <c r="AL12" s="277">
        <v>0</v>
      </c>
      <c r="AM12" s="279">
        <v>0</v>
      </c>
      <c r="AN12" s="280">
        <v>10</v>
      </c>
      <c r="AO12" s="280">
        <v>70</v>
      </c>
      <c r="AP12" s="280">
        <v>32</v>
      </c>
      <c r="AQ12" s="280">
        <v>96</v>
      </c>
      <c r="AR12" s="280">
        <v>9</v>
      </c>
      <c r="AS12" s="277">
        <v>217</v>
      </c>
      <c r="AT12" s="282">
        <v>217</v>
      </c>
      <c r="AU12" s="276">
        <v>0</v>
      </c>
      <c r="AV12" s="280">
        <v>0</v>
      </c>
      <c r="AW12" s="277">
        <v>0</v>
      </c>
      <c r="AX12" s="279">
        <v>0</v>
      </c>
      <c r="AY12" s="280">
        <v>303</v>
      </c>
      <c r="AZ12" s="280">
        <v>302</v>
      </c>
      <c r="BA12" s="280">
        <v>186</v>
      </c>
      <c r="BB12" s="280">
        <v>58</v>
      </c>
      <c r="BC12" s="280">
        <v>48</v>
      </c>
      <c r="BD12" s="281">
        <v>897</v>
      </c>
      <c r="BE12" s="282">
        <v>897</v>
      </c>
      <c r="BF12" s="276">
        <v>0</v>
      </c>
      <c r="BG12" s="280">
        <v>0</v>
      </c>
      <c r="BH12" s="277">
        <v>0</v>
      </c>
      <c r="BI12" s="279">
        <v>0</v>
      </c>
      <c r="BJ12" s="280">
        <v>131</v>
      </c>
      <c r="BK12" s="280">
        <v>116</v>
      </c>
      <c r="BL12" s="280">
        <v>97</v>
      </c>
      <c r="BM12" s="280">
        <v>61</v>
      </c>
      <c r="BN12" s="280">
        <v>22</v>
      </c>
      <c r="BO12" s="277">
        <v>427</v>
      </c>
      <c r="BP12" s="282">
        <v>427</v>
      </c>
      <c r="BQ12" s="276">
        <v>0</v>
      </c>
      <c r="BR12" s="280">
        <v>0</v>
      </c>
      <c r="BS12" s="277">
        <v>0</v>
      </c>
      <c r="BT12" s="279">
        <v>0</v>
      </c>
      <c r="BU12" s="280">
        <v>24</v>
      </c>
      <c r="BV12" s="280">
        <v>31</v>
      </c>
      <c r="BW12" s="280">
        <v>103</v>
      </c>
      <c r="BX12" s="280">
        <v>43</v>
      </c>
      <c r="BY12" s="280">
        <v>1</v>
      </c>
      <c r="BZ12" s="277">
        <v>202</v>
      </c>
      <c r="CA12" s="282">
        <v>202</v>
      </c>
      <c r="CB12" s="276">
        <v>0</v>
      </c>
      <c r="CC12" s="280">
        <v>0</v>
      </c>
      <c r="CD12" s="277">
        <v>0</v>
      </c>
      <c r="CE12" s="279">
        <v>0</v>
      </c>
      <c r="CF12" s="280">
        <v>0</v>
      </c>
      <c r="CG12" s="280">
        <v>2</v>
      </c>
      <c r="CH12" s="280">
        <v>0</v>
      </c>
      <c r="CI12" s="280">
        <v>13</v>
      </c>
      <c r="CJ12" s="280">
        <v>0</v>
      </c>
      <c r="CK12" s="277">
        <v>15</v>
      </c>
      <c r="CL12" s="282">
        <v>15</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18.75" customHeight="1" x14ac:dyDescent="0.2">
      <c r="B13" s="261" t="s">
        <v>10</v>
      </c>
      <c r="C13" s="276">
        <v>0</v>
      </c>
      <c r="D13" s="280">
        <v>0</v>
      </c>
      <c r="E13" s="384">
        <v>0</v>
      </c>
      <c r="F13" s="279">
        <v>0</v>
      </c>
      <c r="G13" s="280">
        <v>1201</v>
      </c>
      <c r="H13" s="280">
        <v>891</v>
      </c>
      <c r="I13" s="280">
        <v>1147</v>
      </c>
      <c r="J13" s="280">
        <v>1194</v>
      </c>
      <c r="K13" s="280">
        <v>1125</v>
      </c>
      <c r="L13" s="281">
        <v>5558</v>
      </c>
      <c r="M13" s="282">
        <v>5558</v>
      </c>
      <c r="N13" s="276">
        <v>0</v>
      </c>
      <c r="O13" s="280">
        <v>0</v>
      </c>
      <c r="P13" s="277">
        <v>0</v>
      </c>
      <c r="Q13" s="279">
        <v>0</v>
      </c>
      <c r="R13" s="280">
        <v>0</v>
      </c>
      <c r="S13" s="280">
        <v>0</v>
      </c>
      <c r="T13" s="280">
        <v>7</v>
      </c>
      <c r="U13" s="280">
        <v>77</v>
      </c>
      <c r="V13" s="280">
        <v>54</v>
      </c>
      <c r="W13" s="277">
        <v>138</v>
      </c>
      <c r="X13" s="282">
        <v>138</v>
      </c>
      <c r="Y13" s="276">
        <v>49</v>
      </c>
      <c r="Z13" s="280">
        <v>88</v>
      </c>
      <c r="AA13" s="277">
        <v>137</v>
      </c>
      <c r="AB13" s="279">
        <v>0</v>
      </c>
      <c r="AC13" s="280">
        <v>627</v>
      </c>
      <c r="AD13" s="280">
        <v>391</v>
      </c>
      <c r="AE13" s="280">
        <v>336</v>
      </c>
      <c r="AF13" s="280">
        <v>285</v>
      </c>
      <c r="AG13" s="280">
        <v>180</v>
      </c>
      <c r="AH13" s="277">
        <v>1819</v>
      </c>
      <c r="AI13" s="282">
        <v>1956</v>
      </c>
      <c r="AJ13" s="276">
        <v>10</v>
      </c>
      <c r="AK13" s="280">
        <v>48</v>
      </c>
      <c r="AL13" s="277">
        <v>58</v>
      </c>
      <c r="AM13" s="279">
        <v>0</v>
      </c>
      <c r="AN13" s="280">
        <v>104</v>
      </c>
      <c r="AO13" s="280">
        <v>88</v>
      </c>
      <c r="AP13" s="280">
        <v>24</v>
      </c>
      <c r="AQ13" s="280">
        <v>21</v>
      </c>
      <c r="AR13" s="280">
        <v>56</v>
      </c>
      <c r="AS13" s="277">
        <v>293</v>
      </c>
      <c r="AT13" s="282">
        <v>351</v>
      </c>
      <c r="AU13" s="276">
        <v>0</v>
      </c>
      <c r="AV13" s="280">
        <v>0</v>
      </c>
      <c r="AW13" s="277">
        <v>0</v>
      </c>
      <c r="AX13" s="279">
        <v>0</v>
      </c>
      <c r="AY13" s="280">
        <v>870</v>
      </c>
      <c r="AZ13" s="280">
        <v>674</v>
      </c>
      <c r="BA13" s="280">
        <v>311</v>
      </c>
      <c r="BB13" s="280">
        <v>108</v>
      </c>
      <c r="BC13" s="280">
        <v>79</v>
      </c>
      <c r="BD13" s="281">
        <v>2042</v>
      </c>
      <c r="BE13" s="282">
        <v>2042</v>
      </c>
      <c r="BF13" s="276">
        <v>0</v>
      </c>
      <c r="BG13" s="280">
        <v>0</v>
      </c>
      <c r="BH13" s="277">
        <v>0</v>
      </c>
      <c r="BI13" s="279">
        <v>0</v>
      </c>
      <c r="BJ13" s="280">
        <v>154</v>
      </c>
      <c r="BK13" s="280">
        <v>65</v>
      </c>
      <c r="BL13" s="280">
        <v>59</v>
      </c>
      <c r="BM13" s="280">
        <v>10</v>
      </c>
      <c r="BN13" s="280">
        <v>11</v>
      </c>
      <c r="BO13" s="277">
        <v>299</v>
      </c>
      <c r="BP13" s="282">
        <v>299</v>
      </c>
      <c r="BQ13" s="276">
        <v>0</v>
      </c>
      <c r="BR13" s="280">
        <v>0</v>
      </c>
      <c r="BS13" s="277">
        <v>0</v>
      </c>
      <c r="BT13" s="279">
        <v>0</v>
      </c>
      <c r="BU13" s="280">
        <v>67</v>
      </c>
      <c r="BV13" s="280">
        <v>70</v>
      </c>
      <c r="BW13" s="280">
        <v>137</v>
      </c>
      <c r="BX13" s="280">
        <v>104</v>
      </c>
      <c r="BY13" s="280">
        <v>54</v>
      </c>
      <c r="BZ13" s="277">
        <v>432</v>
      </c>
      <c r="CA13" s="282">
        <v>432</v>
      </c>
      <c r="CB13" s="276">
        <v>0</v>
      </c>
      <c r="CC13" s="280">
        <v>0</v>
      </c>
      <c r="CD13" s="277">
        <v>0</v>
      </c>
      <c r="CE13" s="279">
        <v>0</v>
      </c>
      <c r="CF13" s="280">
        <v>0</v>
      </c>
      <c r="CG13" s="280">
        <v>5</v>
      </c>
      <c r="CH13" s="280">
        <v>0</v>
      </c>
      <c r="CI13" s="280">
        <v>0</v>
      </c>
      <c r="CJ13" s="280">
        <v>0</v>
      </c>
      <c r="CK13" s="277">
        <v>5</v>
      </c>
      <c r="CL13" s="282">
        <v>5</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18.75" customHeight="1" x14ac:dyDescent="0.2">
      <c r="B14" s="261" t="s">
        <v>11</v>
      </c>
      <c r="C14" s="276">
        <v>0</v>
      </c>
      <c r="D14" s="280">
        <v>0</v>
      </c>
      <c r="E14" s="384">
        <v>0</v>
      </c>
      <c r="F14" s="279">
        <v>0</v>
      </c>
      <c r="G14" s="280">
        <v>115</v>
      </c>
      <c r="H14" s="280">
        <v>92</v>
      </c>
      <c r="I14" s="280">
        <v>591</v>
      </c>
      <c r="J14" s="280">
        <v>318</v>
      </c>
      <c r="K14" s="280">
        <v>310</v>
      </c>
      <c r="L14" s="281">
        <v>1426</v>
      </c>
      <c r="M14" s="282">
        <v>1426</v>
      </c>
      <c r="N14" s="276">
        <v>0</v>
      </c>
      <c r="O14" s="280">
        <v>0</v>
      </c>
      <c r="P14" s="277">
        <v>0</v>
      </c>
      <c r="Q14" s="279">
        <v>0</v>
      </c>
      <c r="R14" s="280">
        <v>0</v>
      </c>
      <c r="S14" s="280">
        <v>11</v>
      </c>
      <c r="T14" s="280">
        <v>13</v>
      </c>
      <c r="U14" s="280">
        <v>31</v>
      </c>
      <c r="V14" s="280">
        <v>9</v>
      </c>
      <c r="W14" s="277">
        <v>64</v>
      </c>
      <c r="X14" s="282">
        <v>64</v>
      </c>
      <c r="Y14" s="276">
        <v>17</v>
      </c>
      <c r="Z14" s="280">
        <v>46</v>
      </c>
      <c r="AA14" s="277">
        <v>63</v>
      </c>
      <c r="AB14" s="279">
        <v>0</v>
      </c>
      <c r="AC14" s="280">
        <v>207</v>
      </c>
      <c r="AD14" s="280">
        <v>156</v>
      </c>
      <c r="AE14" s="280">
        <v>162</v>
      </c>
      <c r="AF14" s="280">
        <v>129</v>
      </c>
      <c r="AG14" s="280">
        <v>100</v>
      </c>
      <c r="AH14" s="277">
        <v>754</v>
      </c>
      <c r="AI14" s="282">
        <v>817</v>
      </c>
      <c r="AJ14" s="276">
        <v>0</v>
      </c>
      <c r="AK14" s="280">
        <v>19</v>
      </c>
      <c r="AL14" s="277">
        <v>19</v>
      </c>
      <c r="AM14" s="279">
        <v>0</v>
      </c>
      <c r="AN14" s="280">
        <v>30</v>
      </c>
      <c r="AO14" s="280">
        <v>18</v>
      </c>
      <c r="AP14" s="280">
        <v>0</v>
      </c>
      <c r="AQ14" s="280">
        <v>26</v>
      </c>
      <c r="AR14" s="280">
        <v>0</v>
      </c>
      <c r="AS14" s="277">
        <v>74</v>
      </c>
      <c r="AT14" s="282">
        <v>93</v>
      </c>
      <c r="AU14" s="276">
        <v>0</v>
      </c>
      <c r="AV14" s="280">
        <v>0</v>
      </c>
      <c r="AW14" s="277">
        <v>0</v>
      </c>
      <c r="AX14" s="279">
        <v>0</v>
      </c>
      <c r="AY14" s="280">
        <v>296</v>
      </c>
      <c r="AZ14" s="280">
        <v>143</v>
      </c>
      <c r="BA14" s="280">
        <v>224</v>
      </c>
      <c r="BB14" s="280">
        <v>120</v>
      </c>
      <c r="BC14" s="280">
        <v>11</v>
      </c>
      <c r="BD14" s="281">
        <v>794</v>
      </c>
      <c r="BE14" s="282">
        <v>794</v>
      </c>
      <c r="BF14" s="276">
        <v>0</v>
      </c>
      <c r="BG14" s="280">
        <v>0</v>
      </c>
      <c r="BH14" s="277">
        <v>0</v>
      </c>
      <c r="BI14" s="279">
        <v>0</v>
      </c>
      <c r="BJ14" s="280">
        <v>107</v>
      </c>
      <c r="BK14" s="280">
        <v>65</v>
      </c>
      <c r="BL14" s="280">
        <v>16</v>
      </c>
      <c r="BM14" s="280">
        <v>39</v>
      </c>
      <c r="BN14" s="280">
        <v>0</v>
      </c>
      <c r="BO14" s="277">
        <v>227</v>
      </c>
      <c r="BP14" s="282">
        <v>227</v>
      </c>
      <c r="BQ14" s="276">
        <v>2</v>
      </c>
      <c r="BR14" s="280">
        <v>0</v>
      </c>
      <c r="BS14" s="277">
        <v>2</v>
      </c>
      <c r="BT14" s="279">
        <v>0</v>
      </c>
      <c r="BU14" s="280">
        <v>56</v>
      </c>
      <c r="BV14" s="280">
        <v>19</v>
      </c>
      <c r="BW14" s="280">
        <v>60</v>
      </c>
      <c r="BX14" s="280">
        <v>79</v>
      </c>
      <c r="BY14" s="280">
        <v>0</v>
      </c>
      <c r="BZ14" s="277">
        <v>214</v>
      </c>
      <c r="CA14" s="282">
        <v>216</v>
      </c>
      <c r="CB14" s="276">
        <v>0</v>
      </c>
      <c r="CC14" s="280">
        <v>0</v>
      </c>
      <c r="CD14" s="277">
        <v>0</v>
      </c>
      <c r="CE14" s="279">
        <v>0</v>
      </c>
      <c r="CF14" s="280">
        <v>0</v>
      </c>
      <c r="CG14" s="280">
        <v>30</v>
      </c>
      <c r="CH14" s="280">
        <v>0</v>
      </c>
      <c r="CI14" s="280">
        <v>0</v>
      </c>
      <c r="CJ14" s="280">
        <v>0</v>
      </c>
      <c r="CK14" s="277">
        <v>30</v>
      </c>
      <c r="CL14" s="282">
        <v>30</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18.75" customHeight="1" x14ac:dyDescent="0.2">
      <c r="B15" s="261" t="s">
        <v>12</v>
      </c>
      <c r="C15" s="276">
        <v>0</v>
      </c>
      <c r="D15" s="280">
        <v>0</v>
      </c>
      <c r="E15" s="384">
        <v>0</v>
      </c>
      <c r="F15" s="279">
        <v>0</v>
      </c>
      <c r="G15" s="280">
        <v>521</v>
      </c>
      <c r="H15" s="280">
        <v>601</v>
      </c>
      <c r="I15" s="280">
        <v>666</v>
      </c>
      <c r="J15" s="280">
        <v>1307</v>
      </c>
      <c r="K15" s="280">
        <v>884</v>
      </c>
      <c r="L15" s="281">
        <v>3979</v>
      </c>
      <c r="M15" s="282">
        <v>3979</v>
      </c>
      <c r="N15" s="276">
        <v>0</v>
      </c>
      <c r="O15" s="280">
        <v>0</v>
      </c>
      <c r="P15" s="277">
        <v>0</v>
      </c>
      <c r="Q15" s="279">
        <v>0</v>
      </c>
      <c r="R15" s="280">
        <v>0</v>
      </c>
      <c r="S15" s="280">
        <v>2</v>
      </c>
      <c r="T15" s="280">
        <v>11</v>
      </c>
      <c r="U15" s="280">
        <v>5</v>
      </c>
      <c r="V15" s="280">
        <v>20</v>
      </c>
      <c r="W15" s="277">
        <v>38</v>
      </c>
      <c r="X15" s="282">
        <v>38</v>
      </c>
      <c r="Y15" s="276">
        <v>91</v>
      </c>
      <c r="Z15" s="280">
        <v>111</v>
      </c>
      <c r="AA15" s="277">
        <v>202</v>
      </c>
      <c r="AB15" s="279">
        <v>0</v>
      </c>
      <c r="AC15" s="280">
        <v>171</v>
      </c>
      <c r="AD15" s="280">
        <v>352</v>
      </c>
      <c r="AE15" s="280">
        <v>208</v>
      </c>
      <c r="AF15" s="280">
        <v>95</v>
      </c>
      <c r="AG15" s="280">
        <v>52</v>
      </c>
      <c r="AH15" s="277">
        <v>878</v>
      </c>
      <c r="AI15" s="282">
        <v>1080</v>
      </c>
      <c r="AJ15" s="276">
        <v>0</v>
      </c>
      <c r="AK15" s="280">
        <v>0</v>
      </c>
      <c r="AL15" s="277">
        <v>0</v>
      </c>
      <c r="AM15" s="279">
        <v>0</v>
      </c>
      <c r="AN15" s="280">
        <v>0</v>
      </c>
      <c r="AO15" s="280">
        <v>78</v>
      </c>
      <c r="AP15" s="280">
        <v>36</v>
      </c>
      <c r="AQ15" s="280">
        <v>36</v>
      </c>
      <c r="AR15" s="280">
        <v>18</v>
      </c>
      <c r="AS15" s="277">
        <v>168</v>
      </c>
      <c r="AT15" s="282">
        <v>168</v>
      </c>
      <c r="AU15" s="276">
        <v>0</v>
      </c>
      <c r="AV15" s="280">
        <v>0</v>
      </c>
      <c r="AW15" s="277">
        <v>0</v>
      </c>
      <c r="AX15" s="279">
        <v>0</v>
      </c>
      <c r="AY15" s="280">
        <v>407</v>
      </c>
      <c r="AZ15" s="280">
        <v>215</v>
      </c>
      <c r="BA15" s="280">
        <v>171</v>
      </c>
      <c r="BB15" s="280">
        <v>67</v>
      </c>
      <c r="BC15" s="280">
        <v>19</v>
      </c>
      <c r="BD15" s="281">
        <v>879</v>
      </c>
      <c r="BE15" s="282">
        <v>879</v>
      </c>
      <c r="BF15" s="276">
        <v>0</v>
      </c>
      <c r="BG15" s="280">
        <v>0</v>
      </c>
      <c r="BH15" s="277">
        <v>0</v>
      </c>
      <c r="BI15" s="279">
        <v>0</v>
      </c>
      <c r="BJ15" s="280">
        <v>73</v>
      </c>
      <c r="BK15" s="280">
        <v>79</v>
      </c>
      <c r="BL15" s="280">
        <v>54</v>
      </c>
      <c r="BM15" s="280">
        <v>20</v>
      </c>
      <c r="BN15" s="280">
        <v>37</v>
      </c>
      <c r="BO15" s="277">
        <v>263</v>
      </c>
      <c r="BP15" s="282">
        <v>263</v>
      </c>
      <c r="BQ15" s="276">
        <v>0</v>
      </c>
      <c r="BR15" s="280">
        <v>3</v>
      </c>
      <c r="BS15" s="277">
        <v>3</v>
      </c>
      <c r="BT15" s="279">
        <v>0</v>
      </c>
      <c r="BU15" s="280">
        <v>94</v>
      </c>
      <c r="BV15" s="280">
        <v>39</v>
      </c>
      <c r="BW15" s="280">
        <v>9</v>
      </c>
      <c r="BX15" s="280">
        <v>127</v>
      </c>
      <c r="BY15" s="280">
        <v>13</v>
      </c>
      <c r="BZ15" s="277">
        <v>282</v>
      </c>
      <c r="CA15" s="282">
        <v>285</v>
      </c>
      <c r="CB15" s="276">
        <v>0</v>
      </c>
      <c r="CC15" s="280">
        <v>0</v>
      </c>
      <c r="CD15" s="277">
        <v>0</v>
      </c>
      <c r="CE15" s="279">
        <v>0</v>
      </c>
      <c r="CF15" s="280">
        <v>0</v>
      </c>
      <c r="CG15" s="280">
        <v>7</v>
      </c>
      <c r="CH15" s="280">
        <v>8</v>
      </c>
      <c r="CI15" s="280">
        <v>0</v>
      </c>
      <c r="CJ15" s="280">
        <v>0</v>
      </c>
      <c r="CK15" s="277">
        <v>15</v>
      </c>
      <c r="CL15" s="282">
        <v>15</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18.75" customHeight="1" x14ac:dyDescent="0.2">
      <c r="B16" s="261" t="s">
        <v>13</v>
      </c>
      <c r="C16" s="276">
        <v>0</v>
      </c>
      <c r="D16" s="280">
        <v>0</v>
      </c>
      <c r="E16" s="384">
        <v>0</v>
      </c>
      <c r="F16" s="279">
        <v>0</v>
      </c>
      <c r="G16" s="280">
        <v>165</v>
      </c>
      <c r="H16" s="280">
        <v>304</v>
      </c>
      <c r="I16" s="280">
        <v>392</v>
      </c>
      <c r="J16" s="280">
        <v>607</v>
      </c>
      <c r="K16" s="280">
        <v>378</v>
      </c>
      <c r="L16" s="281">
        <v>1846</v>
      </c>
      <c r="M16" s="282">
        <v>1846</v>
      </c>
      <c r="N16" s="276">
        <v>0</v>
      </c>
      <c r="O16" s="280">
        <v>0</v>
      </c>
      <c r="P16" s="277">
        <v>0</v>
      </c>
      <c r="Q16" s="279">
        <v>0</v>
      </c>
      <c r="R16" s="280">
        <v>0</v>
      </c>
      <c r="S16" s="280">
        <v>1</v>
      </c>
      <c r="T16" s="280">
        <v>0</v>
      </c>
      <c r="U16" s="280">
        <v>5</v>
      </c>
      <c r="V16" s="280">
        <v>28</v>
      </c>
      <c r="W16" s="277">
        <v>34</v>
      </c>
      <c r="X16" s="282">
        <v>34</v>
      </c>
      <c r="Y16" s="276">
        <v>5</v>
      </c>
      <c r="Z16" s="280">
        <v>14</v>
      </c>
      <c r="AA16" s="277">
        <v>19</v>
      </c>
      <c r="AB16" s="279">
        <v>0</v>
      </c>
      <c r="AC16" s="280">
        <v>84</v>
      </c>
      <c r="AD16" s="280">
        <v>153</v>
      </c>
      <c r="AE16" s="280">
        <v>86</v>
      </c>
      <c r="AF16" s="280">
        <v>117</v>
      </c>
      <c r="AG16" s="280">
        <v>79</v>
      </c>
      <c r="AH16" s="277">
        <v>519</v>
      </c>
      <c r="AI16" s="282">
        <v>538</v>
      </c>
      <c r="AJ16" s="276">
        <v>0</v>
      </c>
      <c r="AK16" s="280">
        <v>6</v>
      </c>
      <c r="AL16" s="277">
        <v>6</v>
      </c>
      <c r="AM16" s="279">
        <v>0</v>
      </c>
      <c r="AN16" s="280">
        <v>23</v>
      </c>
      <c r="AO16" s="280">
        <v>0</v>
      </c>
      <c r="AP16" s="280">
        <v>0</v>
      </c>
      <c r="AQ16" s="280">
        <v>8</v>
      </c>
      <c r="AR16" s="280">
        <v>4</v>
      </c>
      <c r="AS16" s="277">
        <v>35</v>
      </c>
      <c r="AT16" s="282">
        <v>41</v>
      </c>
      <c r="AU16" s="276">
        <v>0</v>
      </c>
      <c r="AV16" s="280">
        <v>0</v>
      </c>
      <c r="AW16" s="277">
        <v>0</v>
      </c>
      <c r="AX16" s="279">
        <v>0</v>
      </c>
      <c r="AY16" s="280">
        <v>114</v>
      </c>
      <c r="AZ16" s="280">
        <v>131</v>
      </c>
      <c r="BA16" s="280">
        <v>107</v>
      </c>
      <c r="BB16" s="280">
        <v>57</v>
      </c>
      <c r="BC16" s="280">
        <v>38</v>
      </c>
      <c r="BD16" s="281">
        <v>447</v>
      </c>
      <c r="BE16" s="282">
        <v>447</v>
      </c>
      <c r="BF16" s="276">
        <v>0</v>
      </c>
      <c r="BG16" s="280">
        <v>0</v>
      </c>
      <c r="BH16" s="277">
        <v>0</v>
      </c>
      <c r="BI16" s="279">
        <v>0</v>
      </c>
      <c r="BJ16" s="280">
        <v>18</v>
      </c>
      <c r="BK16" s="280">
        <v>40</v>
      </c>
      <c r="BL16" s="280">
        <v>9</v>
      </c>
      <c r="BM16" s="280">
        <v>29</v>
      </c>
      <c r="BN16" s="280">
        <v>4</v>
      </c>
      <c r="BO16" s="277">
        <v>100</v>
      </c>
      <c r="BP16" s="282">
        <v>100</v>
      </c>
      <c r="BQ16" s="276">
        <v>0</v>
      </c>
      <c r="BR16" s="280">
        <v>0</v>
      </c>
      <c r="BS16" s="277">
        <v>0</v>
      </c>
      <c r="BT16" s="279">
        <v>0</v>
      </c>
      <c r="BU16" s="280">
        <v>13</v>
      </c>
      <c r="BV16" s="280">
        <v>2</v>
      </c>
      <c r="BW16" s="280">
        <v>24</v>
      </c>
      <c r="BX16" s="280">
        <v>80</v>
      </c>
      <c r="BY16" s="280">
        <v>5</v>
      </c>
      <c r="BZ16" s="277">
        <v>124</v>
      </c>
      <c r="CA16" s="282">
        <v>124</v>
      </c>
      <c r="CB16" s="276">
        <v>0</v>
      </c>
      <c r="CC16" s="280">
        <v>0</v>
      </c>
      <c r="CD16" s="277">
        <v>0</v>
      </c>
      <c r="CE16" s="279">
        <v>0</v>
      </c>
      <c r="CF16" s="280">
        <v>0</v>
      </c>
      <c r="CG16" s="280">
        <v>0</v>
      </c>
      <c r="CH16" s="280">
        <v>7</v>
      </c>
      <c r="CI16" s="280">
        <v>0</v>
      </c>
      <c r="CJ16" s="280">
        <v>0</v>
      </c>
      <c r="CK16" s="277">
        <v>7</v>
      </c>
      <c r="CL16" s="282">
        <v>7</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18.75" customHeight="1" x14ac:dyDescent="0.2">
      <c r="B17" s="261" t="s">
        <v>15</v>
      </c>
      <c r="C17" s="276">
        <v>0</v>
      </c>
      <c r="D17" s="280">
        <v>0</v>
      </c>
      <c r="E17" s="384">
        <v>0</v>
      </c>
      <c r="F17" s="279">
        <v>0</v>
      </c>
      <c r="G17" s="280">
        <v>35</v>
      </c>
      <c r="H17" s="280">
        <v>65</v>
      </c>
      <c r="I17" s="280">
        <v>237</v>
      </c>
      <c r="J17" s="280">
        <v>66</v>
      </c>
      <c r="K17" s="280">
        <v>104</v>
      </c>
      <c r="L17" s="281">
        <v>507</v>
      </c>
      <c r="M17" s="282">
        <v>507</v>
      </c>
      <c r="N17" s="276">
        <v>0</v>
      </c>
      <c r="O17" s="280">
        <v>0</v>
      </c>
      <c r="P17" s="277">
        <v>0</v>
      </c>
      <c r="Q17" s="279">
        <v>0</v>
      </c>
      <c r="R17" s="280">
        <v>0</v>
      </c>
      <c r="S17" s="280">
        <v>0</v>
      </c>
      <c r="T17" s="280">
        <v>0</v>
      </c>
      <c r="U17" s="280">
        <v>7</v>
      </c>
      <c r="V17" s="280">
        <v>0</v>
      </c>
      <c r="W17" s="277">
        <v>7</v>
      </c>
      <c r="X17" s="282">
        <v>7</v>
      </c>
      <c r="Y17" s="276">
        <v>0</v>
      </c>
      <c r="Z17" s="280">
        <v>6</v>
      </c>
      <c r="AA17" s="277">
        <v>6</v>
      </c>
      <c r="AB17" s="279">
        <v>0</v>
      </c>
      <c r="AC17" s="280">
        <v>14</v>
      </c>
      <c r="AD17" s="280">
        <v>39</v>
      </c>
      <c r="AE17" s="280">
        <v>8</v>
      </c>
      <c r="AF17" s="280">
        <v>23</v>
      </c>
      <c r="AG17" s="280">
        <v>4</v>
      </c>
      <c r="AH17" s="277">
        <v>88</v>
      </c>
      <c r="AI17" s="282">
        <v>94</v>
      </c>
      <c r="AJ17" s="276">
        <v>0</v>
      </c>
      <c r="AK17" s="280">
        <v>0</v>
      </c>
      <c r="AL17" s="277">
        <v>0</v>
      </c>
      <c r="AM17" s="279">
        <v>0</v>
      </c>
      <c r="AN17" s="280">
        <v>6</v>
      </c>
      <c r="AO17" s="280">
        <v>12</v>
      </c>
      <c r="AP17" s="280">
        <v>0</v>
      </c>
      <c r="AQ17" s="280">
        <v>0</v>
      </c>
      <c r="AR17" s="280">
        <v>12</v>
      </c>
      <c r="AS17" s="277">
        <v>30</v>
      </c>
      <c r="AT17" s="282">
        <v>30</v>
      </c>
      <c r="AU17" s="276">
        <v>0</v>
      </c>
      <c r="AV17" s="280">
        <v>0</v>
      </c>
      <c r="AW17" s="277">
        <v>0</v>
      </c>
      <c r="AX17" s="279">
        <v>0</v>
      </c>
      <c r="AY17" s="280">
        <v>5</v>
      </c>
      <c r="AZ17" s="280">
        <v>33</v>
      </c>
      <c r="BA17" s="280">
        <v>4</v>
      </c>
      <c r="BB17" s="280">
        <v>0</v>
      </c>
      <c r="BC17" s="280">
        <v>0</v>
      </c>
      <c r="BD17" s="281">
        <v>42</v>
      </c>
      <c r="BE17" s="282">
        <v>42</v>
      </c>
      <c r="BF17" s="276">
        <v>0</v>
      </c>
      <c r="BG17" s="280">
        <v>0</v>
      </c>
      <c r="BH17" s="277">
        <v>0</v>
      </c>
      <c r="BI17" s="279">
        <v>0</v>
      </c>
      <c r="BJ17" s="280">
        <v>11</v>
      </c>
      <c r="BK17" s="280">
        <v>9</v>
      </c>
      <c r="BL17" s="280">
        <v>34</v>
      </c>
      <c r="BM17" s="280">
        <v>0</v>
      </c>
      <c r="BN17" s="280">
        <v>0</v>
      </c>
      <c r="BO17" s="277">
        <v>54</v>
      </c>
      <c r="BP17" s="282">
        <v>54</v>
      </c>
      <c r="BQ17" s="276">
        <v>0</v>
      </c>
      <c r="BR17" s="280">
        <v>0</v>
      </c>
      <c r="BS17" s="277">
        <v>0</v>
      </c>
      <c r="BT17" s="279">
        <v>0</v>
      </c>
      <c r="BU17" s="280">
        <v>0</v>
      </c>
      <c r="BV17" s="280">
        <v>0</v>
      </c>
      <c r="BW17" s="280">
        <v>30</v>
      </c>
      <c r="BX17" s="280">
        <v>35</v>
      </c>
      <c r="BY17" s="280">
        <v>10</v>
      </c>
      <c r="BZ17" s="277">
        <v>75</v>
      </c>
      <c r="CA17" s="282">
        <v>75</v>
      </c>
      <c r="CB17" s="276">
        <v>0</v>
      </c>
      <c r="CC17" s="280">
        <v>0</v>
      </c>
      <c r="CD17" s="277">
        <v>0</v>
      </c>
      <c r="CE17" s="279">
        <v>0</v>
      </c>
      <c r="CF17" s="280">
        <v>0</v>
      </c>
      <c r="CG17" s="280">
        <v>0</v>
      </c>
      <c r="CH17" s="280">
        <v>4</v>
      </c>
      <c r="CI17" s="280">
        <v>0</v>
      </c>
      <c r="CJ17" s="280">
        <v>0</v>
      </c>
      <c r="CK17" s="277">
        <v>4</v>
      </c>
      <c r="CL17" s="282">
        <v>4</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18.75" customHeight="1" x14ac:dyDescent="0.2">
      <c r="B18" s="261" t="s">
        <v>16</v>
      </c>
      <c r="C18" s="276">
        <v>0</v>
      </c>
      <c r="D18" s="280">
        <v>0</v>
      </c>
      <c r="E18" s="384">
        <v>0</v>
      </c>
      <c r="F18" s="279">
        <v>0</v>
      </c>
      <c r="G18" s="280">
        <v>101</v>
      </c>
      <c r="H18" s="280">
        <v>94</v>
      </c>
      <c r="I18" s="280">
        <v>89</v>
      </c>
      <c r="J18" s="280">
        <v>118</v>
      </c>
      <c r="K18" s="280">
        <v>103</v>
      </c>
      <c r="L18" s="281">
        <v>505</v>
      </c>
      <c r="M18" s="282">
        <v>505</v>
      </c>
      <c r="N18" s="276">
        <v>0</v>
      </c>
      <c r="O18" s="280">
        <v>0</v>
      </c>
      <c r="P18" s="277">
        <v>0</v>
      </c>
      <c r="Q18" s="279">
        <v>0</v>
      </c>
      <c r="R18" s="280">
        <v>0</v>
      </c>
      <c r="S18" s="280">
        <v>4</v>
      </c>
      <c r="T18" s="280">
        <v>0</v>
      </c>
      <c r="U18" s="280">
        <v>5</v>
      </c>
      <c r="V18" s="280">
        <v>12</v>
      </c>
      <c r="W18" s="277">
        <v>21</v>
      </c>
      <c r="X18" s="282">
        <v>21</v>
      </c>
      <c r="Y18" s="276">
        <v>14</v>
      </c>
      <c r="Z18" s="280">
        <v>30</v>
      </c>
      <c r="AA18" s="277">
        <v>44</v>
      </c>
      <c r="AB18" s="279">
        <v>0</v>
      </c>
      <c r="AC18" s="280">
        <v>117</v>
      </c>
      <c r="AD18" s="280">
        <v>156</v>
      </c>
      <c r="AE18" s="280">
        <v>30</v>
      </c>
      <c r="AF18" s="280">
        <v>96</v>
      </c>
      <c r="AG18" s="280">
        <v>63</v>
      </c>
      <c r="AH18" s="277">
        <v>462</v>
      </c>
      <c r="AI18" s="282">
        <v>506</v>
      </c>
      <c r="AJ18" s="276">
        <v>0</v>
      </c>
      <c r="AK18" s="280">
        <v>0</v>
      </c>
      <c r="AL18" s="277">
        <v>0</v>
      </c>
      <c r="AM18" s="279">
        <v>0</v>
      </c>
      <c r="AN18" s="280">
        <v>0</v>
      </c>
      <c r="AO18" s="280">
        <v>0</v>
      </c>
      <c r="AP18" s="280">
        <v>6</v>
      </c>
      <c r="AQ18" s="280">
        <v>0</v>
      </c>
      <c r="AR18" s="280">
        <v>15</v>
      </c>
      <c r="AS18" s="277">
        <v>21</v>
      </c>
      <c r="AT18" s="282">
        <v>21</v>
      </c>
      <c r="AU18" s="276">
        <v>0</v>
      </c>
      <c r="AV18" s="280">
        <v>0</v>
      </c>
      <c r="AW18" s="277">
        <v>0</v>
      </c>
      <c r="AX18" s="279">
        <v>0</v>
      </c>
      <c r="AY18" s="280">
        <v>126</v>
      </c>
      <c r="AZ18" s="280">
        <v>210</v>
      </c>
      <c r="BA18" s="280">
        <v>62</v>
      </c>
      <c r="BB18" s="280">
        <v>91</v>
      </c>
      <c r="BC18" s="280">
        <v>40</v>
      </c>
      <c r="BD18" s="281">
        <v>529</v>
      </c>
      <c r="BE18" s="282">
        <v>529</v>
      </c>
      <c r="BF18" s="276">
        <v>0</v>
      </c>
      <c r="BG18" s="280">
        <v>0</v>
      </c>
      <c r="BH18" s="277">
        <v>0</v>
      </c>
      <c r="BI18" s="279">
        <v>0</v>
      </c>
      <c r="BJ18" s="280">
        <v>150</v>
      </c>
      <c r="BK18" s="280">
        <v>229</v>
      </c>
      <c r="BL18" s="280">
        <v>13</v>
      </c>
      <c r="BM18" s="280">
        <v>32</v>
      </c>
      <c r="BN18" s="280">
        <v>0</v>
      </c>
      <c r="BO18" s="277">
        <v>424</v>
      </c>
      <c r="BP18" s="282">
        <v>424</v>
      </c>
      <c r="BQ18" s="276">
        <v>0</v>
      </c>
      <c r="BR18" s="280">
        <v>0</v>
      </c>
      <c r="BS18" s="277">
        <v>0</v>
      </c>
      <c r="BT18" s="279">
        <v>0</v>
      </c>
      <c r="BU18" s="280">
        <v>3</v>
      </c>
      <c r="BV18" s="280">
        <v>23</v>
      </c>
      <c r="BW18" s="280">
        <v>71</v>
      </c>
      <c r="BX18" s="280">
        <v>6</v>
      </c>
      <c r="BY18" s="280">
        <v>5</v>
      </c>
      <c r="BZ18" s="277">
        <v>108</v>
      </c>
      <c r="CA18" s="282">
        <v>108</v>
      </c>
      <c r="CB18" s="276">
        <v>0</v>
      </c>
      <c r="CC18" s="280">
        <v>0</v>
      </c>
      <c r="CD18" s="277">
        <v>0</v>
      </c>
      <c r="CE18" s="279">
        <v>0</v>
      </c>
      <c r="CF18" s="280">
        <v>0</v>
      </c>
      <c r="CG18" s="280">
        <v>19</v>
      </c>
      <c r="CH18" s="280">
        <v>0</v>
      </c>
      <c r="CI18" s="280">
        <v>3</v>
      </c>
      <c r="CJ18" s="280">
        <v>0</v>
      </c>
      <c r="CK18" s="277">
        <v>22</v>
      </c>
      <c r="CL18" s="282">
        <v>22</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18.75" customHeight="1" x14ac:dyDescent="0.2">
      <c r="B19" s="261" t="s">
        <v>17</v>
      </c>
      <c r="C19" s="276">
        <v>0</v>
      </c>
      <c r="D19" s="280">
        <v>0</v>
      </c>
      <c r="E19" s="384">
        <v>0</v>
      </c>
      <c r="F19" s="279">
        <v>0</v>
      </c>
      <c r="G19" s="280">
        <v>58</v>
      </c>
      <c r="H19" s="280">
        <v>267</v>
      </c>
      <c r="I19" s="280">
        <v>378</v>
      </c>
      <c r="J19" s="280">
        <v>64</v>
      </c>
      <c r="K19" s="280">
        <v>739</v>
      </c>
      <c r="L19" s="281">
        <v>1506</v>
      </c>
      <c r="M19" s="282">
        <v>1506</v>
      </c>
      <c r="N19" s="276">
        <v>0</v>
      </c>
      <c r="O19" s="280">
        <v>0</v>
      </c>
      <c r="P19" s="277">
        <v>0</v>
      </c>
      <c r="Q19" s="279">
        <v>0</v>
      </c>
      <c r="R19" s="280">
        <v>0</v>
      </c>
      <c r="S19" s="280">
        <v>0</v>
      </c>
      <c r="T19" s="280">
        <v>0</v>
      </c>
      <c r="U19" s="280">
        <v>0</v>
      </c>
      <c r="V19" s="280">
        <v>29</v>
      </c>
      <c r="W19" s="277">
        <v>29</v>
      </c>
      <c r="X19" s="282">
        <v>29</v>
      </c>
      <c r="Y19" s="276">
        <v>11</v>
      </c>
      <c r="Z19" s="280">
        <v>31</v>
      </c>
      <c r="AA19" s="277">
        <v>42</v>
      </c>
      <c r="AB19" s="279">
        <v>0</v>
      </c>
      <c r="AC19" s="280">
        <v>70</v>
      </c>
      <c r="AD19" s="280">
        <v>93</v>
      </c>
      <c r="AE19" s="280">
        <v>45</v>
      </c>
      <c r="AF19" s="280">
        <v>45</v>
      </c>
      <c r="AG19" s="280">
        <v>72</v>
      </c>
      <c r="AH19" s="277">
        <v>325</v>
      </c>
      <c r="AI19" s="282">
        <v>367</v>
      </c>
      <c r="AJ19" s="276">
        <v>12</v>
      </c>
      <c r="AK19" s="280">
        <v>0</v>
      </c>
      <c r="AL19" s="277">
        <v>12</v>
      </c>
      <c r="AM19" s="279">
        <v>0</v>
      </c>
      <c r="AN19" s="280">
        <v>8</v>
      </c>
      <c r="AO19" s="280">
        <v>30</v>
      </c>
      <c r="AP19" s="280">
        <v>0</v>
      </c>
      <c r="AQ19" s="280">
        <v>6</v>
      </c>
      <c r="AR19" s="280">
        <v>0</v>
      </c>
      <c r="AS19" s="277">
        <v>44</v>
      </c>
      <c r="AT19" s="282">
        <v>56</v>
      </c>
      <c r="AU19" s="276">
        <v>0</v>
      </c>
      <c r="AV19" s="280">
        <v>0</v>
      </c>
      <c r="AW19" s="277">
        <v>0</v>
      </c>
      <c r="AX19" s="279">
        <v>0</v>
      </c>
      <c r="AY19" s="280">
        <v>234</v>
      </c>
      <c r="AZ19" s="280">
        <v>159</v>
      </c>
      <c r="BA19" s="280">
        <v>79</v>
      </c>
      <c r="BB19" s="280">
        <v>54</v>
      </c>
      <c r="BC19" s="280">
        <v>66</v>
      </c>
      <c r="BD19" s="281">
        <v>592</v>
      </c>
      <c r="BE19" s="282">
        <v>592</v>
      </c>
      <c r="BF19" s="276">
        <v>0</v>
      </c>
      <c r="BG19" s="280">
        <v>0</v>
      </c>
      <c r="BH19" s="277">
        <v>0</v>
      </c>
      <c r="BI19" s="279">
        <v>0</v>
      </c>
      <c r="BJ19" s="280">
        <v>44</v>
      </c>
      <c r="BK19" s="280">
        <v>135</v>
      </c>
      <c r="BL19" s="280">
        <v>14</v>
      </c>
      <c r="BM19" s="280">
        <v>18</v>
      </c>
      <c r="BN19" s="280">
        <v>2</v>
      </c>
      <c r="BO19" s="277">
        <v>213</v>
      </c>
      <c r="BP19" s="282">
        <v>213</v>
      </c>
      <c r="BQ19" s="276">
        <v>0</v>
      </c>
      <c r="BR19" s="280">
        <v>0</v>
      </c>
      <c r="BS19" s="277">
        <v>0</v>
      </c>
      <c r="BT19" s="279">
        <v>0</v>
      </c>
      <c r="BU19" s="280">
        <v>12</v>
      </c>
      <c r="BV19" s="280">
        <v>32</v>
      </c>
      <c r="BW19" s="280">
        <v>53</v>
      </c>
      <c r="BX19" s="280">
        <v>109</v>
      </c>
      <c r="BY19" s="280">
        <v>2</v>
      </c>
      <c r="BZ19" s="277">
        <v>208</v>
      </c>
      <c r="CA19" s="282">
        <v>208</v>
      </c>
      <c r="CB19" s="276">
        <v>0</v>
      </c>
      <c r="CC19" s="280">
        <v>0</v>
      </c>
      <c r="CD19" s="277">
        <v>0</v>
      </c>
      <c r="CE19" s="279">
        <v>0</v>
      </c>
      <c r="CF19" s="280">
        <v>12</v>
      </c>
      <c r="CG19" s="280">
        <v>0</v>
      </c>
      <c r="CH19" s="280">
        <v>0</v>
      </c>
      <c r="CI19" s="280">
        <v>3</v>
      </c>
      <c r="CJ19" s="280">
        <v>0</v>
      </c>
      <c r="CK19" s="277">
        <v>15</v>
      </c>
      <c r="CL19" s="282">
        <v>15</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18.75" customHeight="1" x14ac:dyDescent="0.2">
      <c r="B20" s="261" t="s">
        <v>18</v>
      </c>
      <c r="C20" s="276">
        <v>0</v>
      </c>
      <c r="D20" s="280">
        <v>0</v>
      </c>
      <c r="E20" s="384">
        <v>0</v>
      </c>
      <c r="F20" s="279">
        <v>0</v>
      </c>
      <c r="G20" s="280">
        <v>204</v>
      </c>
      <c r="H20" s="280">
        <v>491</v>
      </c>
      <c r="I20" s="280">
        <v>612</v>
      </c>
      <c r="J20" s="280">
        <v>481</v>
      </c>
      <c r="K20" s="280">
        <v>42</v>
      </c>
      <c r="L20" s="281">
        <v>1830</v>
      </c>
      <c r="M20" s="282">
        <v>1830</v>
      </c>
      <c r="N20" s="276">
        <v>0</v>
      </c>
      <c r="O20" s="280">
        <v>0</v>
      </c>
      <c r="P20" s="277">
        <v>0</v>
      </c>
      <c r="Q20" s="279">
        <v>0</v>
      </c>
      <c r="R20" s="280">
        <v>2</v>
      </c>
      <c r="S20" s="280">
        <v>0</v>
      </c>
      <c r="T20" s="280">
        <v>4</v>
      </c>
      <c r="U20" s="280">
        <v>22</v>
      </c>
      <c r="V20" s="280">
        <v>4</v>
      </c>
      <c r="W20" s="277">
        <v>32</v>
      </c>
      <c r="X20" s="282">
        <v>32</v>
      </c>
      <c r="Y20" s="276">
        <v>29</v>
      </c>
      <c r="Z20" s="280">
        <v>22</v>
      </c>
      <c r="AA20" s="277">
        <v>51</v>
      </c>
      <c r="AB20" s="279">
        <v>0</v>
      </c>
      <c r="AC20" s="280">
        <v>195</v>
      </c>
      <c r="AD20" s="280">
        <v>143</v>
      </c>
      <c r="AE20" s="280">
        <v>154</v>
      </c>
      <c r="AF20" s="280">
        <v>134</v>
      </c>
      <c r="AG20" s="280">
        <v>9</v>
      </c>
      <c r="AH20" s="277">
        <v>635</v>
      </c>
      <c r="AI20" s="282">
        <v>686</v>
      </c>
      <c r="AJ20" s="276">
        <v>0</v>
      </c>
      <c r="AK20" s="280">
        <v>0</v>
      </c>
      <c r="AL20" s="277">
        <v>0</v>
      </c>
      <c r="AM20" s="279">
        <v>0</v>
      </c>
      <c r="AN20" s="280">
        <v>67</v>
      </c>
      <c r="AO20" s="280">
        <v>58</v>
      </c>
      <c r="AP20" s="280">
        <v>0</v>
      </c>
      <c r="AQ20" s="280">
        <v>0</v>
      </c>
      <c r="AR20" s="280">
        <v>0</v>
      </c>
      <c r="AS20" s="277">
        <v>125</v>
      </c>
      <c r="AT20" s="282">
        <v>125</v>
      </c>
      <c r="AU20" s="276">
        <v>0</v>
      </c>
      <c r="AV20" s="280">
        <v>0</v>
      </c>
      <c r="AW20" s="277">
        <v>0</v>
      </c>
      <c r="AX20" s="279">
        <v>0</v>
      </c>
      <c r="AY20" s="280">
        <v>344</v>
      </c>
      <c r="AZ20" s="280">
        <v>292</v>
      </c>
      <c r="BA20" s="280">
        <v>257</v>
      </c>
      <c r="BB20" s="280">
        <v>96</v>
      </c>
      <c r="BC20" s="280">
        <v>15</v>
      </c>
      <c r="BD20" s="281">
        <v>1004</v>
      </c>
      <c r="BE20" s="282">
        <v>1004</v>
      </c>
      <c r="BF20" s="276">
        <v>0</v>
      </c>
      <c r="BG20" s="280">
        <v>0</v>
      </c>
      <c r="BH20" s="277">
        <v>0</v>
      </c>
      <c r="BI20" s="279">
        <v>0</v>
      </c>
      <c r="BJ20" s="280">
        <v>93</v>
      </c>
      <c r="BK20" s="280">
        <v>55</v>
      </c>
      <c r="BL20" s="280">
        <v>60</v>
      </c>
      <c r="BM20" s="280">
        <v>16</v>
      </c>
      <c r="BN20" s="280">
        <v>7</v>
      </c>
      <c r="BO20" s="277">
        <v>231</v>
      </c>
      <c r="BP20" s="282">
        <v>231</v>
      </c>
      <c r="BQ20" s="276">
        <v>0</v>
      </c>
      <c r="BR20" s="280">
        <v>0</v>
      </c>
      <c r="BS20" s="277">
        <v>0</v>
      </c>
      <c r="BT20" s="279">
        <v>0</v>
      </c>
      <c r="BU20" s="280">
        <v>10</v>
      </c>
      <c r="BV20" s="280">
        <v>88</v>
      </c>
      <c r="BW20" s="280">
        <v>178</v>
      </c>
      <c r="BX20" s="280">
        <v>75</v>
      </c>
      <c r="BY20" s="280">
        <v>0</v>
      </c>
      <c r="BZ20" s="277">
        <v>351</v>
      </c>
      <c r="CA20" s="282">
        <v>351</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18.75" customHeight="1" x14ac:dyDescent="0.2">
      <c r="B21" s="261" t="s">
        <v>19</v>
      </c>
      <c r="C21" s="276">
        <v>0</v>
      </c>
      <c r="D21" s="280">
        <v>0</v>
      </c>
      <c r="E21" s="384">
        <v>0</v>
      </c>
      <c r="F21" s="279">
        <v>0</v>
      </c>
      <c r="G21" s="280">
        <v>168</v>
      </c>
      <c r="H21" s="280">
        <v>83</v>
      </c>
      <c r="I21" s="280">
        <v>40</v>
      </c>
      <c r="J21" s="280">
        <v>274</v>
      </c>
      <c r="K21" s="280">
        <v>102</v>
      </c>
      <c r="L21" s="281">
        <v>667</v>
      </c>
      <c r="M21" s="282">
        <v>667</v>
      </c>
      <c r="N21" s="276">
        <v>0</v>
      </c>
      <c r="O21" s="280">
        <v>0</v>
      </c>
      <c r="P21" s="277">
        <v>0</v>
      </c>
      <c r="Q21" s="279">
        <v>0</v>
      </c>
      <c r="R21" s="280">
        <v>0</v>
      </c>
      <c r="S21" s="280">
        <v>0</v>
      </c>
      <c r="T21" s="280">
        <v>4</v>
      </c>
      <c r="U21" s="280">
        <v>0</v>
      </c>
      <c r="V21" s="280">
        <v>9</v>
      </c>
      <c r="W21" s="277">
        <v>13</v>
      </c>
      <c r="X21" s="282">
        <v>13</v>
      </c>
      <c r="Y21" s="276">
        <v>5</v>
      </c>
      <c r="Z21" s="280">
        <v>5</v>
      </c>
      <c r="AA21" s="277">
        <v>10</v>
      </c>
      <c r="AB21" s="279">
        <v>0</v>
      </c>
      <c r="AC21" s="280">
        <v>78</v>
      </c>
      <c r="AD21" s="280">
        <v>65</v>
      </c>
      <c r="AE21" s="280">
        <v>70</v>
      </c>
      <c r="AF21" s="280">
        <v>33</v>
      </c>
      <c r="AG21" s="280">
        <v>70</v>
      </c>
      <c r="AH21" s="277">
        <v>316</v>
      </c>
      <c r="AI21" s="282">
        <v>326</v>
      </c>
      <c r="AJ21" s="276">
        <v>0</v>
      </c>
      <c r="AK21" s="280">
        <v>0</v>
      </c>
      <c r="AL21" s="277">
        <v>0</v>
      </c>
      <c r="AM21" s="279">
        <v>0</v>
      </c>
      <c r="AN21" s="280">
        <v>6</v>
      </c>
      <c r="AO21" s="280">
        <v>9</v>
      </c>
      <c r="AP21" s="280">
        <v>30</v>
      </c>
      <c r="AQ21" s="280">
        <v>8</v>
      </c>
      <c r="AR21" s="280">
        <v>0</v>
      </c>
      <c r="AS21" s="277">
        <v>53</v>
      </c>
      <c r="AT21" s="282">
        <v>53</v>
      </c>
      <c r="AU21" s="276">
        <v>0</v>
      </c>
      <c r="AV21" s="280">
        <v>0</v>
      </c>
      <c r="AW21" s="277">
        <v>0</v>
      </c>
      <c r="AX21" s="279">
        <v>0</v>
      </c>
      <c r="AY21" s="280">
        <v>167</v>
      </c>
      <c r="AZ21" s="280">
        <v>129</v>
      </c>
      <c r="BA21" s="280">
        <v>42</v>
      </c>
      <c r="BB21" s="280">
        <v>16</v>
      </c>
      <c r="BC21" s="280">
        <v>7</v>
      </c>
      <c r="BD21" s="281">
        <v>361</v>
      </c>
      <c r="BE21" s="282">
        <v>361</v>
      </c>
      <c r="BF21" s="276">
        <v>0</v>
      </c>
      <c r="BG21" s="280">
        <v>0</v>
      </c>
      <c r="BH21" s="277">
        <v>0</v>
      </c>
      <c r="BI21" s="279">
        <v>0</v>
      </c>
      <c r="BJ21" s="280">
        <v>72</v>
      </c>
      <c r="BK21" s="280">
        <v>45</v>
      </c>
      <c r="BL21" s="280">
        <v>23</v>
      </c>
      <c r="BM21" s="280">
        <v>9</v>
      </c>
      <c r="BN21" s="280">
        <v>0</v>
      </c>
      <c r="BO21" s="277">
        <v>149</v>
      </c>
      <c r="BP21" s="282">
        <v>149</v>
      </c>
      <c r="BQ21" s="276">
        <v>0</v>
      </c>
      <c r="BR21" s="280">
        <v>0</v>
      </c>
      <c r="BS21" s="277">
        <v>0</v>
      </c>
      <c r="BT21" s="279">
        <v>0</v>
      </c>
      <c r="BU21" s="280">
        <v>3</v>
      </c>
      <c r="BV21" s="280">
        <v>10</v>
      </c>
      <c r="BW21" s="280">
        <v>4</v>
      </c>
      <c r="BX21" s="280">
        <v>0</v>
      </c>
      <c r="BY21" s="280">
        <v>2</v>
      </c>
      <c r="BZ21" s="277">
        <v>19</v>
      </c>
      <c r="CA21" s="282">
        <v>19</v>
      </c>
      <c r="CB21" s="276">
        <v>0</v>
      </c>
      <c r="CC21" s="280">
        <v>0</v>
      </c>
      <c r="CD21" s="277">
        <v>0</v>
      </c>
      <c r="CE21" s="279">
        <v>0</v>
      </c>
      <c r="CF21" s="280">
        <v>4</v>
      </c>
      <c r="CG21" s="280">
        <v>0</v>
      </c>
      <c r="CH21" s="280">
        <v>0</v>
      </c>
      <c r="CI21" s="280">
        <v>0</v>
      </c>
      <c r="CJ21" s="280">
        <v>0</v>
      </c>
      <c r="CK21" s="277">
        <v>4</v>
      </c>
      <c r="CL21" s="282">
        <v>4</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18.75" customHeight="1" x14ac:dyDescent="0.2">
      <c r="B22" s="261" t="s">
        <v>20</v>
      </c>
      <c r="C22" s="276">
        <v>0</v>
      </c>
      <c r="D22" s="280">
        <v>0</v>
      </c>
      <c r="E22" s="384">
        <v>0</v>
      </c>
      <c r="F22" s="279">
        <v>0</v>
      </c>
      <c r="G22" s="280">
        <v>189</v>
      </c>
      <c r="H22" s="280">
        <v>399</v>
      </c>
      <c r="I22" s="280">
        <v>254</v>
      </c>
      <c r="J22" s="280">
        <v>173</v>
      </c>
      <c r="K22" s="280">
        <v>123</v>
      </c>
      <c r="L22" s="281">
        <v>1138</v>
      </c>
      <c r="M22" s="282">
        <v>1138</v>
      </c>
      <c r="N22" s="276">
        <v>0</v>
      </c>
      <c r="O22" s="280">
        <v>0</v>
      </c>
      <c r="P22" s="277">
        <v>0</v>
      </c>
      <c r="Q22" s="279">
        <v>0</v>
      </c>
      <c r="R22" s="280">
        <v>0</v>
      </c>
      <c r="S22" s="280">
        <v>0</v>
      </c>
      <c r="T22" s="280">
        <v>1</v>
      </c>
      <c r="U22" s="280">
        <v>1</v>
      </c>
      <c r="V22" s="280">
        <v>5</v>
      </c>
      <c r="W22" s="277">
        <v>7</v>
      </c>
      <c r="X22" s="282">
        <v>7</v>
      </c>
      <c r="Y22" s="276">
        <v>28</v>
      </c>
      <c r="Z22" s="280">
        <v>21</v>
      </c>
      <c r="AA22" s="277">
        <v>49</v>
      </c>
      <c r="AB22" s="279">
        <v>0</v>
      </c>
      <c r="AC22" s="280">
        <v>270</v>
      </c>
      <c r="AD22" s="280">
        <v>212</v>
      </c>
      <c r="AE22" s="280">
        <v>79</v>
      </c>
      <c r="AF22" s="280">
        <v>29</v>
      </c>
      <c r="AG22" s="280">
        <v>51</v>
      </c>
      <c r="AH22" s="277">
        <v>641</v>
      </c>
      <c r="AI22" s="282">
        <v>690</v>
      </c>
      <c r="AJ22" s="276">
        <v>12</v>
      </c>
      <c r="AK22" s="280">
        <v>26</v>
      </c>
      <c r="AL22" s="277">
        <v>38</v>
      </c>
      <c r="AM22" s="279">
        <v>0</v>
      </c>
      <c r="AN22" s="280">
        <v>48</v>
      </c>
      <c r="AO22" s="280">
        <v>47</v>
      </c>
      <c r="AP22" s="280">
        <v>20</v>
      </c>
      <c r="AQ22" s="280">
        <v>35</v>
      </c>
      <c r="AR22" s="280">
        <v>0</v>
      </c>
      <c r="AS22" s="277">
        <v>150</v>
      </c>
      <c r="AT22" s="282">
        <v>188</v>
      </c>
      <c r="AU22" s="276">
        <v>0</v>
      </c>
      <c r="AV22" s="280">
        <v>0</v>
      </c>
      <c r="AW22" s="277">
        <v>0</v>
      </c>
      <c r="AX22" s="279">
        <v>0</v>
      </c>
      <c r="AY22" s="280">
        <v>193</v>
      </c>
      <c r="AZ22" s="280">
        <v>136</v>
      </c>
      <c r="BA22" s="280">
        <v>87</v>
      </c>
      <c r="BB22" s="280">
        <v>37</v>
      </c>
      <c r="BC22" s="280">
        <v>4</v>
      </c>
      <c r="BD22" s="281">
        <v>457</v>
      </c>
      <c r="BE22" s="282">
        <v>457</v>
      </c>
      <c r="BF22" s="276">
        <v>0</v>
      </c>
      <c r="BG22" s="280">
        <v>0</v>
      </c>
      <c r="BH22" s="277">
        <v>0</v>
      </c>
      <c r="BI22" s="279">
        <v>0</v>
      </c>
      <c r="BJ22" s="280">
        <v>89</v>
      </c>
      <c r="BK22" s="280">
        <v>86</v>
      </c>
      <c r="BL22" s="280">
        <v>73</v>
      </c>
      <c r="BM22" s="280">
        <v>65</v>
      </c>
      <c r="BN22" s="280">
        <v>6</v>
      </c>
      <c r="BO22" s="277">
        <v>319</v>
      </c>
      <c r="BP22" s="282">
        <v>319</v>
      </c>
      <c r="BQ22" s="276">
        <v>8</v>
      </c>
      <c r="BR22" s="280">
        <v>3</v>
      </c>
      <c r="BS22" s="277">
        <v>11</v>
      </c>
      <c r="BT22" s="279">
        <v>0</v>
      </c>
      <c r="BU22" s="280">
        <v>15</v>
      </c>
      <c r="BV22" s="280">
        <v>13</v>
      </c>
      <c r="BW22" s="280">
        <v>33</v>
      </c>
      <c r="BX22" s="280">
        <v>115</v>
      </c>
      <c r="BY22" s="280">
        <v>6</v>
      </c>
      <c r="BZ22" s="277">
        <v>182</v>
      </c>
      <c r="CA22" s="282">
        <v>193</v>
      </c>
      <c r="CB22" s="276">
        <v>0</v>
      </c>
      <c r="CC22" s="280">
        <v>0</v>
      </c>
      <c r="CD22" s="277">
        <v>0</v>
      </c>
      <c r="CE22" s="279">
        <v>0</v>
      </c>
      <c r="CF22" s="280">
        <v>0</v>
      </c>
      <c r="CG22" s="280">
        <v>0</v>
      </c>
      <c r="CH22" s="280">
        <v>0</v>
      </c>
      <c r="CI22" s="280">
        <v>7</v>
      </c>
      <c r="CJ22" s="280">
        <v>0</v>
      </c>
      <c r="CK22" s="277">
        <v>7</v>
      </c>
      <c r="CL22" s="282">
        <v>7</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18.75" customHeight="1" x14ac:dyDescent="0.2">
      <c r="B23" s="261" t="s">
        <v>21</v>
      </c>
      <c r="C23" s="276">
        <v>0</v>
      </c>
      <c r="D23" s="280">
        <v>0</v>
      </c>
      <c r="E23" s="384">
        <v>0</v>
      </c>
      <c r="F23" s="279">
        <v>0</v>
      </c>
      <c r="G23" s="280">
        <v>99</v>
      </c>
      <c r="H23" s="280">
        <v>82</v>
      </c>
      <c r="I23" s="280">
        <v>241</v>
      </c>
      <c r="J23" s="280">
        <v>652</v>
      </c>
      <c r="K23" s="280">
        <v>377</v>
      </c>
      <c r="L23" s="281">
        <v>1451</v>
      </c>
      <c r="M23" s="282">
        <v>1451</v>
      </c>
      <c r="N23" s="276">
        <v>0</v>
      </c>
      <c r="O23" s="280">
        <v>0</v>
      </c>
      <c r="P23" s="277">
        <v>0</v>
      </c>
      <c r="Q23" s="279">
        <v>0</v>
      </c>
      <c r="R23" s="280">
        <v>0</v>
      </c>
      <c r="S23" s="280">
        <v>0</v>
      </c>
      <c r="T23" s="280">
        <v>4</v>
      </c>
      <c r="U23" s="280">
        <v>11</v>
      </c>
      <c r="V23" s="280">
        <v>14</v>
      </c>
      <c r="W23" s="277">
        <v>29</v>
      </c>
      <c r="X23" s="282">
        <v>29</v>
      </c>
      <c r="Y23" s="276">
        <v>40</v>
      </c>
      <c r="Z23" s="280">
        <v>15</v>
      </c>
      <c r="AA23" s="277">
        <v>55</v>
      </c>
      <c r="AB23" s="279">
        <v>0</v>
      </c>
      <c r="AC23" s="280">
        <v>113</v>
      </c>
      <c r="AD23" s="280">
        <v>182</v>
      </c>
      <c r="AE23" s="280">
        <v>119</v>
      </c>
      <c r="AF23" s="280">
        <v>175</v>
      </c>
      <c r="AG23" s="280">
        <v>78</v>
      </c>
      <c r="AH23" s="277">
        <v>667</v>
      </c>
      <c r="AI23" s="282">
        <v>722</v>
      </c>
      <c r="AJ23" s="276">
        <v>0</v>
      </c>
      <c r="AK23" s="280">
        <v>8</v>
      </c>
      <c r="AL23" s="277">
        <v>8</v>
      </c>
      <c r="AM23" s="279">
        <v>0</v>
      </c>
      <c r="AN23" s="280">
        <v>8</v>
      </c>
      <c r="AO23" s="280">
        <v>27</v>
      </c>
      <c r="AP23" s="280">
        <v>0</v>
      </c>
      <c r="AQ23" s="280">
        <v>26</v>
      </c>
      <c r="AR23" s="280">
        <v>0</v>
      </c>
      <c r="AS23" s="277">
        <v>61</v>
      </c>
      <c r="AT23" s="282">
        <v>69</v>
      </c>
      <c r="AU23" s="276">
        <v>0</v>
      </c>
      <c r="AV23" s="280">
        <v>0</v>
      </c>
      <c r="AW23" s="277">
        <v>0</v>
      </c>
      <c r="AX23" s="279">
        <v>0</v>
      </c>
      <c r="AY23" s="280">
        <v>80</v>
      </c>
      <c r="AZ23" s="280">
        <v>168</v>
      </c>
      <c r="BA23" s="280">
        <v>61</v>
      </c>
      <c r="BB23" s="280">
        <v>33</v>
      </c>
      <c r="BC23" s="280">
        <v>34</v>
      </c>
      <c r="BD23" s="281">
        <v>376</v>
      </c>
      <c r="BE23" s="282">
        <v>376</v>
      </c>
      <c r="BF23" s="276">
        <v>0</v>
      </c>
      <c r="BG23" s="280">
        <v>0</v>
      </c>
      <c r="BH23" s="277">
        <v>0</v>
      </c>
      <c r="BI23" s="279">
        <v>0</v>
      </c>
      <c r="BJ23" s="280">
        <v>55</v>
      </c>
      <c r="BK23" s="280">
        <v>59</v>
      </c>
      <c r="BL23" s="280">
        <v>9</v>
      </c>
      <c r="BM23" s="280">
        <v>18</v>
      </c>
      <c r="BN23" s="280">
        <v>0</v>
      </c>
      <c r="BO23" s="277">
        <v>141</v>
      </c>
      <c r="BP23" s="282">
        <v>141</v>
      </c>
      <c r="BQ23" s="276">
        <v>0</v>
      </c>
      <c r="BR23" s="280">
        <v>0</v>
      </c>
      <c r="BS23" s="277">
        <v>0</v>
      </c>
      <c r="BT23" s="279">
        <v>0</v>
      </c>
      <c r="BU23" s="280">
        <v>30</v>
      </c>
      <c r="BV23" s="280">
        <v>6</v>
      </c>
      <c r="BW23" s="280">
        <v>116</v>
      </c>
      <c r="BX23" s="280">
        <v>174</v>
      </c>
      <c r="BY23" s="280">
        <v>28</v>
      </c>
      <c r="BZ23" s="277">
        <v>354</v>
      </c>
      <c r="CA23" s="282">
        <v>354</v>
      </c>
      <c r="CB23" s="276">
        <v>0</v>
      </c>
      <c r="CC23" s="280">
        <v>0</v>
      </c>
      <c r="CD23" s="277">
        <v>0</v>
      </c>
      <c r="CE23" s="279">
        <v>0</v>
      </c>
      <c r="CF23" s="280">
        <v>0</v>
      </c>
      <c r="CG23" s="280">
        <v>0</v>
      </c>
      <c r="CH23" s="280">
        <v>0</v>
      </c>
      <c r="CI23" s="280">
        <v>19</v>
      </c>
      <c r="CJ23" s="280">
        <v>0</v>
      </c>
      <c r="CK23" s="277">
        <v>19</v>
      </c>
      <c r="CL23" s="282">
        <v>19</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18.75" customHeight="1" x14ac:dyDescent="0.2">
      <c r="B24" s="261" t="s">
        <v>22</v>
      </c>
      <c r="C24" s="276">
        <v>0</v>
      </c>
      <c r="D24" s="280">
        <v>0</v>
      </c>
      <c r="E24" s="384">
        <v>0</v>
      </c>
      <c r="F24" s="279">
        <v>0</v>
      </c>
      <c r="G24" s="280">
        <v>33</v>
      </c>
      <c r="H24" s="280">
        <v>88</v>
      </c>
      <c r="I24" s="280">
        <v>7</v>
      </c>
      <c r="J24" s="280">
        <v>88</v>
      </c>
      <c r="K24" s="280">
        <v>159</v>
      </c>
      <c r="L24" s="281">
        <v>375</v>
      </c>
      <c r="M24" s="282">
        <v>375</v>
      </c>
      <c r="N24" s="276">
        <v>0</v>
      </c>
      <c r="O24" s="280">
        <v>0</v>
      </c>
      <c r="P24" s="277">
        <v>0</v>
      </c>
      <c r="Q24" s="279">
        <v>0</v>
      </c>
      <c r="R24" s="280">
        <v>0</v>
      </c>
      <c r="S24" s="280">
        <v>0</v>
      </c>
      <c r="T24" s="280">
        <v>0</v>
      </c>
      <c r="U24" s="280">
        <v>9</v>
      </c>
      <c r="V24" s="280">
        <v>0</v>
      </c>
      <c r="W24" s="277">
        <v>9</v>
      </c>
      <c r="X24" s="282">
        <v>9</v>
      </c>
      <c r="Y24" s="276">
        <v>0</v>
      </c>
      <c r="Z24" s="280">
        <v>4</v>
      </c>
      <c r="AA24" s="277">
        <v>4</v>
      </c>
      <c r="AB24" s="279">
        <v>0</v>
      </c>
      <c r="AC24" s="280">
        <v>24</v>
      </c>
      <c r="AD24" s="280">
        <v>10</v>
      </c>
      <c r="AE24" s="280">
        <v>13</v>
      </c>
      <c r="AF24" s="280">
        <v>21</v>
      </c>
      <c r="AG24" s="280">
        <v>0</v>
      </c>
      <c r="AH24" s="277">
        <v>68</v>
      </c>
      <c r="AI24" s="282">
        <v>72</v>
      </c>
      <c r="AJ24" s="276">
        <v>0</v>
      </c>
      <c r="AK24" s="280">
        <v>0</v>
      </c>
      <c r="AL24" s="277">
        <v>0</v>
      </c>
      <c r="AM24" s="279">
        <v>0</v>
      </c>
      <c r="AN24" s="280">
        <v>21</v>
      </c>
      <c r="AO24" s="280">
        <v>27</v>
      </c>
      <c r="AP24" s="280">
        <v>0</v>
      </c>
      <c r="AQ24" s="280">
        <v>0</v>
      </c>
      <c r="AR24" s="280">
        <v>0</v>
      </c>
      <c r="AS24" s="277">
        <v>48</v>
      </c>
      <c r="AT24" s="282">
        <v>48</v>
      </c>
      <c r="AU24" s="276">
        <v>0</v>
      </c>
      <c r="AV24" s="280">
        <v>0</v>
      </c>
      <c r="AW24" s="277">
        <v>0</v>
      </c>
      <c r="AX24" s="279">
        <v>0</v>
      </c>
      <c r="AY24" s="280">
        <v>32</v>
      </c>
      <c r="AZ24" s="280">
        <v>135</v>
      </c>
      <c r="BA24" s="280">
        <v>39</v>
      </c>
      <c r="BB24" s="280">
        <v>1</v>
      </c>
      <c r="BC24" s="280">
        <v>27</v>
      </c>
      <c r="BD24" s="281">
        <v>234</v>
      </c>
      <c r="BE24" s="282">
        <v>234</v>
      </c>
      <c r="BF24" s="276">
        <v>0</v>
      </c>
      <c r="BG24" s="280">
        <v>0</v>
      </c>
      <c r="BH24" s="277">
        <v>0</v>
      </c>
      <c r="BI24" s="279">
        <v>0</v>
      </c>
      <c r="BJ24" s="280">
        <v>16</v>
      </c>
      <c r="BK24" s="280">
        <v>5</v>
      </c>
      <c r="BL24" s="280">
        <v>6</v>
      </c>
      <c r="BM24" s="280">
        <v>3</v>
      </c>
      <c r="BN24" s="280">
        <v>7</v>
      </c>
      <c r="BO24" s="277">
        <v>37</v>
      </c>
      <c r="BP24" s="282">
        <v>37</v>
      </c>
      <c r="BQ24" s="276">
        <v>0</v>
      </c>
      <c r="BR24" s="280">
        <v>0</v>
      </c>
      <c r="BS24" s="277">
        <v>0</v>
      </c>
      <c r="BT24" s="279">
        <v>0</v>
      </c>
      <c r="BU24" s="280">
        <v>0</v>
      </c>
      <c r="BV24" s="280">
        <v>3</v>
      </c>
      <c r="BW24" s="280">
        <v>31</v>
      </c>
      <c r="BX24" s="280">
        <v>27</v>
      </c>
      <c r="BY24" s="280">
        <v>0</v>
      </c>
      <c r="BZ24" s="277">
        <v>61</v>
      </c>
      <c r="CA24" s="282">
        <v>61</v>
      </c>
      <c r="CB24" s="276">
        <v>0</v>
      </c>
      <c r="CC24" s="280">
        <v>0</v>
      </c>
      <c r="CD24" s="277">
        <v>0</v>
      </c>
      <c r="CE24" s="279">
        <v>0</v>
      </c>
      <c r="CF24" s="280">
        <v>0</v>
      </c>
      <c r="CG24" s="280">
        <v>0</v>
      </c>
      <c r="CH24" s="280">
        <v>0</v>
      </c>
      <c r="CI24" s="280">
        <v>0</v>
      </c>
      <c r="CJ24" s="280">
        <v>0</v>
      </c>
      <c r="CK24" s="277">
        <v>0</v>
      </c>
      <c r="CL24" s="282">
        <v>0</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18.75" customHeight="1" x14ac:dyDescent="0.2">
      <c r="B25" s="261" t="s">
        <v>23</v>
      </c>
      <c r="C25" s="276">
        <v>0</v>
      </c>
      <c r="D25" s="280">
        <v>0</v>
      </c>
      <c r="E25" s="384">
        <v>0</v>
      </c>
      <c r="F25" s="279">
        <v>0</v>
      </c>
      <c r="G25" s="280">
        <v>18</v>
      </c>
      <c r="H25" s="280">
        <v>176</v>
      </c>
      <c r="I25" s="280">
        <v>135</v>
      </c>
      <c r="J25" s="280">
        <v>120</v>
      </c>
      <c r="K25" s="280">
        <v>1</v>
      </c>
      <c r="L25" s="281">
        <v>450</v>
      </c>
      <c r="M25" s="282">
        <v>450</v>
      </c>
      <c r="N25" s="276">
        <v>0</v>
      </c>
      <c r="O25" s="280">
        <v>0</v>
      </c>
      <c r="P25" s="277">
        <v>0</v>
      </c>
      <c r="Q25" s="279">
        <v>0</v>
      </c>
      <c r="R25" s="280">
        <v>0</v>
      </c>
      <c r="S25" s="280">
        <v>4</v>
      </c>
      <c r="T25" s="280">
        <v>0</v>
      </c>
      <c r="U25" s="280">
        <v>0</v>
      </c>
      <c r="V25" s="280">
        <v>0</v>
      </c>
      <c r="W25" s="277">
        <v>4</v>
      </c>
      <c r="X25" s="282">
        <v>4</v>
      </c>
      <c r="Y25" s="276">
        <v>17</v>
      </c>
      <c r="Z25" s="280">
        <v>29</v>
      </c>
      <c r="AA25" s="277">
        <v>46</v>
      </c>
      <c r="AB25" s="279">
        <v>0</v>
      </c>
      <c r="AC25" s="280">
        <v>28</v>
      </c>
      <c r="AD25" s="280">
        <v>135</v>
      </c>
      <c r="AE25" s="280">
        <v>58</v>
      </c>
      <c r="AF25" s="280">
        <v>10</v>
      </c>
      <c r="AG25" s="280">
        <v>37</v>
      </c>
      <c r="AH25" s="277">
        <v>268</v>
      </c>
      <c r="AI25" s="282">
        <v>314</v>
      </c>
      <c r="AJ25" s="276">
        <v>0</v>
      </c>
      <c r="AK25" s="280">
        <v>0</v>
      </c>
      <c r="AL25" s="277">
        <v>0</v>
      </c>
      <c r="AM25" s="279">
        <v>0</v>
      </c>
      <c r="AN25" s="280">
        <v>10</v>
      </c>
      <c r="AO25" s="280">
        <v>2</v>
      </c>
      <c r="AP25" s="280">
        <v>0</v>
      </c>
      <c r="AQ25" s="280">
        <v>0</v>
      </c>
      <c r="AR25" s="280">
        <v>0</v>
      </c>
      <c r="AS25" s="277">
        <v>12</v>
      </c>
      <c r="AT25" s="282">
        <v>12</v>
      </c>
      <c r="AU25" s="276">
        <v>0</v>
      </c>
      <c r="AV25" s="280">
        <v>0</v>
      </c>
      <c r="AW25" s="277">
        <v>0</v>
      </c>
      <c r="AX25" s="279">
        <v>0</v>
      </c>
      <c r="AY25" s="280">
        <v>135</v>
      </c>
      <c r="AZ25" s="280">
        <v>111</v>
      </c>
      <c r="BA25" s="280">
        <v>125</v>
      </c>
      <c r="BB25" s="280">
        <v>48</v>
      </c>
      <c r="BC25" s="280">
        <v>0</v>
      </c>
      <c r="BD25" s="281">
        <v>419</v>
      </c>
      <c r="BE25" s="282">
        <v>419</v>
      </c>
      <c r="BF25" s="276">
        <v>0</v>
      </c>
      <c r="BG25" s="280">
        <v>0</v>
      </c>
      <c r="BH25" s="277">
        <v>0</v>
      </c>
      <c r="BI25" s="279">
        <v>0</v>
      </c>
      <c r="BJ25" s="280">
        <v>24</v>
      </c>
      <c r="BK25" s="280">
        <v>36</v>
      </c>
      <c r="BL25" s="280">
        <v>30</v>
      </c>
      <c r="BM25" s="280">
        <v>26</v>
      </c>
      <c r="BN25" s="280">
        <v>26</v>
      </c>
      <c r="BO25" s="277">
        <v>142</v>
      </c>
      <c r="BP25" s="282">
        <v>142</v>
      </c>
      <c r="BQ25" s="276">
        <v>0</v>
      </c>
      <c r="BR25" s="280">
        <v>0</v>
      </c>
      <c r="BS25" s="277">
        <v>0</v>
      </c>
      <c r="BT25" s="279">
        <v>0</v>
      </c>
      <c r="BU25" s="280">
        <v>9</v>
      </c>
      <c r="BV25" s="280">
        <v>9</v>
      </c>
      <c r="BW25" s="280">
        <v>60</v>
      </c>
      <c r="BX25" s="280">
        <v>25</v>
      </c>
      <c r="BY25" s="280">
        <v>0</v>
      </c>
      <c r="BZ25" s="277">
        <v>103</v>
      </c>
      <c r="CA25" s="282">
        <v>103</v>
      </c>
      <c r="CB25" s="276">
        <v>0</v>
      </c>
      <c r="CC25" s="280">
        <v>0</v>
      </c>
      <c r="CD25" s="277">
        <v>0</v>
      </c>
      <c r="CE25" s="279">
        <v>0</v>
      </c>
      <c r="CF25" s="280">
        <v>3</v>
      </c>
      <c r="CG25" s="280">
        <v>0</v>
      </c>
      <c r="CH25" s="280">
        <v>0</v>
      </c>
      <c r="CI25" s="280">
        <v>0</v>
      </c>
      <c r="CJ25" s="280">
        <v>8</v>
      </c>
      <c r="CK25" s="277">
        <v>11</v>
      </c>
      <c r="CL25" s="282">
        <v>11</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18.75" customHeight="1" x14ac:dyDescent="0.2">
      <c r="B26" s="261" t="s">
        <v>24</v>
      </c>
      <c r="C26" s="276">
        <v>0</v>
      </c>
      <c r="D26" s="280">
        <v>0</v>
      </c>
      <c r="E26" s="384">
        <v>0</v>
      </c>
      <c r="F26" s="279">
        <v>0</v>
      </c>
      <c r="G26" s="280">
        <v>127</v>
      </c>
      <c r="H26" s="280">
        <v>93</v>
      </c>
      <c r="I26" s="280">
        <v>50</v>
      </c>
      <c r="J26" s="280">
        <v>33</v>
      </c>
      <c r="K26" s="280">
        <v>95</v>
      </c>
      <c r="L26" s="281">
        <v>398</v>
      </c>
      <c r="M26" s="282">
        <v>398</v>
      </c>
      <c r="N26" s="276">
        <v>0</v>
      </c>
      <c r="O26" s="280">
        <v>0</v>
      </c>
      <c r="P26" s="277">
        <v>0</v>
      </c>
      <c r="Q26" s="279">
        <v>0</v>
      </c>
      <c r="R26" s="280">
        <v>0</v>
      </c>
      <c r="S26" s="280">
        <v>0</v>
      </c>
      <c r="T26" s="280">
        <v>0</v>
      </c>
      <c r="U26" s="280">
        <v>7</v>
      </c>
      <c r="V26" s="280">
        <v>12</v>
      </c>
      <c r="W26" s="277">
        <v>19</v>
      </c>
      <c r="X26" s="282">
        <v>19</v>
      </c>
      <c r="Y26" s="276">
        <v>13</v>
      </c>
      <c r="Z26" s="280">
        <v>9</v>
      </c>
      <c r="AA26" s="277">
        <v>22</v>
      </c>
      <c r="AB26" s="279">
        <v>0</v>
      </c>
      <c r="AC26" s="280">
        <v>136</v>
      </c>
      <c r="AD26" s="280">
        <v>27</v>
      </c>
      <c r="AE26" s="280">
        <v>41</v>
      </c>
      <c r="AF26" s="280">
        <v>19</v>
      </c>
      <c r="AG26" s="280">
        <v>30</v>
      </c>
      <c r="AH26" s="277">
        <v>253</v>
      </c>
      <c r="AI26" s="282">
        <v>275</v>
      </c>
      <c r="AJ26" s="276">
        <v>0</v>
      </c>
      <c r="AK26" s="280">
        <v>0</v>
      </c>
      <c r="AL26" s="277">
        <v>0</v>
      </c>
      <c r="AM26" s="279">
        <v>0</v>
      </c>
      <c r="AN26" s="280">
        <v>24</v>
      </c>
      <c r="AO26" s="280">
        <v>30</v>
      </c>
      <c r="AP26" s="280">
        <v>0</v>
      </c>
      <c r="AQ26" s="280">
        <v>4</v>
      </c>
      <c r="AR26" s="280">
        <v>0</v>
      </c>
      <c r="AS26" s="277">
        <v>58</v>
      </c>
      <c r="AT26" s="282">
        <v>58</v>
      </c>
      <c r="AU26" s="276">
        <v>0</v>
      </c>
      <c r="AV26" s="280">
        <v>0</v>
      </c>
      <c r="AW26" s="277">
        <v>0</v>
      </c>
      <c r="AX26" s="279">
        <v>0</v>
      </c>
      <c r="AY26" s="280">
        <v>105</v>
      </c>
      <c r="AZ26" s="280">
        <v>66</v>
      </c>
      <c r="BA26" s="280">
        <v>69</v>
      </c>
      <c r="BB26" s="280">
        <v>1</v>
      </c>
      <c r="BC26" s="280">
        <v>0</v>
      </c>
      <c r="BD26" s="281">
        <v>241</v>
      </c>
      <c r="BE26" s="282">
        <v>241</v>
      </c>
      <c r="BF26" s="276">
        <v>0</v>
      </c>
      <c r="BG26" s="280">
        <v>0</v>
      </c>
      <c r="BH26" s="277">
        <v>0</v>
      </c>
      <c r="BI26" s="279">
        <v>0</v>
      </c>
      <c r="BJ26" s="280">
        <v>3</v>
      </c>
      <c r="BK26" s="280">
        <v>43</v>
      </c>
      <c r="BL26" s="280">
        <v>12</v>
      </c>
      <c r="BM26" s="280">
        <v>10</v>
      </c>
      <c r="BN26" s="280">
        <v>0</v>
      </c>
      <c r="BO26" s="277">
        <v>68</v>
      </c>
      <c r="BP26" s="282">
        <v>68</v>
      </c>
      <c r="BQ26" s="276">
        <v>0</v>
      </c>
      <c r="BR26" s="280">
        <v>0</v>
      </c>
      <c r="BS26" s="277">
        <v>0</v>
      </c>
      <c r="BT26" s="279">
        <v>0</v>
      </c>
      <c r="BU26" s="280">
        <v>12</v>
      </c>
      <c r="BV26" s="280">
        <v>0</v>
      </c>
      <c r="BW26" s="280">
        <v>3</v>
      </c>
      <c r="BX26" s="280">
        <v>0</v>
      </c>
      <c r="BY26" s="280">
        <v>15</v>
      </c>
      <c r="BZ26" s="277">
        <v>30</v>
      </c>
      <c r="CA26" s="282">
        <v>3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18.75" customHeight="1" x14ac:dyDescent="0.2">
      <c r="B27" s="261" t="s">
        <v>25</v>
      </c>
      <c r="C27" s="276">
        <v>0</v>
      </c>
      <c r="D27" s="280">
        <v>0</v>
      </c>
      <c r="E27" s="384">
        <v>0</v>
      </c>
      <c r="F27" s="279">
        <v>0</v>
      </c>
      <c r="G27" s="280">
        <v>51</v>
      </c>
      <c r="H27" s="280">
        <v>29</v>
      </c>
      <c r="I27" s="280">
        <v>93</v>
      </c>
      <c r="J27" s="280">
        <v>0</v>
      </c>
      <c r="K27" s="280">
        <v>0</v>
      </c>
      <c r="L27" s="281">
        <v>173</v>
      </c>
      <c r="M27" s="282">
        <v>173</v>
      </c>
      <c r="N27" s="276">
        <v>0</v>
      </c>
      <c r="O27" s="280">
        <v>0</v>
      </c>
      <c r="P27" s="277">
        <v>0</v>
      </c>
      <c r="Q27" s="279">
        <v>0</v>
      </c>
      <c r="R27" s="280">
        <v>0</v>
      </c>
      <c r="S27" s="280">
        <v>0</v>
      </c>
      <c r="T27" s="280">
        <v>7</v>
      </c>
      <c r="U27" s="280">
        <v>0</v>
      </c>
      <c r="V27" s="280">
        <v>9</v>
      </c>
      <c r="W27" s="277">
        <v>16</v>
      </c>
      <c r="X27" s="282">
        <v>16</v>
      </c>
      <c r="Y27" s="276">
        <v>4</v>
      </c>
      <c r="Z27" s="280">
        <v>0</v>
      </c>
      <c r="AA27" s="277">
        <v>4</v>
      </c>
      <c r="AB27" s="279">
        <v>0</v>
      </c>
      <c r="AC27" s="280">
        <v>22</v>
      </c>
      <c r="AD27" s="280">
        <v>7</v>
      </c>
      <c r="AE27" s="280">
        <v>13</v>
      </c>
      <c r="AF27" s="280">
        <v>9</v>
      </c>
      <c r="AG27" s="280">
        <v>12</v>
      </c>
      <c r="AH27" s="277">
        <v>63</v>
      </c>
      <c r="AI27" s="282">
        <v>67</v>
      </c>
      <c r="AJ27" s="276">
        <v>0</v>
      </c>
      <c r="AK27" s="280">
        <v>12</v>
      </c>
      <c r="AL27" s="277">
        <v>12</v>
      </c>
      <c r="AM27" s="279">
        <v>0</v>
      </c>
      <c r="AN27" s="280">
        <v>0</v>
      </c>
      <c r="AO27" s="280">
        <v>0</v>
      </c>
      <c r="AP27" s="280">
        <v>6</v>
      </c>
      <c r="AQ27" s="280">
        <v>0</v>
      </c>
      <c r="AR27" s="280">
        <v>16</v>
      </c>
      <c r="AS27" s="277">
        <v>22</v>
      </c>
      <c r="AT27" s="282">
        <v>34</v>
      </c>
      <c r="AU27" s="276">
        <v>0</v>
      </c>
      <c r="AV27" s="280">
        <v>0</v>
      </c>
      <c r="AW27" s="277">
        <v>0</v>
      </c>
      <c r="AX27" s="279">
        <v>0</v>
      </c>
      <c r="AY27" s="280">
        <v>88</v>
      </c>
      <c r="AZ27" s="280">
        <v>14</v>
      </c>
      <c r="BA27" s="280">
        <v>24</v>
      </c>
      <c r="BB27" s="280">
        <v>45</v>
      </c>
      <c r="BC27" s="280">
        <v>0</v>
      </c>
      <c r="BD27" s="281">
        <v>171</v>
      </c>
      <c r="BE27" s="282">
        <v>171</v>
      </c>
      <c r="BF27" s="276">
        <v>0</v>
      </c>
      <c r="BG27" s="280">
        <v>0</v>
      </c>
      <c r="BH27" s="277">
        <v>0</v>
      </c>
      <c r="BI27" s="279">
        <v>0</v>
      </c>
      <c r="BJ27" s="280">
        <v>19</v>
      </c>
      <c r="BK27" s="280">
        <v>38</v>
      </c>
      <c r="BL27" s="280">
        <v>16</v>
      </c>
      <c r="BM27" s="280">
        <v>8</v>
      </c>
      <c r="BN27" s="280">
        <v>0</v>
      </c>
      <c r="BO27" s="277">
        <v>81</v>
      </c>
      <c r="BP27" s="282">
        <v>81</v>
      </c>
      <c r="BQ27" s="276">
        <v>0</v>
      </c>
      <c r="BR27" s="280">
        <v>0</v>
      </c>
      <c r="BS27" s="277">
        <v>0</v>
      </c>
      <c r="BT27" s="279">
        <v>0</v>
      </c>
      <c r="BU27" s="280">
        <v>10</v>
      </c>
      <c r="BV27" s="280">
        <v>0</v>
      </c>
      <c r="BW27" s="280">
        <v>12</v>
      </c>
      <c r="BX27" s="280">
        <v>8</v>
      </c>
      <c r="BY27" s="280">
        <v>0</v>
      </c>
      <c r="BZ27" s="277">
        <v>30</v>
      </c>
      <c r="CA27" s="282">
        <v>3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18.75" customHeight="1" x14ac:dyDescent="0.2">
      <c r="B28" s="261" t="s">
        <v>26</v>
      </c>
      <c r="C28" s="276">
        <v>0</v>
      </c>
      <c r="D28" s="280">
        <v>0</v>
      </c>
      <c r="E28" s="384">
        <v>0</v>
      </c>
      <c r="F28" s="279">
        <v>0</v>
      </c>
      <c r="G28" s="280">
        <v>51</v>
      </c>
      <c r="H28" s="280">
        <v>147</v>
      </c>
      <c r="I28" s="280">
        <v>163</v>
      </c>
      <c r="J28" s="280">
        <v>0</v>
      </c>
      <c r="K28" s="280">
        <v>0</v>
      </c>
      <c r="L28" s="281">
        <v>361</v>
      </c>
      <c r="M28" s="282">
        <v>361</v>
      </c>
      <c r="N28" s="276">
        <v>0</v>
      </c>
      <c r="O28" s="280">
        <v>0</v>
      </c>
      <c r="P28" s="277">
        <v>0</v>
      </c>
      <c r="Q28" s="279">
        <v>0</v>
      </c>
      <c r="R28" s="280">
        <v>0</v>
      </c>
      <c r="S28" s="280">
        <v>0</v>
      </c>
      <c r="T28" s="280">
        <v>3</v>
      </c>
      <c r="U28" s="280">
        <v>0</v>
      </c>
      <c r="V28" s="280">
        <v>8</v>
      </c>
      <c r="W28" s="277">
        <v>11</v>
      </c>
      <c r="X28" s="282">
        <v>11</v>
      </c>
      <c r="Y28" s="276">
        <v>0</v>
      </c>
      <c r="Z28" s="280">
        <v>0</v>
      </c>
      <c r="AA28" s="277">
        <v>0</v>
      </c>
      <c r="AB28" s="279">
        <v>0</v>
      </c>
      <c r="AC28" s="280">
        <v>6</v>
      </c>
      <c r="AD28" s="280">
        <v>41</v>
      </c>
      <c r="AE28" s="280">
        <v>32</v>
      </c>
      <c r="AF28" s="280">
        <v>0</v>
      </c>
      <c r="AG28" s="280">
        <v>17</v>
      </c>
      <c r="AH28" s="277">
        <v>96</v>
      </c>
      <c r="AI28" s="282">
        <v>96</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28</v>
      </c>
      <c r="AZ28" s="280">
        <v>72</v>
      </c>
      <c r="BA28" s="280">
        <v>23</v>
      </c>
      <c r="BB28" s="280">
        <v>0</v>
      </c>
      <c r="BC28" s="280">
        <v>21</v>
      </c>
      <c r="BD28" s="281">
        <v>144</v>
      </c>
      <c r="BE28" s="282">
        <v>144</v>
      </c>
      <c r="BF28" s="276">
        <v>0</v>
      </c>
      <c r="BG28" s="280">
        <v>0</v>
      </c>
      <c r="BH28" s="277">
        <v>0</v>
      </c>
      <c r="BI28" s="279">
        <v>0</v>
      </c>
      <c r="BJ28" s="280">
        <v>8</v>
      </c>
      <c r="BK28" s="280">
        <v>30</v>
      </c>
      <c r="BL28" s="280">
        <v>10</v>
      </c>
      <c r="BM28" s="280">
        <v>0</v>
      </c>
      <c r="BN28" s="280">
        <v>0</v>
      </c>
      <c r="BO28" s="277">
        <v>48</v>
      </c>
      <c r="BP28" s="282">
        <v>48</v>
      </c>
      <c r="BQ28" s="276">
        <v>0</v>
      </c>
      <c r="BR28" s="280">
        <v>0</v>
      </c>
      <c r="BS28" s="277">
        <v>0</v>
      </c>
      <c r="BT28" s="279">
        <v>0</v>
      </c>
      <c r="BU28" s="280">
        <v>0</v>
      </c>
      <c r="BV28" s="280">
        <v>44</v>
      </c>
      <c r="BW28" s="280">
        <v>0</v>
      </c>
      <c r="BX28" s="280">
        <v>82</v>
      </c>
      <c r="BY28" s="280">
        <v>0</v>
      </c>
      <c r="BZ28" s="277">
        <v>126</v>
      </c>
      <c r="CA28" s="282">
        <v>126</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18.75" customHeight="1" x14ac:dyDescent="0.2">
      <c r="B29" s="261" t="s">
        <v>27</v>
      </c>
      <c r="C29" s="276">
        <v>0</v>
      </c>
      <c r="D29" s="280">
        <v>0</v>
      </c>
      <c r="E29" s="384">
        <v>0</v>
      </c>
      <c r="F29" s="279">
        <v>0</v>
      </c>
      <c r="G29" s="280">
        <v>12</v>
      </c>
      <c r="H29" s="280">
        <v>12</v>
      </c>
      <c r="I29" s="280">
        <v>228</v>
      </c>
      <c r="J29" s="280">
        <v>105</v>
      </c>
      <c r="K29" s="280">
        <v>0</v>
      </c>
      <c r="L29" s="281">
        <v>357</v>
      </c>
      <c r="M29" s="282">
        <v>357</v>
      </c>
      <c r="N29" s="276">
        <v>0</v>
      </c>
      <c r="O29" s="280">
        <v>0</v>
      </c>
      <c r="P29" s="277">
        <v>0</v>
      </c>
      <c r="Q29" s="279">
        <v>0</v>
      </c>
      <c r="R29" s="280">
        <v>0</v>
      </c>
      <c r="S29" s="280">
        <v>0</v>
      </c>
      <c r="T29" s="280">
        <v>0</v>
      </c>
      <c r="U29" s="280">
        <v>4</v>
      </c>
      <c r="V29" s="280">
        <v>5</v>
      </c>
      <c r="W29" s="277">
        <v>9</v>
      </c>
      <c r="X29" s="282">
        <v>9</v>
      </c>
      <c r="Y29" s="276">
        <v>8</v>
      </c>
      <c r="Z29" s="280">
        <v>8</v>
      </c>
      <c r="AA29" s="277">
        <v>16</v>
      </c>
      <c r="AB29" s="279">
        <v>0</v>
      </c>
      <c r="AC29" s="280">
        <v>52</v>
      </c>
      <c r="AD29" s="280">
        <v>27</v>
      </c>
      <c r="AE29" s="280">
        <v>32</v>
      </c>
      <c r="AF29" s="280">
        <v>18</v>
      </c>
      <c r="AG29" s="280">
        <v>32</v>
      </c>
      <c r="AH29" s="277">
        <v>161</v>
      </c>
      <c r="AI29" s="282">
        <v>177</v>
      </c>
      <c r="AJ29" s="276">
        <v>0</v>
      </c>
      <c r="AK29" s="280">
        <v>0</v>
      </c>
      <c r="AL29" s="277">
        <v>0</v>
      </c>
      <c r="AM29" s="279">
        <v>0</v>
      </c>
      <c r="AN29" s="280">
        <v>0</v>
      </c>
      <c r="AO29" s="280">
        <v>27</v>
      </c>
      <c r="AP29" s="280">
        <v>0</v>
      </c>
      <c r="AQ29" s="280">
        <v>0</v>
      </c>
      <c r="AR29" s="280">
        <v>0</v>
      </c>
      <c r="AS29" s="277">
        <v>27</v>
      </c>
      <c r="AT29" s="282">
        <v>27</v>
      </c>
      <c r="AU29" s="276">
        <v>0</v>
      </c>
      <c r="AV29" s="280">
        <v>0</v>
      </c>
      <c r="AW29" s="277">
        <v>0</v>
      </c>
      <c r="AX29" s="279">
        <v>0</v>
      </c>
      <c r="AY29" s="280">
        <v>40</v>
      </c>
      <c r="AZ29" s="280">
        <v>54</v>
      </c>
      <c r="BA29" s="280">
        <v>46</v>
      </c>
      <c r="BB29" s="280">
        <v>24</v>
      </c>
      <c r="BC29" s="280">
        <v>16</v>
      </c>
      <c r="BD29" s="281">
        <v>180</v>
      </c>
      <c r="BE29" s="282">
        <v>180</v>
      </c>
      <c r="BF29" s="276">
        <v>0</v>
      </c>
      <c r="BG29" s="280">
        <v>0</v>
      </c>
      <c r="BH29" s="277">
        <v>0</v>
      </c>
      <c r="BI29" s="279">
        <v>0</v>
      </c>
      <c r="BJ29" s="280">
        <v>0</v>
      </c>
      <c r="BK29" s="280">
        <v>24</v>
      </c>
      <c r="BL29" s="280">
        <v>0</v>
      </c>
      <c r="BM29" s="280">
        <v>0</v>
      </c>
      <c r="BN29" s="280">
        <v>1</v>
      </c>
      <c r="BO29" s="277">
        <v>25</v>
      </c>
      <c r="BP29" s="282">
        <v>25</v>
      </c>
      <c r="BQ29" s="276">
        <v>0</v>
      </c>
      <c r="BR29" s="280">
        <v>0</v>
      </c>
      <c r="BS29" s="277">
        <v>0</v>
      </c>
      <c r="BT29" s="279">
        <v>0</v>
      </c>
      <c r="BU29" s="280">
        <v>2</v>
      </c>
      <c r="BV29" s="280">
        <v>0</v>
      </c>
      <c r="BW29" s="280">
        <v>3</v>
      </c>
      <c r="BX29" s="280">
        <v>0</v>
      </c>
      <c r="BY29" s="280">
        <v>3</v>
      </c>
      <c r="BZ29" s="277">
        <v>8</v>
      </c>
      <c r="CA29" s="282">
        <v>8</v>
      </c>
      <c r="CB29" s="276">
        <v>0</v>
      </c>
      <c r="CC29" s="280">
        <v>0</v>
      </c>
      <c r="CD29" s="277">
        <v>0</v>
      </c>
      <c r="CE29" s="279">
        <v>0</v>
      </c>
      <c r="CF29" s="280">
        <v>2</v>
      </c>
      <c r="CG29" s="280">
        <v>0</v>
      </c>
      <c r="CH29" s="280">
        <v>0</v>
      </c>
      <c r="CI29" s="280">
        <v>0</v>
      </c>
      <c r="CJ29" s="280">
        <v>0</v>
      </c>
      <c r="CK29" s="277">
        <v>2</v>
      </c>
      <c r="CL29" s="282">
        <v>2</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18.75" customHeight="1" x14ac:dyDescent="0.2">
      <c r="B30" s="261" t="s">
        <v>28</v>
      </c>
      <c r="C30" s="276">
        <v>0</v>
      </c>
      <c r="D30" s="280">
        <v>0</v>
      </c>
      <c r="E30" s="384">
        <v>0</v>
      </c>
      <c r="F30" s="279">
        <v>0</v>
      </c>
      <c r="G30" s="280">
        <v>0</v>
      </c>
      <c r="H30" s="280">
        <v>0</v>
      </c>
      <c r="I30" s="280">
        <v>0</v>
      </c>
      <c r="J30" s="280">
        <v>155</v>
      </c>
      <c r="K30" s="280">
        <v>0</v>
      </c>
      <c r="L30" s="281">
        <v>155</v>
      </c>
      <c r="M30" s="282">
        <v>155</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3</v>
      </c>
      <c r="AE30" s="280">
        <v>0</v>
      </c>
      <c r="AF30" s="280">
        <v>21</v>
      </c>
      <c r="AG30" s="280">
        <v>4</v>
      </c>
      <c r="AH30" s="277">
        <v>38</v>
      </c>
      <c r="AI30" s="282">
        <v>38</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32</v>
      </c>
      <c r="AZ30" s="280">
        <v>4</v>
      </c>
      <c r="BA30" s="280">
        <v>0</v>
      </c>
      <c r="BB30" s="280">
        <v>0</v>
      </c>
      <c r="BC30" s="280">
        <v>3</v>
      </c>
      <c r="BD30" s="281">
        <v>39</v>
      </c>
      <c r="BE30" s="282">
        <v>39</v>
      </c>
      <c r="BF30" s="276">
        <v>0</v>
      </c>
      <c r="BG30" s="280">
        <v>0</v>
      </c>
      <c r="BH30" s="277">
        <v>0</v>
      </c>
      <c r="BI30" s="279">
        <v>0</v>
      </c>
      <c r="BJ30" s="280">
        <v>0</v>
      </c>
      <c r="BK30" s="280">
        <v>0</v>
      </c>
      <c r="BL30" s="280">
        <v>0</v>
      </c>
      <c r="BM30" s="280">
        <v>0</v>
      </c>
      <c r="BN30" s="280">
        <v>0</v>
      </c>
      <c r="BO30" s="277">
        <v>0</v>
      </c>
      <c r="BP30" s="282">
        <v>0</v>
      </c>
      <c r="BQ30" s="276">
        <v>0</v>
      </c>
      <c r="BR30" s="280">
        <v>0</v>
      </c>
      <c r="BS30" s="277">
        <v>0</v>
      </c>
      <c r="BT30" s="279">
        <v>0</v>
      </c>
      <c r="BU30" s="280">
        <v>0</v>
      </c>
      <c r="BV30" s="280">
        <v>0</v>
      </c>
      <c r="BW30" s="280">
        <v>0</v>
      </c>
      <c r="BX30" s="280">
        <v>0</v>
      </c>
      <c r="BY30" s="280">
        <v>3</v>
      </c>
      <c r="BZ30" s="277">
        <v>3</v>
      </c>
      <c r="CA30" s="282">
        <v>3</v>
      </c>
      <c r="CB30" s="276">
        <v>0</v>
      </c>
      <c r="CC30" s="280">
        <v>0</v>
      </c>
      <c r="CD30" s="277">
        <v>0</v>
      </c>
      <c r="CE30" s="279">
        <v>0</v>
      </c>
      <c r="CF30" s="280">
        <v>0</v>
      </c>
      <c r="CG30" s="280">
        <v>0</v>
      </c>
      <c r="CH30" s="280">
        <v>0</v>
      </c>
      <c r="CI30" s="280">
        <v>0</v>
      </c>
      <c r="CJ30" s="280">
        <v>8</v>
      </c>
      <c r="CK30" s="277">
        <v>8</v>
      </c>
      <c r="CL30" s="282">
        <v>8</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18.75" customHeight="1" x14ac:dyDescent="0.2">
      <c r="B31" s="261" t="s">
        <v>29</v>
      </c>
      <c r="C31" s="276">
        <v>0</v>
      </c>
      <c r="D31" s="280">
        <v>0</v>
      </c>
      <c r="E31" s="384">
        <v>0</v>
      </c>
      <c r="F31" s="279">
        <v>0</v>
      </c>
      <c r="G31" s="280">
        <v>0</v>
      </c>
      <c r="H31" s="280">
        <v>0</v>
      </c>
      <c r="I31" s="280">
        <v>0</v>
      </c>
      <c r="J31" s="280">
        <v>13</v>
      </c>
      <c r="K31" s="280">
        <v>0</v>
      </c>
      <c r="L31" s="281">
        <v>13</v>
      </c>
      <c r="M31" s="282">
        <v>13</v>
      </c>
      <c r="N31" s="276">
        <v>0</v>
      </c>
      <c r="O31" s="280">
        <v>0</v>
      </c>
      <c r="P31" s="277">
        <v>0</v>
      </c>
      <c r="Q31" s="279">
        <v>0</v>
      </c>
      <c r="R31" s="280">
        <v>0</v>
      </c>
      <c r="S31" s="280">
        <v>0</v>
      </c>
      <c r="T31" s="280">
        <v>0</v>
      </c>
      <c r="U31" s="280">
        <v>0</v>
      </c>
      <c r="V31" s="280">
        <v>4</v>
      </c>
      <c r="W31" s="277">
        <v>4</v>
      </c>
      <c r="X31" s="282">
        <v>4</v>
      </c>
      <c r="Y31" s="276">
        <v>0</v>
      </c>
      <c r="Z31" s="280">
        <v>2</v>
      </c>
      <c r="AA31" s="277">
        <v>2</v>
      </c>
      <c r="AB31" s="279">
        <v>0</v>
      </c>
      <c r="AC31" s="280">
        <v>0</v>
      </c>
      <c r="AD31" s="280">
        <v>0</v>
      </c>
      <c r="AE31" s="280">
        <v>0</v>
      </c>
      <c r="AF31" s="280">
        <v>0</v>
      </c>
      <c r="AG31" s="280">
        <v>5</v>
      </c>
      <c r="AH31" s="277">
        <v>5</v>
      </c>
      <c r="AI31" s="282">
        <v>7</v>
      </c>
      <c r="AJ31" s="276">
        <v>0</v>
      </c>
      <c r="AK31" s="280">
        <v>0</v>
      </c>
      <c r="AL31" s="277">
        <v>0</v>
      </c>
      <c r="AM31" s="279">
        <v>0</v>
      </c>
      <c r="AN31" s="280">
        <v>0</v>
      </c>
      <c r="AO31" s="280">
        <v>0</v>
      </c>
      <c r="AP31" s="280">
        <v>0</v>
      </c>
      <c r="AQ31" s="280">
        <v>39</v>
      </c>
      <c r="AR31" s="280">
        <v>0</v>
      </c>
      <c r="AS31" s="277">
        <v>39</v>
      </c>
      <c r="AT31" s="282">
        <v>39</v>
      </c>
      <c r="AU31" s="276">
        <v>0</v>
      </c>
      <c r="AV31" s="280">
        <v>0</v>
      </c>
      <c r="AW31" s="277">
        <v>0</v>
      </c>
      <c r="AX31" s="279">
        <v>0</v>
      </c>
      <c r="AY31" s="280">
        <v>36</v>
      </c>
      <c r="AZ31" s="280">
        <v>27</v>
      </c>
      <c r="BA31" s="280">
        <v>23</v>
      </c>
      <c r="BB31" s="280">
        <v>8</v>
      </c>
      <c r="BC31" s="280">
        <v>9</v>
      </c>
      <c r="BD31" s="281">
        <v>103</v>
      </c>
      <c r="BE31" s="282">
        <v>103</v>
      </c>
      <c r="BF31" s="276">
        <v>0</v>
      </c>
      <c r="BG31" s="280">
        <v>0</v>
      </c>
      <c r="BH31" s="277">
        <v>0</v>
      </c>
      <c r="BI31" s="279">
        <v>0</v>
      </c>
      <c r="BJ31" s="280">
        <v>7</v>
      </c>
      <c r="BK31" s="280">
        <v>0</v>
      </c>
      <c r="BL31" s="280">
        <v>4</v>
      </c>
      <c r="BM31" s="280">
        <v>0</v>
      </c>
      <c r="BN31" s="280">
        <v>0</v>
      </c>
      <c r="BO31" s="277">
        <v>11</v>
      </c>
      <c r="BP31" s="282">
        <v>11</v>
      </c>
      <c r="BQ31" s="276">
        <v>0</v>
      </c>
      <c r="BR31" s="280">
        <v>0</v>
      </c>
      <c r="BS31" s="277">
        <v>0</v>
      </c>
      <c r="BT31" s="279">
        <v>0</v>
      </c>
      <c r="BU31" s="280">
        <v>0</v>
      </c>
      <c r="BV31" s="280">
        <v>0</v>
      </c>
      <c r="BW31" s="280">
        <v>0</v>
      </c>
      <c r="BX31" s="280">
        <v>0</v>
      </c>
      <c r="BY31" s="280">
        <v>8</v>
      </c>
      <c r="BZ31" s="277">
        <v>8</v>
      </c>
      <c r="CA31" s="282">
        <v>8</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18.75" customHeight="1" x14ac:dyDescent="0.2">
      <c r="B32" s="261" t="s">
        <v>30</v>
      </c>
      <c r="C32" s="276">
        <v>0</v>
      </c>
      <c r="D32" s="280">
        <v>0</v>
      </c>
      <c r="E32" s="384">
        <v>0</v>
      </c>
      <c r="F32" s="279">
        <v>0</v>
      </c>
      <c r="G32" s="280">
        <v>33</v>
      </c>
      <c r="H32" s="280">
        <v>17</v>
      </c>
      <c r="I32" s="280">
        <v>9</v>
      </c>
      <c r="J32" s="280">
        <v>16</v>
      </c>
      <c r="K32" s="280">
        <v>21</v>
      </c>
      <c r="L32" s="281">
        <v>96</v>
      </c>
      <c r="M32" s="282">
        <v>96</v>
      </c>
      <c r="N32" s="276">
        <v>0</v>
      </c>
      <c r="O32" s="280">
        <v>0</v>
      </c>
      <c r="P32" s="277">
        <v>0</v>
      </c>
      <c r="Q32" s="279">
        <v>0</v>
      </c>
      <c r="R32" s="280">
        <v>0</v>
      </c>
      <c r="S32" s="280">
        <v>0</v>
      </c>
      <c r="T32" s="280">
        <v>0</v>
      </c>
      <c r="U32" s="280">
        <v>8</v>
      </c>
      <c r="V32" s="280">
        <v>3</v>
      </c>
      <c r="W32" s="277">
        <v>11</v>
      </c>
      <c r="X32" s="282">
        <v>11</v>
      </c>
      <c r="Y32" s="276">
        <v>0</v>
      </c>
      <c r="Z32" s="280">
        <v>0</v>
      </c>
      <c r="AA32" s="277">
        <v>0</v>
      </c>
      <c r="AB32" s="279">
        <v>0</v>
      </c>
      <c r="AC32" s="280">
        <v>5</v>
      </c>
      <c r="AD32" s="280">
        <v>0</v>
      </c>
      <c r="AE32" s="280">
        <v>0</v>
      </c>
      <c r="AF32" s="280">
        <v>10</v>
      </c>
      <c r="AG32" s="280">
        <v>4</v>
      </c>
      <c r="AH32" s="277">
        <v>19</v>
      </c>
      <c r="AI32" s="282">
        <v>19</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0</v>
      </c>
      <c r="BA32" s="280">
        <v>0</v>
      </c>
      <c r="BB32" s="280">
        <v>21</v>
      </c>
      <c r="BC32" s="280">
        <v>0</v>
      </c>
      <c r="BD32" s="281">
        <v>23</v>
      </c>
      <c r="BE32" s="282">
        <v>23</v>
      </c>
      <c r="BF32" s="276">
        <v>0</v>
      </c>
      <c r="BG32" s="280">
        <v>0</v>
      </c>
      <c r="BH32" s="277">
        <v>0</v>
      </c>
      <c r="BI32" s="279">
        <v>0</v>
      </c>
      <c r="BJ32" s="280">
        <v>8</v>
      </c>
      <c r="BK32" s="280">
        <v>0</v>
      </c>
      <c r="BL32" s="280">
        <v>0</v>
      </c>
      <c r="BM32" s="280">
        <v>0</v>
      </c>
      <c r="BN32" s="280">
        <v>0</v>
      </c>
      <c r="BO32" s="277">
        <v>8</v>
      </c>
      <c r="BP32" s="282">
        <v>8</v>
      </c>
      <c r="BQ32" s="276">
        <v>0</v>
      </c>
      <c r="BR32" s="280">
        <v>0</v>
      </c>
      <c r="BS32" s="277">
        <v>0</v>
      </c>
      <c r="BT32" s="279">
        <v>0</v>
      </c>
      <c r="BU32" s="280">
        <v>3</v>
      </c>
      <c r="BV32" s="280">
        <v>3</v>
      </c>
      <c r="BW32" s="280">
        <v>0</v>
      </c>
      <c r="BX32" s="280">
        <v>4</v>
      </c>
      <c r="BY32" s="280">
        <v>0</v>
      </c>
      <c r="BZ32" s="277">
        <v>10</v>
      </c>
      <c r="CA32" s="282">
        <v>10</v>
      </c>
      <c r="CB32" s="276">
        <v>0</v>
      </c>
      <c r="CC32" s="280">
        <v>0</v>
      </c>
      <c r="CD32" s="277">
        <v>0</v>
      </c>
      <c r="CE32" s="279">
        <v>0</v>
      </c>
      <c r="CF32" s="280">
        <v>0</v>
      </c>
      <c r="CG32" s="280">
        <v>0</v>
      </c>
      <c r="CH32" s="280">
        <v>0</v>
      </c>
      <c r="CI32" s="280">
        <v>0</v>
      </c>
      <c r="CJ32" s="280">
        <v>7</v>
      </c>
      <c r="CK32" s="277">
        <v>7</v>
      </c>
      <c r="CL32" s="282">
        <v>7</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18.75" customHeight="1" x14ac:dyDescent="0.2">
      <c r="B33" s="261" t="s">
        <v>31</v>
      </c>
      <c r="C33" s="276">
        <v>0</v>
      </c>
      <c r="D33" s="280">
        <v>0</v>
      </c>
      <c r="E33" s="384">
        <v>0</v>
      </c>
      <c r="F33" s="279">
        <v>0</v>
      </c>
      <c r="G33" s="280">
        <v>17</v>
      </c>
      <c r="H33" s="280">
        <v>15</v>
      </c>
      <c r="I33" s="280">
        <v>0</v>
      </c>
      <c r="J33" s="280">
        <v>0</v>
      </c>
      <c r="K33" s="280">
        <v>0</v>
      </c>
      <c r="L33" s="281">
        <v>32</v>
      </c>
      <c r="M33" s="282">
        <v>32</v>
      </c>
      <c r="N33" s="276">
        <v>0</v>
      </c>
      <c r="O33" s="280">
        <v>0</v>
      </c>
      <c r="P33" s="277">
        <v>0</v>
      </c>
      <c r="Q33" s="279">
        <v>0</v>
      </c>
      <c r="R33" s="280">
        <v>0</v>
      </c>
      <c r="S33" s="280">
        <v>4</v>
      </c>
      <c r="T33" s="280">
        <v>9</v>
      </c>
      <c r="U33" s="280">
        <v>1</v>
      </c>
      <c r="V33" s="280">
        <v>0</v>
      </c>
      <c r="W33" s="277">
        <v>14</v>
      </c>
      <c r="X33" s="282">
        <v>14</v>
      </c>
      <c r="Y33" s="276">
        <v>1</v>
      </c>
      <c r="Z33" s="280">
        <v>0</v>
      </c>
      <c r="AA33" s="277">
        <v>1</v>
      </c>
      <c r="AB33" s="279">
        <v>0</v>
      </c>
      <c r="AC33" s="280">
        <v>3</v>
      </c>
      <c r="AD33" s="280">
        <v>3</v>
      </c>
      <c r="AE33" s="280">
        <v>7</v>
      </c>
      <c r="AF33" s="280">
        <v>6</v>
      </c>
      <c r="AG33" s="280">
        <v>0</v>
      </c>
      <c r="AH33" s="277">
        <v>19</v>
      </c>
      <c r="AI33" s="282">
        <v>20</v>
      </c>
      <c r="AJ33" s="276">
        <v>0</v>
      </c>
      <c r="AK33" s="280">
        <v>0</v>
      </c>
      <c r="AL33" s="277">
        <v>0</v>
      </c>
      <c r="AM33" s="279">
        <v>0</v>
      </c>
      <c r="AN33" s="280">
        <v>12</v>
      </c>
      <c r="AO33" s="280">
        <v>30</v>
      </c>
      <c r="AP33" s="280">
        <v>0</v>
      </c>
      <c r="AQ33" s="280">
        <v>12</v>
      </c>
      <c r="AR33" s="280">
        <v>0</v>
      </c>
      <c r="AS33" s="277">
        <v>54</v>
      </c>
      <c r="AT33" s="282">
        <v>54</v>
      </c>
      <c r="AU33" s="276">
        <v>0</v>
      </c>
      <c r="AV33" s="280">
        <v>0</v>
      </c>
      <c r="AW33" s="277">
        <v>0</v>
      </c>
      <c r="AX33" s="279">
        <v>0</v>
      </c>
      <c r="AY33" s="280">
        <v>15</v>
      </c>
      <c r="AZ33" s="280">
        <v>36</v>
      </c>
      <c r="BA33" s="280">
        <v>0</v>
      </c>
      <c r="BB33" s="280">
        <v>0</v>
      </c>
      <c r="BC33" s="280">
        <v>0</v>
      </c>
      <c r="BD33" s="281">
        <v>51</v>
      </c>
      <c r="BE33" s="282">
        <v>51</v>
      </c>
      <c r="BF33" s="276">
        <v>0</v>
      </c>
      <c r="BG33" s="280">
        <v>0</v>
      </c>
      <c r="BH33" s="277">
        <v>0</v>
      </c>
      <c r="BI33" s="279">
        <v>0</v>
      </c>
      <c r="BJ33" s="280">
        <v>0</v>
      </c>
      <c r="BK33" s="280">
        <v>36</v>
      </c>
      <c r="BL33" s="280">
        <v>0</v>
      </c>
      <c r="BM33" s="280">
        <v>6</v>
      </c>
      <c r="BN33" s="280">
        <v>0</v>
      </c>
      <c r="BO33" s="277">
        <v>42</v>
      </c>
      <c r="BP33" s="282">
        <v>42</v>
      </c>
      <c r="BQ33" s="276">
        <v>0</v>
      </c>
      <c r="BR33" s="280">
        <v>0</v>
      </c>
      <c r="BS33" s="277">
        <v>0</v>
      </c>
      <c r="BT33" s="279">
        <v>0</v>
      </c>
      <c r="BU33" s="280">
        <v>0</v>
      </c>
      <c r="BV33" s="280">
        <v>3</v>
      </c>
      <c r="BW33" s="280">
        <v>0</v>
      </c>
      <c r="BX33" s="280">
        <v>0</v>
      </c>
      <c r="BY33" s="280">
        <v>0</v>
      </c>
      <c r="BZ33" s="277">
        <v>3</v>
      </c>
      <c r="CA33" s="282">
        <v>3</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18.75" customHeight="1" x14ac:dyDescent="0.2">
      <c r="B34" s="261" t="s">
        <v>32</v>
      </c>
      <c r="C34" s="276">
        <v>0</v>
      </c>
      <c r="D34" s="280">
        <v>0</v>
      </c>
      <c r="E34" s="384">
        <v>0</v>
      </c>
      <c r="F34" s="279">
        <v>0</v>
      </c>
      <c r="G34" s="280">
        <v>5</v>
      </c>
      <c r="H34" s="280">
        <v>40</v>
      </c>
      <c r="I34" s="280">
        <v>17</v>
      </c>
      <c r="J34" s="280">
        <v>123</v>
      </c>
      <c r="K34" s="280">
        <v>175</v>
      </c>
      <c r="L34" s="281">
        <v>360</v>
      </c>
      <c r="M34" s="282">
        <v>360</v>
      </c>
      <c r="N34" s="276">
        <v>0</v>
      </c>
      <c r="O34" s="280">
        <v>0</v>
      </c>
      <c r="P34" s="277">
        <v>0</v>
      </c>
      <c r="Q34" s="279">
        <v>0</v>
      </c>
      <c r="R34" s="280">
        <v>0</v>
      </c>
      <c r="S34" s="280">
        <v>0</v>
      </c>
      <c r="T34" s="280">
        <v>0</v>
      </c>
      <c r="U34" s="280">
        <v>0</v>
      </c>
      <c r="V34" s="280">
        <v>9</v>
      </c>
      <c r="W34" s="277">
        <v>9</v>
      </c>
      <c r="X34" s="282">
        <v>9</v>
      </c>
      <c r="Y34" s="276">
        <v>0</v>
      </c>
      <c r="Z34" s="280">
        <v>1</v>
      </c>
      <c r="AA34" s="277">
        <v>1</v>
      </c>
      <c r="AB34" s="279">
        <v>0</v>
      </c>
      <c r="AC34" s="280">
        <v>4</v>
      </c>
      <c r="AD34" s="280">
        <v>24</v>
      </c>
      <c r="AE34" s="280">
        <v>13</v>
      </c>
      <c r="AF34" s="280">
        <v>4</v>
      </c>
      <c r="AG34" s="280">
        <v>0</v>
      </c>
      <c r="AH34" s="277">
        <v>45</v>
      </c>
      <c r="AI34" s="282">
        <v>46</v>
      </c>
      <c r="AJ34" s="276">
        <v>0</v>
      </c>
      <c r="AK34" s="280">
        <v>0</v>
      </c>
      <c r="AL34" s="277">
        <v>0</v>
      </c>
      <c r="AM34" s="279">
        <v>0</v>
      </c>
      <c r="AN34" s="280">
        <v>0</v>
      </c>
      <c r="AO34" s="280">
        <v>15</v>
      </c>
      <c r="AP34" s="280">
        <v>0</v>
      </c>
      <c r="AQ34" s="280">
        <v>0</v>
      </c>
      <c r="AR34" s="280">
        <v>0</v>
      </c>
      <c r="AS34" s="277">
        <v>15</v>
      </c>
      <c r="AT34" s="282">
        <v>15</v>
      </c>
      <c r="AU34" s="276">
        <v>0</v>
      </c>
      <c r="AV34" s="280">
        <v>0</v>
      </c>
      <c r="AW34" s="277">
        <v>0</v>
      </c>
      <c r="AX34" s="279">
        <v>0</v>
      </c>
      <c r="AY34" s="280">
        <v>17</v>
      </c>
      <c r="AZ34" s="280">
        <v>19</v>
      </c>
      <c r="BA34" s="280">
        <v>0</v>
      </c>
      <c r="BB34" s="280">
        <v>0</v>
      </c>
      <c r="BC34" s="280">
        <v>12</v>
      </c>
      <c r="BD34" s="281">
        <v>48</v>
      </c>
      <c r="BE34" s="282">
        <v>48</v>
      </c>
      <c r="BF34" s="276">
        <v>0</v>
      </c>
      <c r="BG34" s="280">
        <v>0</v>
      </c>
      <c r="BH34" s="277">
        <v>0</v>
      </c>
      <c r="BI34" s="279">
        <v>0</v>
      </c>
      <c r="BJ34" s="280">
        <v>17</v>
      </c>
      <c r="BK34" s="280">
        <v>8</v>
      </c>
      <c r="BL34" s="280">
        <v>0</v>
      </c>
      <c r="BM34" s="280">
        <v>0</v>
      </c>
      <c r="BN34" s="280">
        <v>7</v>
      </c>
      <c r="BO34" s="277">
        <v>32</v>
      </c>
      <c r="BP34" s="282">
        <v>32</v>
      </c>
      <c r="BQ34" s="276">
        <v>0</v>
      </c>
      <c r="BR34" s="280">
        <v>0</v>
      </c>
      <c r="BS34" s="277">
        <v>0</v>
      </c>
      <c r="BT34" s="279">
        <v>0</v>
      </c>
      <c r="BU34" s="280">
        <v>2</v>
      </c>
      <c r="BV34" s="280">
        <v>0</v>
      </c>
      <c r="BW34" s="280">
        <v>0</v>
      </c>
      <c r="BX34" s="280">
        <v>2</v>
      </c>
      <c r="BY34" s="280">
        <v>8</v>
      </c>
      <c r="BZ34" s="277">
        <v>12</v>
      </c>
      <c r="CA34" s="282">
        <v>12</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18.75" customHeight="1" x14ac:dyDescent="0.2">
      <c r="B35" s="261" t="s">
        <v>33</v>
      </c>
      <c r="C35" s="276">
        <v>0</v>
      </c>
      <c r="D35" s="280">
        <v>0</v>
      </c>
      <c r="E35" s="384">
        <v>0</v>
      </c>
      <c r="F35" s="279">
        <v>0</v>
      </c>
      <c r="G35" s="280">
        <v>8</v>
      </c>
      <c r="H35" s="280">
        <v>0</v>
      </c>
      <c r="I35" s="280">
        <v>0</v>
      </c>
      <c r="J35" s="280">
        <v>0</v>
      </c>
      <c r="K35" s="280">
        <v>0</v>
      </c>
      <c r="L35" s="281">
        <v>8</v>
      </c>
      <c r="M35" s="282">
        <v>8</v>
      </c>
      <c r="N35" s="276">
        <v>0</v>
      </c>
      <c r="O35" s="280">
        <v>0</v>
      </c>
      <c r="P35" s="277">
        <v>0</v>
      </c>
      <c r="Q35" s="279">
        <v>0</v>
      </c>
      <c r="R35" s="280">
        <v>0</v>
      </c>
      <c r="S35" s="280">
        <v>0</v>
      </c>
      <c r="T35" s="280">
        <v>0</v>
      </c>
      <c r="U35" s="280">
        <v>3</v>
      </c>
      <c r="V35" s="280">
        <v>0</v>
      </c>
      <c r="W35" s="277">
        <v>3</v>
      </c>
      <c r="X35" s="282">
        <v>3</v>
      </c>
      <c r="Y35" s="276">
        <v>0</v>
      </c>
      <c r="Z35" s="280">
        <v>0</v>
      </c>
      <c r="AA35" s="277">
        <v>0</v>
      </c>
      <c r="AB35" s="279">
        <v>0</v>
      </c>
      <c r="AC35" s="280">
        <v>5</v>
      </c>
      <c r="AD35" s="280">
        <v>4</v>
      </c>
      <c r="AE35" s="280">
        <v>0</v>
      </c>
      <c r="AF35" s="280">
        <v>0</v>
      </c>
      <c r="AG35" s="280">
        <v>2</v>
      </c>
      <c r="AH35" s="277">
        <v>11</v>
      </c>
      <c r="AI35" s="282">
        <v>11</v>
      </c>
      <c r="AJ35" s="276">
        <v>12</v>
      </c>
      <c r="AK35" s="280">
        <v>12</v>
      </c>
      <c r="AL35" s="277">
        <v>24</v>
      </c>
      <c r="AM35" s="279">
        <v>0</v>
      </c>
      <c r="AN35" s="280">
        <v>27</v>
      </c>
      <c r="AO35" s="280">
        <v>0</v>
      </c>
      <c r="AP35" s="280">
        <v>0</v>
      </c>
      <c r="AQ35" s="280">
        <v>18</v>
      </c>
      <c r="AR35" s="280">
        <v>17</v>
      </c>
      <c r="AS35" s="277">
        <v>62</v>
      </c>
      <c r="AT35" s="282">
        <v>86</v>
      </c>
      <c r="AU35" s="276">
        <v>0</v>
      </c>
      <c r="AV35" s="280">
        <v>0</v>
      </c>
      <c r="AW35" s="277">
        <v>0</v>
      </c>
      <c r="AX35" s="279">
        <v>0</v>
      </c>
      <c r="AY35" s="280">
        <v>5</v>
      </c>
      <c r="AZ35" s="280">
        <v>0</v>
      </c>
      <c r="BA35" s="280">
        <v>0</v>
      </c>
      <c r="BB35" s="280">
        <v>0</v>
      </c>
      <c r="BC35" s="280">
        <v>0</v>
      </c>
      <c r="BD35" s="281">
        <v>5</v>
      </c>
      <c r="BE35" s="282">
        <v>5</v>
      </c>
      <c r="BF35" s="276">
        <v>0</v>
      </c>
      <c r="BG35" s="280">
        <v>0</v>
      </c>
      <c r="BH35" s="277">
        <v>0</v>
      </c>
      <c r="BI35" s="279">
        <v>0</v>
      </c>
      <c r="BJ35" s="280">
        <v>4</v>
      </c>
      <c r="BK35" s="280">
        <v>9</v>
      </c>
      <c r="BL35" s="280">
        <v>9</v>
      </c>
      <c r="BM35" s="280">
        <v>0</v>
      </c>
      <c r="BN35" s="280">
        <v>0</v>
      </c>
      <c r="BO35" s="277">
        <v>22</v>
      </c>
      <c r="BP35" s="282">
        <v>22</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18.75" customHeight="1" x14ac:dyDescent="0.2">
      <c r="B36" s="261" t="s">
        <v>34</v>
      </c>
      <c r="C36" s="276">
        <v>0</v>
      </c>
      <c r="D36" s="280">
        <v>0</v>
      </c>
      <c r="E36" s="384">
        <v>0</v>
      </c>
      <c r="F36" s="279">
        <v>0</v>
      </c>
      <c r="G36" s="280">
        <v>5</v>
      </c>
      <c r="H36" s="280">
        <v>0</v>
      </c>
      <c r="I36" s="280">
        <v>0</v>
      </c>
      <c r="J36" s="280">
        <v>0</v>
      </c>
      <c r="K36" s="280">
        <v>0</v>
      </c>
      <c r="L36" s="281">
        <v>5</v>
      </c>
      <c r="M36" s="282">
        <v>5</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2</v>
      </c>
      <c r="AE36" s="280">
        <v>0</v>
      </c>
      <c r="AF36" s="280">
        <v>0</v>
      </c>
      <c r="AG36" s="280">
        <v>0</v>
      </c>
      <c r="AH36" s="277">
        <v>2</v>
      </c>
      <c r="AI36" s="282">
        <v>2</v>
      </c>
      <c r="AJ36" s="276">
        <v>0</v>
      </c>
      <c r="AK36" s="280">
        <v>0</v>
      </c>
      <c r="AL36" s="277">
        <v>0</v>
      </c>
      <c r="AM36" s="279">
        <v>0</v>
      </c>
      <c r="AN36" s="280">
        <v>0</v>
      </c>
      <c r="AO36" s="280">
        <v>24</v>
      </c>
      <c r="AP36" s="280">
        <v>10</v>
      </c>
      <c r="AQ36" s="280">
        <v>0</v>
      </c>
      <c r="AR36" s="280">
        <v>0</v>
      </c>
      <c r="AS36" s="277">
        <v>34</v>
      </c>
      <c r="AT36" s="282">
        <v>34</v>
      </c>
      <c r="AU36" s="276">
        <v>0</v>
      </c>
      <c r="AV36" s="280">
        <v>0</v>
      </c>
      <c r="AW36" s="277">
        <v>0</v>
      </c>
      <c r="AX36" s="279">
        <v>0</v>
      </c>
      <c r="AY36" s="280">
        <v>0</v>
      </c>
      <c r="AZ36" s="280">
        <v>0</v>
      </c>
      <c r="BA36" s="280">
        <v>0</v>
      </c>
      <c r="BB36" s="280">
        <v>0</v>
      </c>
      <c r="BC36" s="280">
        <v>0</v>
      </c>
      <c r="BD36" s="281">
        <v>0</v>
      </c>
      <c r="BE36" s="282">
        <v>0</v>
      </c>
      <c r="BF36" s="276">
        <v>0</v>
      </c>
      <c r="BG36" s="280">
        <v>0</v>
      </c>
      <c r="BH36" s="277">
        <v>0</v>
      </c>
      <c r="BI36" s="279">
        <v>0</v>
      </c>
      <c r="BJ36" s="280">
        <v>8</v>
      </c>
      <c r="BK36" s="280">
        <v>7</v>
      </c>
      <c r="BL36" s="280">
        <v>0</v>
      </c>
      <c r="BM36" s="280">
        <v>0</v>
      </c>
      <c r="BN36" s="280">
        <v>0</v>
      </c>
      <c r="BO36" s="277">
        <v>15</v>
      </c>
      <c r="BP36" s="282">
        <v>15</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18.75" customHeight="1" x14ac:dyDescent="0.2">
      <c r="B37" s="261" t="s">
        <v>35</v>
      </c>
      <c r="C37" s="276">
        <v>0</v>
      </c>
      <c r="D37" s="280">
        <v>0</v>
      </c>
      <c r="E37" s="384">
        <v>0</v>
      </c>
      <c r="F37" s="279">
        <v>0</v>
      </c>
      <c r="G37" s="280">
        <v>80</v>
      </c>
      <c r="H37" s="280">
        <v>9</v>
      </c>
      <c r="I37" s="280">
        <v>76</v>
      </c>
      <c r="J37" s="280">
        <v>77</v>
      </c>
      <c r="K37" s="280">
        <v>81</v>
      </c>
      <c r="L37" s="281">
        <v>323</v>
      </c>
      <c r="M37" s="282">
        <v>323</v>
      </c>
      <c r="N37" s="276">
        <v>0</v>
      </c>
      <c r="O37" s="280">
        <v>0</v>
      </c>
      <c r="P37" s="277">
        <v>0</v>
      </c>
      <c r="Q37" s="279">
        <v>0</v>
      </c>
      <c r="R37" s="280">
        <v>0</v>
      </c>
      <c r="S37" s="280">
        <v>0</v>
      </c>
      <c r="T37" s="280">
        <v>0</v>
      </c>
      <c r="U37" s="280">
        <v>1</v>
      </c>
      <c r="V37" s="280">
        <v>9</v>
      </c>
      <c r="W37" s="277">
        <v>10</v>
      </c>
      <c r="X37" s="282">
        <v>10</v>
      </c>
      <c r="Y37" s="276">
        <v>0</v>
      </c>
      <c r="Z37" s="280">
        <v>0</v>
      </c>
      <c r="AA37" s="277">
        <v>0</v>
      </c>
      <c r="AB37" s="279">
        <v>0</v>
      </c>
      <c r="AC37" s="280">
        <v>4</v>
      </c>
      <c r="AD37" s="280">
        <v>0</v>
      </c>
      <c r="AE37" s="280">
        <v>0</v>
      </c>
      <c r="AF37" s="280">
        <v>0</v>
      </c>
      <c r="AG37" s="280">
        <v>0</v>
      </c>
      <c r="AH37" s="277">
        <v>4</v>
      </c>
      <c r="AI37" s="282">
        <v>4</v>
      </c>
      <c r="AJ37" s="276">
        <v>0</v>
      </c>
      <c r="AK37" s="280">
        <v>0</v>
      </c>
      <c r="AL37" s="277">
        <v>0</v>
      </c>
      <c r="AM37" s="279">
        <v>0</v>
      </c>
      <c r="AN37" s="280">
        <v>15</v>
      </c>
      <c r="AO37" s="280">
        <v>9</v>
      </c>
      <c r="AP37" s="280">
        <v>24</v>
      </c>
      <c r="AQ37" s="280">
        <v>9</v>
      </c>
      <c r="AR37" s="280">
        <v>0</v>
      </c>
      <c r="AS37" s="277">
        <v>57</v>
      </c>
      <c r="AT37" s="282">
        <v>57</v>
      </c>
      <c r="AU37" s="276">
        <v>0</v>
      </c>
      <c r="AV37" s="280">
        <v>0</v>
      </c>
      <c r="AW37" s="277">
        <v>0</v>
      </c>
      <c r="AX37" s="279">
        <v>0</v>
      </c>
      <c r="AY37" s="280">
        <v>67</v>
      </c>
      <c r="AZ37" s="280">
        <v>50</v>
      </c>
      <c r="BA37" s="280">
        <v>11</v>
      </c>
      <c r="BB37" s="280">
        <v>0</v>
      </c>
      <c r="BC37" s="280">
        <v>0</v>
      </c>
      <c r="BD37" s="281">
        <v>128</v>
      </c>
      <c r="BE37" s="282">
        <v>128</v>
      </c>
      <c r="BF37" s="276">
        <v>0</v>
      </c>
      <c r="BG37" s="280">
        <v>0</v>
      </c>
      <c r="BH37" s="277">
        <v>0</v>
      </c>
      <c r="BI37" s="279">
        <v>0</v>
      </c>
      <c r="BJ37" s="280">
        <v>8</v>
      </c>
      <c r="BK37" s="280">
        <v>0</v>
      </c>
      <c r="BL37" s="280">
        <v>0</v>
      </c>
      <c r="BM37" s="280">
        <v>14</v>
      </c>
      <c r="BN37" s="280">
        <v>0</v>
      </c>
      <c r="BO37" s="277">
        <v>22</v>
      </c>
      <c r="BP37" s="282">
        <v>22</v>
      </c>
      <c r="BQ37" s="276">
        <v>0</v>
      </c>
      <c r="BR37" s="280">
        <v>7</v>
      </c>
      <c r="BS37" s="277">
        <v>7</v>
      </c>
      <c r="BT37" s="279">
        <v>0</v>
      </c>
      <c r="BU37" s="280">
        <v>0</v>
      </c>
      <c r="BV37" s="280">
        <v>0</v>
      </c>
      <c r="BW37" s="280">
        <v>0</v>
      </c>
      <c r="BX37" s="280">
        <v>0</v>
      </c>
      <c r="BY37" s="280">
        <v>0</v>
      </c>
      <c r="BZ37" s="277">
        <v>0</v>
      </c>
      <c r="CA37" s="282">
        <v>7</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18.75" customHeight="1" x14ac:dyDescent="0.2">
      <c r="B38" s="261" t="s">
        <v>36</v>
      </c>
      <c r="C38" s="276">
        <v>0</v>
      </c>
      <c r="D38" s="280">
        <v>0</v>
      </c>
      <c r="E38" s="384">
        <v>0</v>
      </c>
      <c r="F38" s="279">
        <v>0</v>
      </c>
      <c r="G38" s="280">
        <v>51</v>
      </c>
      <c r="H38" s="280">
        <v>12</v>
      </c>
      <c r="I38" s="280">
        <v>98</v>
      </c>
      <c r="J38" s="280">
        <v>0</v>
      </c>
      <c r="K38" s="280">
        <v>0</v>
      </c>
      <c r="L38" s="281">
        <v>161</v>
      </c>
      <c r="M38" s="282">
        <v>161</v>
      </c>
      <c r="N38" s="276">
        <v>0</v>
      </c>
      <c r="O38" s="280">
        <v>0</v>
      </c>
      <c r="P38" s="277">
        <v>0</v>
      </c>
      <c r="Q38" s="279">
        <v>0</v>
      </c>
      <c r="R38" s="280">
        <v>0</v>
      </c>
      <c r="S38" s="280">
        <v>0</v>
      </c>
      <c r="T38" s="280">
        <v>0</v>
      </c>
      <c r="U38" s="280">
        <v>0</v>
      </c>
      <c r="V38" s="280">
        <v>0</v>
      </c>
      <c r="W38" s="277">
        <v>0</v>
      </c>
      <c r="X38" s="282">
        <v>0</v>
      </c>
      <c r="Y38" s="276">
        <v>8</v>
      </c>
      <c r="Z38" s="280">
        <v>0</v>
      </c>
      <c r="AA38" s="277">
        <v>8</v>
      </c>
      <c r="AB38" s="279">
        <v>0</v>
      </c>
      <c r="AC38" s="280">
        <v>13</v>
      </c>
      <c r="AD38" s="280">
        <v>0</v>
      </c>
      <c r="AE38" s="280">
        <v>9</v>
      </c>
      <c r="AF38" s="280">
        <v>0</v>
      </c>
      <c r="AG38" s="280">
        <v>0</v>
      </c>
      <c r="AH38" s="277">
        <v>22</v>
      </c>
      <c r="AI38" s="282">
        <v>30</v>
      </c>
      <c r="AJ38" s="276">
        <v>0</v>
      </c>
      <c r="AK38" s="280">
        <v>0</v>
      </c>
      <c r="AL38" s="277">
        <v>0</v>
      </c>
      <c r="AM38" s="279">
        <v>0</v>
      </c>
      <c r="AN38" s="280">
        <v>0</v>
      </c>
      <c r="AO38" s="280">
        <v>6</v>
      </c>
      <c r="AP38" s="280">
        <v>7</v>
      </c>
      <c r="AQ38" s="280">
        <v>0</v>
      </c>
      <c r="AR38" s="280">
        <v>0</v>
      </c>
      <c r="AS38" s="277">
        <v>13</v>
      </c>
      <c r="AT38" s="282">
        <v>13</v>
      </c>
      <c r="AU38" s="276">
        <v>0</v>
      </c>
      <c r="AV38" s="280">
        <v>0</v>
      </c>
      <c r="AW38" s="277">
        <v>0</v>
      </c>
      <c r="AX38" s="279">
        <v>0</v>
      </c>
      <c r="AY38" s="280">
        <v>11</v>
      </c>
      <c r="AZ38" s="280">
        <v>17</v>
      </c>
      <c r="BA38" s="280">
        <v>11</v>
      </c>
      <c r="BB38" s="280">
        <v>0</v>
      </c>
      <c r="BC38" s="280">
        <v>0</v>
      </c>
      <c r="BD38" s="281">
        <v>39</v>
      </c>
      <c r="BE38" s="282">
        <v>39</v>
      </c>
      <c r="BF38" s="276">
        <v>0</v>
      </c>
      <c r="BG38" s="280">
        <v>0</v>
      </c>
      <c r="BH38" s="277">
        <v>0</v>
      </c>
      <c r="BI38" s="279">
        <v>0</v>
      </c>
      <c r="BJ38" s="280">
        <v>0</v>
      </c>
      <c r="BK38" s="280">
        <v>13</v>
      </c>
      <c r="BL38" s="280">
        <v>0</v>
      </c>
      <c r="BM38" s="280">
        <v>0</v>
      </c>
      <c r="BN38" s="280">
        <v>0</v>
      </c>
      <c r="BO38" s="277">
        <v>13</v>
      </c>
      <c r="BP38" s="282">
        <v>13</v>
      </c>
      <c r="BQ38" s="276">
        <v>0</v>
      </c>
      <c r="BR38" s="280">
        <v>0</v>
      </c>
      <c r="BS38" s="277">
        <v>0</v>
      </c>
      <c r="BT38" s="279">
        <v>0</v>
      </c>
      <c r="BU38" s="280">
        <v>0</v>
      </c>
      <c r="BV38" s="280">
        <v>0</v>
      </c>
      <c r="BW38" s="280">
        <v>2</v>
      </c>
      <c r="BX38" s="280">
        <v>0</v>
      </c>
      <c r="BY38" s="280">
        <v>0</v>
      </c>
      <c r="BZ38" s="277">
        <v>2</v>
      </c>
      <c r="CA38" s="282">
        <v>2</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18.75"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27</v>
      </c>
      <c r="AP39" s="287">
        <v>0</v>
      </c>
      <c r="AQ39" s="287">
        <v>0</v>
      </c>
      <c r="AR39" s="287">
        <v>0</v>
      </c>
      <c r="AS39" s="284">
        <v>27</v>
      </c>
      <c r="AT39" s="289">
        <v>27</v>
      </c>
      <c r="AU39" s="283">
        <v>0</v>
      </c>
      <c r="AV39" s="287">
        <v>0</v>
      </c>
      <c r="AW39" s="284">
        <v>0</v>
      </c>
      <c r="AX39" s="286">
        <v>0</v>
      </c>
      <c r="AY39" s="287">
        <v>0</v>
      </c>
      <c r="AZ39" s="287">
        <v>18</v>
      </c>
      <c r="BA39" s="287">
        <v>0</v>
      </c>
      <c r="BB39" s="287">
        <v>0</v>
      </c>
      <c r="BC39" s="287">
        <v>0</v>
      </c>
      <c r="BD39" s="288">
        <v>18</v>
      </c>
      <c r="BE39" s="289">
        <v>18</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7.55468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6">
        <f>第１表!F2</f>
        <v>4</v>
      </c>
      <c r="K1" s="526"/>
      <c r="L1" s="248">
        <f>第１表!G2</f>
        <v>10</v>
      </c>
      <c r="M1" s="531">
        <f>IF(L1&lt;3,L1+12-2,L1-2)</f>
        <v>8</v>
      </c>
      <c r="N1" s="531"/>
    </row>
    <row r="2" spans="2:112" ht="24" customHeight="1" thickBot="1" x14ac:dyDescent="0.25">
      <c r="B2" s="290" t="s">
        <v>154</v>
      </c>
    </row>
    <row r="3" spans="2:112" ht="13.8" thickBot="1" x14ac:dyDescent="0.25">
      <c r="B3" s="551"/>
      <c r="C3" s="554" t="s">
        <v>112</v>
      </c>
      <c r="D3" s="554"/>
      <c r="E3" s="554"/>
      <c r="F3" s="554"/>
      <c r="G3" s="554"/>
      <c r="H3" s="554"/>
      <c r="I3" s="554"/>
      <c r="J3" s="554"/>
      <c r="K3" s="554"/>
      <c r="L3" s="554"/>
      <c r="M3" s="555"/>
      <c r="N3" s="549" t="s">
        <v>111</v>
      </c>
      <c r="O3" s="549"/>
      <c r="P3" s="549"/>
      <c r="Q3" s="549"/>
      <c r="R3" s="549"/>
      <c r="S3" s="549"/>
      <c r="T3" s="549"/>
      <c r="U3" s="549"/>
      <c r="V3" s="549"/>
      <c r="W3" s="549"/>
      <c r="X3" s="550"/>
      <c r="Y3" s="548" t="s">
        <v>110</v>
      </c>
      <c r="Z3" s="549"/>
      <c r="AA3" s="549"/>
      <c r="AB3" s="549"/>
      <c r="AC3" s="549"/>
      <c r="AD3" s="549"/>
      <c r="AE3" s="549"/>
      <c r="AF3" s="549"/>
      <c r="AG3" s="549"/>
      <c r="AH3" s="549"/>
      <c r="AI3" s="550"/>
      <c r="AJ3" s="548" t="s">
        <v>109</v>
      </c>
      <c r="AK3" s="549"/>
      <c r="AL3" s="549"/>
      <c r="AM3" s="549"/>
      <c r="AN3" s="549"/>
      <c r="AO3" s="549"/>
      <c r="AP3" s="549"/>
      <c r="AQ3" s="549"/>
      <c r="AR3" s="549"/>
      <c r="AS3" s="549"/>
      <c r="AT3" s="550"/>
      <c r="AU3" s="548" t="s">
        <v>108</v>
      </c>
      <c r="AV3" s="549"/>
      <c r="AW3" s="549"/>
      <c r="AX3" s="549"/>
      <c r="AY3" s="549"/>
      <c r="AZ3" s="549"/>
      <c r="BA3" s="549"/>
      <c r="BB3" s="549"/>
      <c r="BC3" s="549"/>
      <c r="BD3" s="549"/>
      <c r="BE3" s="550"/>
      <c r="BF3" s="548" t="s">
        <v>107</v>
      </c>
      <c r="BG3" s="549"/>
      <c r="BH3" s="549"/>
      <c r="BI3" s="549"/>
      <c r="BJ3" s="549"/>
      <c r="BK3" s="549"/>
      <c r="BL3" s="549"/>
      <c r="BM3" s="549"/>
      <c r="BN3" s="549"/>
      <c r="BO3" s="549"/>
      <c r="BP3" s="550"/>
      <c r="BQ3" s="548" t="s">
        <v>106</v>
      </c>
      <c r="BR3" s="549"/>
      <c r="BS3" s="549"/>
      <c r="BT3" s="549"/>
      <c r="BU3" s="549"/>
      <c r="BV3" s="549"/>
      <c r="BW3" s="549"/>
      <c r="BX3" s="549"/>
      <c r="BY3" s="549"/>
      <c r="BZ3" s="549"/>
      <c r="CA3" s="550"/>
      <c r="CB3" s="548" t="s">
        <v>128</v>
      </c>
      <c r="CC3" s="549"/>
      <c r="CD3" s="549"/>
      <c r="CE3" s="549"/>
      <c r="CF3" s="549"/>
      <c r="CG3" s="549"/>
      <c r="CH3" s="549"/>
      <c r="CI3" s="549"/>
      <c r="CJ3" s="549"/>
      <c r="CK3" s="549"/>
      <c r="CL3" s="550"/>
      <c r="CM3" s="548" t="s">
        <v>161</v>
      </c>
      <c r="CN3" s="549"/>
      <c r="CO3" s="549"/>
      <c r="CP3" s="549"/>
      <c r="CQ3" s="549"/>
      <c r="CR3" s="549"/>
      <c r="CS3" s="549"/>
      <c r="CT3" s="549"/>
      <c r="CU3" s="549"/>
      <c r="CV3" s="549"/>
      <c r="CW3" s="550"/>
      <c r="CX3" s="548" t="s">
        <v>157</v>
      </c>
      <c r="CY3" s="549"/>
      <c r="CZ3" s="549"/>
      <c r="DA3" s="549"/>
      <c r="DB3" s="549"/>
      <c r="DC3" s="549"/>
      <c r="DD3" s="549"/>
      <c r="DE3" s="549"/>
      <c r="DF3" s="549"/>
      <c r="DG3" s="549"/>
      <c r="DH3" s="550"/>
    </row>
    <row r="4" spans="2:112" x14ac:dyDescent="0.2">
      <c r="B4" s="552"/>
      <c r="C4" s="556" t="s">
        <v>61</v>
      </c>
      <c r="D4" s="535"/>
      <c r="E4" s="536"/>
      <c r="F4" s="537" t="s">
        <v>62</v>
      </c>
      <c r="G4" s="535"/>
      <c r="H4" s="535"/>
      <c r="I4" s="535"/>
      <c r="J4" s="535"/>
      <c r="K4" s="535"/>
      <c r="L4" s="538"/>
      <c r="M4" s="532" t="s">
        <v>52</v>
      </c>
      <c r="N4" s="556" t="s">
        <v>61</v>
      </c>
      <c r="O4" s="535"/>
      <c r="P4" s="536"/>
      <c r="Q4" s="537" t="s">
        <v>62</v>
      </c>
      <c r="R4" s="535"/>
      <c r="S4" s="535"/>
      <c r="T4" s="535"/>
      <c r="U4" s="535"/>
      <c r="V4" s="535"/>
      <c r="W4" s="536"/>
      <c r="X4" s="532" t="s">
        <v>52</v>
      </c>
      <c r="Y4" s="534" t="s">
        <v>61</v>
      </c>
      <c r="Z4" s="535"/>
      <c r="AA4" s="538"/>
      <c r="AB4" s="537" t="s">
        <v>62</v>
      </c>
      <c r="AC4" s="535"/>
      <c r="AD4" s="535"/>
      <c r="AE4" s="535"/>
      <c r="AF4" s="535"/>
      <c r="AG4" s="535"/>
      <c r="AH4" s="536"/>
      <c r="AI4" s="532" t="s">
        <v>52</v>
      </c>
      <c r="AJ4" s="534" t="s">
        <v>61</v>
      </c>
      <c r="AK4" s="535"/>
      <c r="AL4" s="536"/>
      <c r="AM4" s="537" t="s">
        <v>62</v>
      </c>
      <c r="AN4" s="535"/>
      <c r="AO4" s="535"/>
      <c r="AP4" s="535"/>
      <c r="AQ4" s="535"/>
      <c r="AR4" s="535"/>
      <c r="AS4" s="536"/>
      <c r="AT4" s="532" t="s">
        <v>52</v>
      </c>
      <c r="AU4" s="534" t="s">
        <v>61</v>
      </c>
      <c r="AV4" s="535"/>
      <c r="AW4" s="538"/>
      <c r="AX4" s="537" t="s">
        <v>62</v>
      </c>
      <c r="AY4" s="535"/>
      <c r="AZ4" s="535"/>
      <c r="BA4" s="535"/>
      <c r="BB4" s="535"/>
      <c r="BC4" s="535"/>
      <c r="BD4" s="538"/>
      <c r="BE4" s="532" t="s">
        <v>52</v>
      </c>
      <c r="BF4" s="534" t="s">
        <v>61</v>
      </c>
      <c r="BG4" s="535"/>
      <c r="BH4" s="536"/>
      <c r="BI4" s="537" t="s">
        <v>62</v>
      </c>
      <c r="BJ4" s="535"/>
      <c r="BK4" s="535"/>
      <c r="BL4" s="535"/>
      <c r="BM4" s="535"/>
      <c r="BN4" s="535"/>
      <c r="BO4" s="536"/>
      <c r="BP4" s="532" t="s">
        <v>52</v>
      </c>
      <c r="BQ4" s="534" t="s">
        <v>61</v>
      </c>
      <c r="BR4" s="535"/>
      <c r="BS4" s="536"/>
      <c r="BT4" s="537" t="s">
        <v>62</v>
      </c>
      <c r="BU4" s="535"/>
      <c r="BV4" s="535"/>
      <c r="BW4" s="535"/>
      <c r="BX4" s="535"/>
      <c r="BY4" s="535"/>
      <c r="BZ4" s="536"/>
      <c r="CA4" s="532" t="s">
        <v>52</v>
      </c>
      <c r="CB4" s="534" t="s">
        <v>61</v>
      </c>
      <c r="CC4" s="535"/>
      <c r="CD4" s="536"/>
      <c r="CE4" s="537" t="s">
        <v>62</v>
      </c>
      <c r="CF4" s="535"/>
      <c r="CG4" s="535"/>
      <c r="CH4" s="535"/>
      <c r="CI4" s="535"/>
      <c r="CJ4" s="535"/>
      <c r="CK4" s="536"/>
      <c r="CL4" s="532" t="s">
        <v>52</v>
      </c>
      <c r="CM4" s="534" t="s">
        <v>61</v>
      </c>
      <c r="CN4" s="535"/>
      <c r="CO4" s="536"/>
      <c r="CP4" s="537" t="s">
        <v>62</v>
      </c>
      <c r="CQ4" s="535"/>
      <c r="CR4" s="535"/>
      <c r="CS4" s="535"/>
      <c r="CT4" s="535"/>
      <c r="CU4" s="535"/>
      <c r="CV4" s="536"/>
      <c r="CW4" s="532" t="s">
        <v>52</v>
      </c>
      <c r="CX4" s="534" t="s">
        <v>61</v>
      </c>
      <c r="CY4" s="535"/>
      <c r="CZ4" s="536"/>
      <c r="DA4" s="537" t="s">
        <v>62</v>
      </c>
      <c r="DB4" s="535"/>
      <c r="DC4" s="535"/>
      <c r="DD4" s="535"/>
      <c r="DE4" s="535"/>
      <c r="DF4" s="535"/>
      <c r="DG4" s="536"/>
      <c r="DH4" s="532" t="s">
        <v>52</v>
      </c>
    </row>
    <row r="5" spans="2:112" ht="28.5" customHeight="1" thickBot="1" x14ac:dyDescent="0.25">
      <c r="B5" s="553"/>
      <c r="C5" s="264" t="s">
        <v>43</v>
      </c>
      <c r="D5" s="265" t="s">
        <v>44</v>
      </c>
      <c r="E5" s="266" t="s">
        <v>45</v>
      </c>
      <c r="F5" s="267" t="s">
        <v>83</v>
      </c>
      <c r="G5" s="259" t="s">
        <v>47</v>
      </c>
      <c r="H5" s="259" t="s">
        <v>48</v>
      </c>
      <c r="I5" s="259" t="s">
        <v>49</v>
      </c>
      <c r="J5" s="259" t="s">
        <v>50</v>
      </c>
      <c r="K5" s="259" t="s">
        <v>51</v>
      </c>
      <c r="L5" s="268" t="s">
        <v>45</v>
      </c>
      <c r="M5" s="533"/>
      <c r="N5" s="264" t="s">
        <v>43</v>
      </c>
      <c r="O5" s="259" t="s">
        <v>44</v>
      </c>
      <c r="P5" s="265" t="s">
        <v>45</v>
      </c>
      <c r="Q5" s="267" t="s">
        <v>83</v>
      </c>
      <c r="R5" s="259" t="s">
        <v>47</v>
      </c>
      <c r="S5" s="259" t="s">
        <v>48</v>
      </c>
      <c r="T5" s="259" t="s">
        <v>49</v>
      </c>
      <c r="U5" s="259" t="s">
        <v>50</v>
      </c>
      <c r="V5" s="259" t="s">
        <v>51</v>
      </c>
      <c r="W5" s="265" t="s">
        <v>45</v>
      </c>
      <c r="X5" s="533"/>
      <c r="Y5" s="350" t="s">
        <v>43</v>
      </c>
      <c r="Z5" s="259" t="s">
        <v>44</v>
      </c>
      <c r="AA5" s="268" t="s">
        <v>45</v>
      </c>
      <c r="AB5" s="267" t="s">
        <v>83</v>
      </c>
      <c r="AC5" s="259" t="s">
        <v>47</v>
      </c>
      <c r="AD5" s="259" t="s">
        <v>48</v>
      </c>
      <c r="AE5" s="259" t="s">
        <v>49</v>
      </c>
      <c r="AF5" s="259" t="s">
        <v>50</v>
      </c>
      <c r="AG5" s="259" t="s">
        <v>51</v>
      </c>
      <c r="AH5" s="265" t="s">
        <v>45</v>
      </c>
      <c r="AI5" s="533"/>
      <c r="AJ5" s="350" t="s">
        <v>43</v>
      </c>
      <c r="AK5" s="259" t="s">
        <v>44</v>
      </c>
      <c r="AL5" s="265" t="s">
        <v>45</v>
      </c>
      <c r="AM5" s="267" t="s">
        <v>83</v>
      </c>
      <c r="AN5" s="259" t="s">
        <v>47</v>
      </c>
      <c r="AO5" s="259" t="s">
        <v>48</v>
      </c>
      <c r="AP5" s="259" t="s">
        <v>49</v>
      </c>
      <c r="AQ5" s="259" t="s">
        <v>50</v>
      </c>
      <c r="AR5" s="259" t="s">
        <v>51</v>
      </c>
      <c r="AS5" s="265" t="s">
        <v>45</v>
      </c>
      <c r="AT5" s="533"/>
      <c r="AU5" s="350" t="s">
        <v>43</v>
      </c>
      <c r="AV5" s="259" t="s">
        <v>44</v>
      </c>
      <c r="AW5" s="268" t="s">
        <v>45</v>
      </c>
      <c r="AX5" s="267" t="s">
        <v>83</v>
      </c>
      <c r="AY5" s="259" t="s">
        <v>47</v>
      </c>
      <c r="AZ5" s="259" t="s">
        <v>48</v>
      </c>
      <c r="BA5" s="259" t="s">
        <v>49</v>
      </c>
      <c r="BB5" s="259" t="s">
        <v>50</v>
      </c>
      <c r="BC5" s="259" t="s">
        <v>51</v>
      </c>
      <c r="BD5" s="268" t="s">
        <v>45</v>
      </c>
      <c r="BE5" s="533"/>
      <c r="BF5" s="350" t="s">
        <v>43</v>
      </c>
      <c r="BG5" s="259" t="s">
        <v>44</v>
      </c>
      <c r="BH5" s="265" t="s">
        <v>45</v>
      </c>
      <c r="BI5" s="267" t="s">
        <v>83</v>
      </c>
      <c r="BJ5" s="259" t="s">
        <v>47</v>
      </c>
      <c r="BK5" s="259" t="s">
        <v>48</v>
      </c>
      <c r="BL5" s="259" t="s">
        <v>49</v>
      </c>
      <c r="BM5" s="259" t="s">
        <v>50</v>
      </c>
      <c r="BN5" s="259" t="s">
        <v>51</v>
      </c>
      <c r="BO5" s="265" t="s">
        <v>45</v>
      </c>
      <c r="BP5" s="533"/>
      <c r="BQ5" s="350" t="s">
        <v>43</v>
      </c>
      <c r="BR5" s="259" t="s">
        <v>44</v>
      </c>
      <c r="BS5" s="265" t="s">
        <v>45</v>
      </c>
      <c r="BT5" s="267" t="s">
        <v>83</v>
      </c>
      <c r="BU5" s="259" t="s">
        <v>47</v>
      </c>
      <c r="BV5" s="259" t="s">
        <v>48</v>
      </c>
      <c r="BW5" s="259" t="s">
        <v>49</v>
      </c>
      <c r="BX5" s="259" t="s">
        <v>50</v>
      </c>
      <c r="BY5" s="259" t="s">
        <v>51</v>
      </c>
      <c r="BZ5" s="265" t="s">
        <v>45</v>
      </c>
      <c r="CA5" s="533"/>
      <c r="CB5" s="350" t="s">
        <v>43</v>
      </c>
      <c r="CC5" s="259" t="s">
        <v>44</v>
      </c>
      <c r="CD5" s="265" t="s">
        <v>45</v>
      </c>
      <c r="CE5" s="267" t="s">
        <v>83</v>
      </c>
      <c r="CF5" s="259" t="s">
        <v>47</v>
      </c>
      <c r="CG5" s="259" t="s">
        <v>48</v>
      </c>
      <c r="CH5" s="259" t="s">
        <v>49</v>
      </c>
      <c r="CI5" s="259" t="s">
        <v>50</v>
      </c>
      <c r="CJ5" s="259" t="s">
        <v>51</v>
      </c>
      <c r="CK5" s="265" t="s">
        <v>45</v>
      </c>
      <c r="CL5" s="533"/>
      <c r="CM5" s="365" t="s">
        <v>43</v>
      </c>
      <c r="CN5" s="259" t="s">
        <v>44</v>
      </c>
      <c r="CO5" s="265" t="s">
        <v>45</v>
      </c>
      <c r="CP5" s="267" t="s">
        <v>83</v>
      </c>
      <c r="CQ5" s="259" t="s">
        <v>47</v>
      </c>
      <c r="CR5" s="259" t="s">
        <v>48</v>
      </c>
      <c r="CS5" s="259" t="s">
        <v>49</v>
      </c>
      <c r="CT5" s="259" t="s">
        <v>50</v>
      </c>
      <c r="CU5" s="259" t="s">
        <v>51</v>
      </c>
      <c r="CV5" s="265" t="s">
        <v>45</v>
      </c>
      <c r="CW5" s="533"/>
      <c r="CX5" s="365" t="s">
        <v>43</v>
      </c>
      <c r="CY5" s="259" t="s">
        <v>44</v>
      </c>
      <c r="CZ5" s="265" t="s">
        <v>45</v>
      </c>
      <c r="DA5" s="267" t="s">
        <v>83</v>
      </c>
      <c r="DB5" s="259" t="s">
        <v>47</v>
      </c>
      <c r="DC5" s="259" t="s">
        <v>48</v>
      </c>
      <c r="DD5" s="259" t="s">
        <v>49</v>
      </c>
      <c r="DE5" s="259" t="s">
        <v>50</v>
      </c>
      <c r="DF5" s="259" t="s">
        <v>51</v>
      </c>
      <c r="DG5" s="265" t="s">
        <v>45</v>
      </c>
      <c r="DH5" s="533"/>
    </row>
    <row r="6" spans="2:112" ht="18.75" customHeight="1" x14ac:dyDescent="0.2">
      <c r="B6" s="260" t="s">
        <v>4</v>
      </c>
      <c r="C6" s="269">
        <v>0</v>
      </c>
      <c r="D6" s="270">
        <v>0</v>
      </c>
      <c r="E6" s="271">
        <v>0</v>
      </c>
      <c r="F6" s="272">
        <v>0</v>
      </c>
      <c r="G6" s="273">
        <v>11501</v>
      </c>
      <c r="H6" s="273">
        <v>17521</v>
      </c>
      <c r="I6" s="273">
        <v>18339</v>
      </c>
      <c r="J6" s="273">
        <v>21708</v>
      </c>
      <c r="K6" s="273">
        <v>21663</v>
      </c>
      <c r="L6" s="274">
        <v>90732</v>
      </c>
      <c r="M6" s="275">
        <v>90732</v>
      </c>
      <c r="N6" s="269">
        <v>4</v>
      </c>
      <c r="O6" s="273">
        <v>14</v>
      </c>
      <c r="P6" s="270">
        <v>18</v>
      </c>
      <c r="Q6" s="272">
        <v>0</v>
      </c>
      <c r="R6" s="273">
        <v>51</v>
      </c>
      <c r="S6" s="273">
        <v>158</v>
      </c>
      <c r="T6" s="273">
        <v>239</v>
      </c>
      <c r="U6" s="273">
        <v>605</v>
      </c>
      <c r="V6" s="273">
        <v>1285</v>
      </c>
      <c r="W6" s="270">
        <v>2338</v>
      </c>
      <c r="X6" s="275">
        <v>2356</v>
      </c>
      <c r="Y6" s="269">
        <v>1101</v>
      </c>
      <c r="Z6" s="273">
        <v>2925</v>
      </c>
      <c r="AA6" s="270">
        <v>4026</v>
      </c>
      <c r="AB6" s="272">
        <v>0</v>
      </c>
      <c r="AC6" s="273">
        <v>8678</v>
      </c>
      <c r="AD6" s="273">
        <v>12661</v>
      </c>
      <c r="AE6" s="273">
        <v>7719</v>
      </c>
      <c r="AF6" s="273">
        <v>6739</v>
      </c>
      <c r="AG6" s="273">
        <v>5974</v>
      </c>
      <c r="AH6" s="270">
        <v>41771</v>
      </c>
      <c r="AI6" s="275">
        <v>45797</v>
      </c>
      <c r="AJ6" s="269">
        <v>181</v>
      </c>
      <c r="AK6" s="273">
        <v>589</v>
      </c>
      <c r="AL6" s="270">
        <v>770</v>
      </c>
      <c r="AM6" s="272">
        <v>0</v>
      </c>
      <c r="AN6" s="273">
        <v>1176</v>
      </c>
      <c r="AO6" s="273">
        <v>1877</v>
      </c>
      <c r="AP6" s="273">
        <v>1243</v>
      </c>
      <c r="AQ6" s="273">
        <v>1331</v>
      </c>
      <c r="AR6" s="273">
        <v>657</v>
      </c>
      <c r="AS6" s="270">
        <v>6284</v>
      </c>
      <c r="AT6" s="275">
        <v>7054</v>
      </c>
      <c r="AU6" s="269">
        <v>0</v>
      </c>
      <c r="AV6" s="273">
        <v>0</v>
      </c>
      <c r="AW6" s="270">
        <v>0</v>
      </c>
      <c r="AX6" s="272">
        <v>0</v>
      </c>
      <c r="AY6" s="273">
        <v>9835</v>
      </c>
      <c r="AZ6" s="273">
        <v>8946</v>
      </c>
      <c r="BA6" s="273">
        <v>5071</v>
      </c>
      <c r="BB6" s="273">
        <v>3134</v>
      </c>
      <c r="BC6" s="273">
        <v>1268</v>
      </c>
      <c r="BD6" s="274">
        <v>28254</v>
      </c>
      <c r="BE6" s="275">
        <v>28254</v>
      </c>
      <c r="BF6" s="269">
        <v>0</v>
      </c>
      <c r="BG6" s="273">
        <v>0</v>
      </c>
      <c r="BH6" s="270">
        <v>0</v>
      </c>
      <c r="BI6" s="272">
        <v>0</v>
      </c>
      <c r="BJ6" s="273">
        <v>2053</v>
      </c>
      <c r="BK6" s="273">
        <v>3035</v>
      </c>
      <c r="BL6" s="273">
        <v>1983</v>
      </c>
      <c r="BM6" s="273">
        <v>1238</v>
      </c>
      <c r="BN6" s="273">
        <v>513</v>
      </c>
      <c r="BO6" s="270">
        <v>8822</v>
      </c>
      <c r="BP6" s="275">
        <v>8822</v>
      </c>
      <c r="BQ6" s="269">
        <v>25</v>
      </c>
      <c r="BR6" s="273">
        <v>64</v>
      </c>
      <c r="BS6" s="270">
        <v>89</v>
      </c>
      <c r="BT6" s="272">
        <v>0</v>
      </c>
      <c r="BU6" s="273">
        <v>1009</v>
      </c>
      <c r="BV6" s="273">
        <v>1529</v>
      </c>
      <c r="BW6" s="273">
        <v>2407</v>
      </c>
      <c r="BX6" s="273">
        <v>2033</v>
      </c>
      <c r="BY6" s="273">
        <v>1001</v>
      </c>
      <c r="BZ6" s="270">
        <v>7979</v>
      </c>
      <c r="CA6" s="275">
        <v>8068</v>
      </c>
      <c r="CB6" s="269">
        <v>6</v>
      </c>
      <c r="CC6" s="273">
        <v>18</v>
      </c>
      <c r="CD6" s="270">
        <v>24</v>
      </c>
      <c r="CE6" s="272">
        <v>0</v>
      </c>
      <c r="CF6" s="273">
        <v>95</v>
      </c>
      <c r="CG6" s="273">
        <v>232</v>
      </c>
      <c r="CH6" s="273">
        <v>219</v>
      </c>
      <c r="CI6" s="273">
        <v>192</v>
      </c>
      <c r="CJ6" s="273">
        <v>157</v>
      </c>
      <c r="CK6" s="270">
        <v>895</v>
      </c>
      <c r="CL6" s="275">
        <v>919</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18.75" customHeight="1" x14ac:dyDescent="0.2">
      <c r="B7" s="261" t="s">
        <v>5</v>
      </c>
      <c r="C7" s="276">
        <v>0</v>
      </c>
      <c r="D7" s="277">
        <v>0</v>
      </c>
      <c r="E7" s="278">
        <v>0</v>
      </c>
      <c r="F7" s="279">
        <v>0</v>
      </c>
      <c r="G7" s="280">
        <v>4378</v>
      </c>
      <c r="H7" s="280">
        <v>8929</v>
      </c>
      <c r="I7" s="280">
        <v>7540</v>
      </c>
      <c r="J7" s="280">
        <v>8774</v>
      </c>
      <c r="K7" s="280">
        <v>7449</v>
      </c>
      <c r="L7" s="281">
        <v>37070</v>
      </c>
      <c r="M7" s="282">
        <v>37070</v>
      </c>
      <c r="N7" s="276">
        <v>4</v>
      </c>
      <c r="O7" s="280">
        <v>5</v>
      </c>
      <c r="P7" s="277">
        <v>9</v>
      </c>
      <c r="Q7" s="279">
        <v>0</v>
      </c>
      <c r="R7" s="280">
        <v>9</v>
      </c>
      <c r="S7" s="280">
        <v>68</v>
      </c>
      <c r="T7" s="280">
        <v>100</v>
      </c>
      <c r="U7" s="280">
        <v>263</v>
      </c>
      <c r="V7" s="280">
        <v>540</v>
      </c>
      <c r="W7" s="277">
        <v>980</v>
      </c>
      <c r="X7" s="282">
        <v>989</v>
      </c>
      <c r="Y7" s="276">
        <v>516</v>
      </c>
      <c r="Z7" s="280">
        <v>1460</v>
      </c>
      <c r="AA7" s="277">
        <v>1976</v>
      </c>
      <c r="AB7" s="279">
        <v>0</v>
      </c>
      <c r="AC7" s="280">
        <v>3300</v>
      </c>
      <c r="AD7" s="280">
        <v>7153</v>
      </c>
      <c r="AE7" s="280">
        <v>3830</v>
      </c>
      <c r="AF7" s="280">
        <v>3376</v>
      </c>
      <c r="AG7" s="280">
        <v>2638</v>
      </c>
      <c r="AH7" s="277">
        <v>20297</v>
      </c>
      <c r="AI7" s="282">
        <v>22273</v>
      </c>
      <c r="AJ7" s="276">
        <v>77</v>
      </c>
      <c r="AK7" s="280">
        <v>399</v>
      </c>
      <c r="AL7" s="277">
        <v>476</v>
      </c>
      <c r="AM7" s="279">
        <v>0</v>
      </c>
      <c r="AN7" s="280">
        <v>276</v>
      </c>
      <c r="AO7" s="280">
        <v>899</v>
      </c>
      <c r="AP7" s="280">
        <v>509</v>
      </c>
      <c r="AQ7" s="280">
        <v>582</v>
      </c>
      <c r="AR7" s="280">
        <v>280</v>
      </c>
      <c r="AS7" s="277">
        <v>2546</v>
      </c>
      <c r="AT7" s="282">
        <v>3022</v>
      </c>
      <c r="AU7" s="276">
        <v>0</v>
      </c>
      <c r="AV7" s="280">
        <v>0</v>
      </c>
      <c r="AW7" s="277">
        <v>0</v>
      </c>
      <c r="AX7" s="279">
        <v>0</v>
      </c>
      <c r="AY7" s="280">
        <v>3375</v>
      </c>
      <c r="AZ7" s="280">
        <v>3680</v>
      </c>
      <c r="BA7" s="280">
        <v>2108</v>
      </c>
      <c r="BB7" s="280">
        <v>1147</v>
      </c>
      <c r="BC7" s="280">
        <v>509</v>
      </c>
      <c r="BD7" s="281">
        <v>10819</v>
      </c>
      <c r="BE7" s="282">
        <v>10819</v>
      </c>
      <c r="BF7" s="276">
        <v>0</v>
      </c>
      <c r="BG7" s="280">
        <v>0</v>
      </c>
      <c r="BH7" s="277">
        <v>0</v>
      </c>
      <c r="BI7" s="279">
        <v>0</v>
      </c>
      <c r="BJ7" s="280">
        <v>704</v>
      </c>
      <c r="BK7" s="280">
        <v>1467</v>
      </c>
      <c r="BL7" s="280">
        <v>973</v>
      </c>
      <c r="BM7" s="280">
        <v>540</v>
      </c>
      <c r="BN7" s="280">
        <v>258</v>
      </c>
      <c r="BO7" s="277">
        <v>3942</v>
      </c>
      <c r="BP7" s="282">
        <v>3942</v>
      </c>
      <c r="BQ7" s="276">
        <v>9</v>
      </c>
      <c r="BR7" s="280">
        <v>31</v>
      </c>
      <c r="BS7" s="277">
        <v>40</v>
      </c>
      <c r="BT7" s="279">
        <v>0</v>
      </c>
      <c r="BU7" s="280">
        <v>442</v>
      </c>
      <c r="BV7" s="280">
        <v>796</v>
      </c>
      <c r="BW7" s="280">
        <v>852</v>
      </c>
      <c r="BX7" s="280">
        <v>934</v>
      </c>
      <c r="BY7" s="280">
        <v>492</v>
      </c>
      <c r="BZ7" s="277">
        <v>3516</v>
      </c>
      <c r="CA7" s="282">
        <v>3556</v>
      </c>
      <c r="CB7" s="276">
        <v>0</v>
      </c>
      <c r="CC7" s="280">
        <v>18</v>
      </c>
      <c r="CD7" s="277">
        <v>18</v>
      </c>
      <c r="CE7" s="279">
        <v>0</v>
      </c>
      <c r="CF7" s="280">
        <v>61</v>
      </c>
      <c r="CG7" s="280">
        <v>116</v>
      </c>
      <c r="CH7" s="280">
        <v>126</v>
      </c>
      <c r="CI7" s="280">
        <v>137</v>
      </c>
      <c r="CJ7" s="280">
        <v>117</v>
      </c>
      <c r="CK7" s="277">
        <v>557</v>
      </c>
      <c r="CL7" s="282">
        <v>575</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18.75" customHeight="1" x14ac:dyDescent="0.2">
      <c r="B8" s="261" t="s">
        <v>6</v>
      </c>
      <c r="C8" s="276">
        <v>0</v>
      </c>
      <c r="D8" s="277">
        <v>0</v>
      </c>
      <c r="E8" s="278">
        <v>0</v>
      </c>
      <c r="F8" s="279">
        <v>0</v>
      </c>
      <c r="G8" s="280">
        <v>1946</v>
      </c>
      <c r="H8" s="280">
        <v>2331</v>
      </c>
      <c r="I8" s="280">
        <v>2356</v>
      </c>
      <c r="J8" s="280">
        <v>4039</v>
      </c>
      <c r="K8" s="280">
        <v>4401</v>
      </c>
      <c r="L8" s="281">
        <v>15073</v>
      </c>
      <c r="M8" s="282">
        <v>15073</v>
      </c>
      <c r="N8" s="276">
        <v>0</v>
      </c>
      <c r="O8" s="280">
        <v>9</v>
      </c>
      <c r="P8" s="277">
        <v>9</v>
      </c>
      <c r="Q8" s="279">
        <v>0</v>
      </c>
      <c r="R8" s="280">
        <v>3</v>
      </c>
      <c r="S8" s="280">
        <v>25</v>
      </c>
      <c r="T8" s="280">
        <v>26</v>
      </c>
      <c r="U8" s="280">
        <v>92</v>
      </c>
      <c r="V8" s="280">
        <v>177</v>
      </c>
      <c r="W8" s="277">
        <v>323</v>
      </c>
      <c r="X8" s="282">
        <v>332</v>
      </c>
      <c r="Y8" s="276">
        <v>214</v>
      </c>
      <c r="Z8" s="280">
        <v>547</v>
      </c>
      <c r="AA8" s="277">
        <v>761</v>
      </c>
      <c r="AB8" s="279">
        <v>0</v>
      </c>
      <c r="AC8" s="280">
        <v>2328</v>
      </c>
      <c r="AD8" s="280">
        <v>2079</v>
      </c>
      <c r="AE8" s="280">
        <v>1340</v>
      </c>
      <c r="AF8" s="280">
        <v>1241</v>
      </c>
      <c r="AG8" s="280">
        <v>996</v>
      </c>
      <c r="AH8" s="277">
        <v>7984</v>
      </c>
      <c r="AI8" s="282">
        <v>8745</v>
      </c>
      <c r="AJ8" s="276">
        <v>12</v>
      </c>
      <c r="AK8" s="280">
        <v>18</v>
      </c>
      <c r="AL8" s="277">
        <v>30</v>
      </c>
      <c r="AM8" s="279">
        <v>0</v>
      </c>
      <c r="AN8" s="280">
        <v>270</v>
      </c>
      <c r="AO8" s="280">
        <v>199</v>
      </c>
      <c r="AP8" s="280">
        <v>226</v>
      </c>
      <c r="AQ8" s="280">
        <v>126</v>
      </c>
      <c r="AR8" s="280">
        <v>51</v>
      </c>
      <c r="AS8" s="277">
        <v>872</v>
      </c>
      <c r="AT8" s="282">
        <v>902</v>
      </c>
      <c r="AU8" s="276">
        <v>0</v>
      </c>
      <c r="AV8" s="280">
        <v>0</v>
      </c>
      <c r="AW8" s="277">
        <v>0</v>
      </c>
      <c r="AX8" s="279">
        <v>0</v>
      </c>
      <c r="AY8" s="280">
        <v>1935</v>
      </c>
      <c r="AZ8" s="280">
        <v>1264</v>
      </c>
      <c r="BA8" s="280">
        <v>741</v>
      </c>
      <c r="BB8" s="280">
        <v>578</v>
      </c>
      <c r="BC8" s="280">
        <v>218</v>
      </c>
      <c r="BD8" s="281">
        <v>4736</v>
      </c>
      <c r="BE8" s="282">
        <v>4736</v>
      </c>
      <c r="BF8" s="276">
        <v>0</v>
      </c>
      <c r="BG8" s="280">
        <v>0</v>
      </c>
      <c r="BH8" s="277">
        <v>0</v>
      </c>
      <c r="BI8" s="279">
        <v>0</v>
      </c>
      <c r="BJ8" s="280">
        <v>288</v>
      </c>
      <c r="BK8" s="280">
        <v>398</v>
      </c>
      <c r="BL8" s="280">
        <v>209</v>
      </c>
      <c r="BM8" s="280">
        <v>255</v>
      </c>
      <c r="BN8" s="280">
        <v>72</v>
      </c>
      <c r="BO8" s="277">
        <v>1222</v>
      </c>
      <c r="BP8" s="282">
        <v>1222</v>
      </c>
      <c r="BQ8" s="276">
        <v>0</v>
      </c>
      <c r="BR8" s="280">
        <v>0</v>
      </c>
      <c r="BS8" s="277">
        <v>0</v>
      </c>
      <c r="BT8" s="279">
        <v>0</v>
      </c>
      <c r="BU8" s="280">
        <v>136</v>
      </c>
      <c r="BV8" s="280">
        <v>178</v>
      </c>
      <c r="BW8" s="280">
        <v>361</v>
      </c>
      <c r="BX8" s="280">
        <v>257</v>
      </c>
      <c r="BY8" s="280">
        <v>97</v>
      </c>
      <c r="BZ8" s="277">
        <v>1029</v>
      </c>
      <c r="CA8" s="282">
        <v>1029</v>
      </c>
      <c r="CB8" s="276">
        <v>0</v>
      </c>
      <c r="CC8" s="280">
        <v>0</v>
      </c>
      <c r="CD8" s="277">
        <v>0</v>
      </c>
      <c r="CE8" s="279">
        <v>0</v>
      </c>
      <c r="CF8" s="280">
        <v>5</v>
      </c>
      <c r="CG8" s="280">
        <v>57</v>
      </c>
      <c r="CH8" s="280">
        <v>32</v>
      </c>
      <c r="CI8" s="280">
        <v>8</v>
      </c>
      <c r="CJ8" s="280">
        <v>11</v>
      </c>
      <c r="CK8" s="277">
        <v>113</v>
      </c>
      <c r="CL8" s="282">
        <v>113</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18.75" customHeight="1" x14ac:dyDescent="0.2">
      <c r="B9" s="261" t="s">
        <v>14</v>
      </c>
      <c r="C9" s="276">
        <v>0</v>
      </c>
      <c r="D9" s="277">
        <v>0</v>
      </c>
      <c r="E9" s="278">
        <v>0</v>
      </c>
      <c r="F9" s="279">
        <v>0</v>
      </c>
      <c r="G9" s="280">
        <v>497</v>
      </c>
      <c r="H9" s="280">
        <v>1045</v>
      </c>
      <c r="I9" s="280">
        <v>1478</v>
      </c>
      <c r="J9" s="280">
        <v>1108</v>
      </c>
      <c r="K9" s="280">
        <v>1614</v>
      </c>
      <c r="L9" s="281">
        <v>5742</v>
      </c>
      <c r="M9" s="282">
        <v>5742</v>
      </c>
      <c r="N9" s="276">
        <v>0</v>
      </c>
      <c r="O9" s="280">
        <v>0</v>
      </c>
      <c r="P9" s="277">
        <v>0</v>
      </c>
      <c r="Q9" s="279">
        <v>0</v>
      </c>
      <c r="R9" s="280">
        <v>0</v>
      </c>
      <c r="S9" s="280">
        <v>0</v>
      </c>
      <c r="T9" s="280">
        <v>14</v>
      </c>
      <c r="U9" s="280">
        <v>46</v>
      </c>
      <c r="V9" s="280">
        <v>126</v>
      </c>
      <c r="W9" s="277">
        <v>186</v>
      </c>
      <c r="X9" s="282">
        <v>186</v>
      </c>
      <c r="Y9" s="276">
        <v>26</v>
      </c>
      <c r="Z9" s="280">
        <v>238</v>
      </c>
      <c r="AA9" s="277">
        <v>264</v>
      </c>
      <c r="AB9" s="279">
        <v>0</v>
      </c>
      <c r="AC9" s="280">
        <v>281</v>
      </c>
      <c r="AD9" s="280">
        <v>630</v>
      </c>
      <c r="AE9" s="280">
        <v>435</v>
      </c>
      <c r="AF9" s="280">
        <v>561</v>
      </c>
      <c r="AG9" s="280">
        <v>434</v>
      </c>
      <c r="AH9" s="277">
        <v>2341</v>
      </c>
      <c r="AI9" s="282">
        <v>2605</v>
      </c>
      <c r="AJ9" s="276">
        <v>8</v>
      </c>
      <c r="AK9" s="280">
        <v>50</v>
      </c>
      <c r="AL9" s="277">
        <v>58</v>
      </c>
      <c r="AM9" s="279">
        <v>0</v>
      </c>
      <c r="AN9" s="280">
        <v>16</v>
      </c>
      <c r="AO9" s="280">
        <v>57</v>
      </c>
      <c r="AP9" s="280">
        <v>52</v>
      </c>
      <c r="AQ9" s="280">
        <v>63</v>
      </c>
      <c r="AR9" s="280">
        <v>6</v>
      </c>
      <c r="AS9" s="277">
        <v>194</v>
      </c>
      <c r="AT9" s="282">
        <v>252</v>
      </c>
      <c r="AU9" s="276">
        <v>0</v>
      </c>
      <c r="AV9" s="280">
        <v>0</v>
      </c>
      <c r="AW9" s="277">
        <v>0</v>
      </c>
      <c r="AX9" s="279">
        <v>0</v>
      </c>
      <c r="AY9" s="280">
        <v>725</v>
      </c>
      <c r="AZ9" s="280">
        <v>702</v>
      </c>
      <c r="BA9" s="280">
        <v>468</v>
      </c>
      <c r="BB9" s="280">
        <v>200</v>
      </c>
      <c r="BC9" s="280">
        <v>102</v>
      </c>
      <c r="BD9" s="281">
        <v>2197</v>
      </c>
      <c r="BE9" s="282">
        <v>2197</v>
      </c>
      <c r="BF9" s="276">
        <v>0</v>
      </c>
      <c r="BG9" s="280">
        <v>0</v>
      </c>
      <c r="BH9" s="277">
        <v>0</v>
      </c>
      <c r="BI9" s="279">
        <v>0</v>
      </c>
      <c r="BJ9" s="280">
        <v>69</v>
      </c>
      <c r="BK9" s="280">
        <v>118</v>
      </c>
      <c r="BL9" s="280">
        <v>74</v>
      </c>
      <c r="BM9" s="280">
        <v>45</v>
      </c>
      <c r="BN9" s="280">
        <v>7</v>
      </c>
      <c r="BO9" s="277">
        <v>313</v>
      </c>
      <c r="BP9" s="282">
        <v>313</v>
      </c>
      <c r="BQ9" s="276">
        <v>0</v>
      </c>
      <c r="BR9" s="280">
        <v>0</v>
      </c>
      <c r="BS9" s="277">
        <v>0</v>
      </c>
      <c r="BT9" s="279">
        <v>0</v>
      </c>
      <c r="BU9" s="280">
        <v>81</v>
      </c>
      <c r="BV9" s="280">
        <v>138</v>
      </c>
      <c r="BW9" s="280">
        <v>159</v>
      </c>
      <c r="BX9" s="280">
        <v>144</v>
      </c>
      <c r="BY9" s="280">
        <v>135</v>
      </c>
      <c r="BZ9" s="277">
        <v>657</v>
      </c>
      <c r="CA9" s="282">
        <v>657</v>
      </c>
      <c r="CB9" s="276">
        <v>0</v>
      </c>
      <c r="CC9" s="280">
        <v>0</v>
      </c>
      <c r="CD9" s="277">
        <v>0</v>
      </c>
      <c r="CE9" s="279">
        <v>0</v>
      </c>
      <c r="CF9" s="280">
        <v>0</v>
      </c>
      <c r="CG9" s="280">
        <v>6</v>
      </c>
      <c r="CH9" s="280">
        <v>0</v>
      </c>
      <c r="CI9" s="280">
        <v>0</v>
      </c>
      <c r="CJ9" s="280">
        <v>0</v>
      </c>
      <c r="CK9" s="277">
        <v>6</v>
      </c>
      <c r="CL9" s="282">
        <v>6</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18.75" customHeight="1" x14ac:dyDescent="0.2">
      <c r="B10" s="261" t="s">
        <v>7</v>
      </c>
      <c r="C10" s="276">
        <v>0</v>
      </c>
      <c r="D10" s="277">
        <v>0</v>
      </c>
      <c r="E10" s="278">
        <v>0</v>
      </c>
      <c r="F10" s="279">
        <v>0</v>
      </c>
      <c r="G10" s="280">
        <v>694</v>
      </c>
      <c r="H10" s="280">
        <v>812</v>
      </c>
      <c r="I10" s="280">
        <v>683</v>
      </c>
      <c r="J10" s="280">
        <v>365</v>
      </c>
      <c r="K10" s="280">
        <v>943</v>
      </c>
      <c r="L10" s="281">
        <v>3497</v>
      </c>
      <c r="M10" s="282">
        <v>3497</v>
      </c>
      <c r="N10" s="276">
        <v>0</v>
      </c>
      <c r="O10" s="280">
        <v>0</v>
      </c>
      <c r="P10" s="277">
        <v>0</v>
      </c>
      <c r="Q10" s="279">
        <v>0</v>
      </c>
      <c r="R10" s="280">
        <v>5</v>
      </c>
      <c r="S10" s="280">
        <v>25</v>
      </c>
      <c r="T10" s="280">
        <v>13</v>
      </c>
      <c r="U10" s="280">
        <v>11</v>
      </c>
      <c r="V10" s="280">
        <v>37</v>
      </c>
      <c r="W10" s="277">
        <v>91</v>
      </c>
      <c r="X10" s="282">
        <v>91</v>
      </c>
      <c r="Y10" s="276">
        <v>0</v>
      </c>
      <c r="Z10" s="280">
        <v>5</v>
      </c>
      <c r="AA10" s="277">
        <v>5</v>
      </c>
      <c r="AB10" s="279">
        <v>0</v>
      </c>
      <c r="AC10" s="280">
        <v>314</v>
      </c>
      <c r="AD10" s="280">
        <v>350</v>
      </c>
      <c r="AE10" s="280">
        <v>270</v>
      </c>
      <c r="AF10" s="280">
        <v>138</v>
      </c>
      <c r="AG10" s="280">
        <v>207</v>
      </c>
      <c r="AH10" s="277">
        <v>1279</v>
      </c>
      <c r="AI10" s="282">
        <v>1284</v>
      </c>
      <c r="AJ10" s="276">
        <v>6</v>
      </c>
      <c r="AK10" s="280">
        <v>0</v>
      </c>
      <c r="AL10" s="277">
        <v>6</v>
      </c>
      <c r="AM10" s="279">
        <v>0</v>
      </c>
      <c r="AN10" s="280">
        <v>30</v>
      </c>
      <c r="AO10" s="280">
        <v>77</v>
      </c>
      <c r="AP10" s="280">
        <v>46</v>
      </c>
      <c r="AQ10" s="280">
        <v>32</v>
      </c>
      <c r="AR10" s="280">
        <v>29</v>
      </c>
      <c r="AS10" s="277">
        <v>214</v>
      </c>
      <c r="AT10" s="282">
        <v>220</v>
      </c>
      <c r="AU10" s="276">
        <v>0</v>
      </c>
      <c r="AV10" s="280">
        <v>0</v>
      </c>
      <c r="AW10" s="277">
        <v>0</v>
      </c>
      <c r="AX10" s="279">
        <v>0</v>
      </c>
      <c r="AY10" s="280">
        <v>502</v>
      </c>
      <c r="AZ10" s="280">
        <v>294</v>
      </c>
      <c r="BA10" s="280">
        <v>156</v>
      </c>
      <c r="BB10" s="280">
        <v>38</v>
      </c>
      <c r="BC10" s="280">
        <v>61</v>
      </c>
      <c r="BD10" s="281">
        <v>1051</v>
      </c>
      <c r="BE10" s="282">
        <v>1051</v>
      </c>
      <c r="BF10" s="276">
        <v>0</v>
      </c>
      <c r="BG10" s="280">
        <v>0</v>
      </c>
      <c r="BH10" s="277">
        <v>0</v>
      </c>
      <c r="BI10" s="279">
        <v>0</v>
      </c>
      <c r="BJ10" s="280">
        <v>174</v>
      </c>
      <c r="BK10" s="280">
        <v>69</v>
      </c>
      <c r="BL10" s="280">
        <v>59</v>
      </c>
      <c r="BM10" s="280">
        <v>8</v>
      </c>
      <c r="BN10" s="280">
        <v>19</v>
      </c>
      <c r="BO10" s="277">
        <v>329</v>
      </c>
      <c r="BP10" s="282">
        <v>329</v>
      </c>
      <c r="BQ10" s="276">
        <v>0</v>
      </c>
      <c r="BR10" s="280">
        <v>0</v>
      </c>
      <c r="BS10" s="277">
        <v>0</v>
      </c>
      <c r="BT10" s="279">
        <v>0</v>
      </c>
      <c r="BU10" s="280">
        <v>42</v>
      </c>
      <c r="BV10" s="280">
        <v>52</v>
      </c>
      <c r="BW10" s="280">
        <v>86</v>
      </c>
      <c r="BX10" s="280">
        <v>99</v>
      </c>
      <c r="BY10" s="280">
        <v>0</v>
      </c>
      <c r="BZ10" s="277">
        <v>279</v>
      </c>
      <c r="CA10" s="282">
        <v>279</v>
      </c>
      <c r="CB10" s="276">
        <v>0</v>
      </c>
      <c r="CC10" s="280">
        <v>0</v>
      </c>
      <c r="CD10" s="277">
        <v>0</v>
      </c>
      <c r="CE10" s="279">
        <v>0</v>
      </c>
      <c r="CF10" s="280">
        <v>6</v>
      </c>
      <c r="CG10" s="280">
        <v>15</v>
      </c>
      <c r="CH10" s="280">
        <v>4</v>
      </c>
      <c r="CI10" s="280">
        <v>0</v>
      </c>
      <c r="CJ10" s="280">
        <v>0</v>
      </c>
      <c r="CK10" s="277">
        <v>25</v>
      </c>
      <c r="CL10" s="282">
        <v>25</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18.75" customHeight="1" x14ac:dyDescent="0.2">
      <c r="B11" s="261" t="s">
        <v>8</v>
      </c>
      <c r="C11" s="276">
        <v>0</v>
      </c>
      <c r="D11" s="277">
        <v>0</v>
      </c>
      <c r="E11" s="278">
        <v>0</v>
      </c>
      <c r="F11" s="279">
        <v>0</v>
      </c>
      <c r="G11" s="280">
        <v>265</v>
      </c>
      <c r="H11" s="280">
        <v>335</v>
      </c>
      <c r="I11" s="280">
        <v>299</v>
      </c>
      <c r="J11" s="280">
        <v>358</v>
      </c>
      <c r="K11" s="280">
        <v>534</v>
      </c>
      <c r="L11" s="281">
        <v>1791</v>
      </c>
      <c r="M11" s="282">
        <v>1791</v>
      </c>
      <c r="N11" s="276">
        <v>0</v>
      </c>
      <c r="O11" s="280">
        <v>0</v>
      </c>
      <c r="P11" s="277">
        <v>0</v>
      </c>
      <c r="Q11" s="279">
        <v>0</v>
      </c>
      <c r="R11" s="280">
        <v>0</v>
      </c>
      <c r="S11" s="280">
        <v>0</v>
      </c>
      <c r="T11" s="280">
        <v>11</v>
      </c>
      <c r="U11" s="280">
        <v>26</v>
      </c>
      <c r="V11" s="280">
        <v>21</v>
      </c>
      <c r="W11" s="277">
        <v>58</v>
      </c>
      <c r="X11" s="282">
        <v>58</v>
      </c>
      <c r="Y11" s="276">
        <v>15</v>
      </c>
      <c r="Z11" s="280">
        <v>0</v>
      </c>
      <c r="AA11" s="277">
        <v>15</v>
      </c>
      <c r="AB11" s="279">
        <v>0</v>
      </c>
      <c r="AC11" s="280">
        <v>102</v>
      </c>
      <c r="AD11" s="280">
        <v>151</v>
      </c>
      <c r="AE11" s="280">
        <v>67</v>
      </c>
      <c r="AF11" s="280">
        <v>103</v>
      </c>
      <c r="AG11" s="280">
        <v>49</v>
      </c>
      <c r="AH11" s="277">
        <v>472</v>
      </c>
      <c r="AI11" s="282">
        <v>487</v>
      </c>
      <c r="AJ11" s="276">
        <v>12</v>
      </c>
      <c r="AK11" s="280">
        <v>14</v>
      </c>
      <c r="AL11" s="277">
        <v>26</v>
      </c>
      <c r="AM11" s="279">
        <v>0</v>
      </c>
      <c r="AN11" s="280">
        <v>42</v>
      </c>
      <c r="AO11" s="280">
        <v>92</v>
      </c>
      <c r="AP11" s="280">
        <v>24</v>
      </c>
      <c r="AQ11" s="280">
        <v>128</v>
      </c>
      <c r="AR11" s="280">
        <v>24</v>
      </c>
      <c r="AS11" s="277">
        <v>310</v>
      </c>
      <c r="AT11" s="282">
        <v>336</v>
      </c>
      <c r="AU11" s="276">
        <v>0</v>
      </c>
      <c r="AV11" s="280">
        <v>0</v>
      </c>
      <c r="AW11" s="277">
        <v>0</v>
      </c>
      <c r="AX11" s="279">
        <v>0</v>
      </c>
      <c r="AY11" s="280">
        <v>183</v>
      </c>
      <c r="AZ11" s="280">
        <v>217</v>
      </c>
      <c r="BA11" s="280">
        <v>37</v>
      </c>
      <c r="BB11" s="280">
        <v>102</v>
      </c>
      <c r="BC11" s="280">
        <v>28</v>
      </c>
      <c r="BD11" s="281">
        <v>567</v>
      </c>
      <c r="BE11" s="282">
        <v>567</v>
      </c>
      <c r="BF11" s="276">
        <v>0</v>
      </c>
      <c r="BG11" s="280">
        <v>0</v>
      </c>
      <c r="BH11" s="277">
        <v>0</v>
      </c>
      <c r="BI11" s="279">
        <v>0</v>
      </c>
      <c r="BJ11" s="280">
        <v>69</v>
      </c>
      <c r="BK11" s="280">
        <v>75</v>
      </c>
      <c r="BL11" s="280">
        <v>33</v>
      </c>
      <c r="BM11" s="280">
        <v>23</v>
      </c>
      <c r="BN11" s="280">
        <v>11</v>
      </c>
      <c r="BO11" s="277">
        <v>211</v>
      </c>
      <c r="BP11" s="282">
        <v>211</v>
      </c>
      <c r="BQ11" s="276">
        <v>5</v>
      </c>
      <c r="BR11" s="280">
        <v>0</v>
      </c>
      <c r="BS11" s="277">
        <v>5</v>
      </c>
      <c r="BT11" s="279">
        <v>0</v>
      </c>
      <c r="BU11" s="280">
        <v>13</v>
      </c>
      <c r="BV11" s="280">
        <v>31</v>
      </c>
      <c r="BW11" s="280">
        <v>121</v>
      </c>
      <c r="BX11" s="280">
        <v>72</v>
      </c>
      <c r="BY11" s="280">
        <v>0</v>
      </c>
      <c r="BZ11" s="277">
        <v>237</v>
      </c>
      <c r="CA11" s="282">
        <v>242</v>
      </c>
      <c r="CB11" s="276">
        <v>0</v>
      </c>
      <c r="CC11" s="280">
        <v>0</v>
      </c>
      <c r="CD11" s="277">
        <v>0</v>
      </c>
      <c r="CE11" s="279">
        <v>0</v>
      </c>
      <c r="CF11" s="280">
        <v>0</v>
      </c>
      <c r="CG11" s="280">
        <v>0</v>
      </c>
      <c r="CH11" s="280">
        <v>0</v>
      </c>
      <c r="CI11" s="280">
        <v>0</v>
      </c>
      <c r="CJ11" s="280">
        <v>0</v>
      </c>
      <c r="CK11" s="277">
        <v>0</v>
      </c>
      <c r="CL11" s="282">
        <v>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18.75" customHeight="1" x14ac:dyDescent="0.2">
      <c r="B12" s="261" t="s">
        <v>9</v>
      </c>
      <c r="C12" s="276">
        <v>0</v>
      </c>
      <c r="D12" s="277">
        <v>0</v>
      </c>
      <c r="E12" s="278">
        <v>0</v>
      </c>
      <c r="F12" s="279">
        <v>0</v>
      </c>
      <c r="G12" s="280">
        <v>569</v>
      </c>
      <c r="H12" s="280">
        <v>705</v>
      </c>
      <c r="I12" s="280">
        <v>830</v>
      </c>
      <c r="J12" s="280">
        <v>1215</v>
      </c>
      <c r="K12" s="280">
        <v>1547</v>
      </c>
      <c r="L12" s="281">
        <v>4866</v>
      </c>
      <c r="M12" s="282">
        <v>4866</v>
      </c>
      <c r="N12" s="276">
        <v>0</v>
      </c>
      <c r="O12" s="280">
        <v>0</v>
      </c>
      <c r="P12" s="277">
        <v>0</v>
      </c>
      <c r="Q12" s="279">
        <v>0</v>
      </c>
      <c r="R12" s="280">
        <v>18</v>
      </c>
      <c r="S12" s="280">
        <v>0</v>
      </c>
      <c r="T12" s="280">
        <v>3</v>
      </c>
      <c r="U12" s="280">
        <v>47</v>
      </c>
      <c r="V12" s="280">
        <v>63</v>
      </c>
      <c r="W12" s="277">
        <v>131</v>
      </c>
      <c r="X12" s="282">
        <v>131</v>
      </c>
      <c r="Y12" s="276">
        <v>41</v>
      </c>
      <c r="Z12" s="280">
        <v>66</v>
      </c>
      <c r="AA12" s="277">
        <v>107</v>
      </c>
      <c r="AB12" s="279">
        <v>0</v>
      </c>
      <c r="AC12" s="280">
        <v>579</v>
      </c>
      <c r="AD12" s="280">
        <v>363</v>
      </c>
      <c r="AE12" s="280">
        <v>178</v>
      </c>
      <c r="AF12" s="280">
        <v>246</v>
      </c>
      <c r="AG12" s="280">
        <v>323</v>
      </c>
      <c r="AH12" s="277">
        <v>1689</v>
      </c>
      <c r="AI12" s="282">
        <v>1796</v>
      </c>
      <c r="AJ12" s="276">
        <v>0</v>
      </c>
      <c r="AK12" s="280">
        <v>12</v>
      </c>
      <c r="AL12" s="277">
        <v>12</v>
      </c>
      <c r="AM12" s="279">
        <v>0</v>
      </c>
      <c r="AN12" s="280">
        <v>60</v>
      </c>
      <c r="AO12" s="280">
        <v>94</v>
      </c>
      <c r="AP12" s="280">
        <v>52</v>
      </c>
      <c r="AQ12" s="280">
        <v>108</v>
      </c>
      <c r="AR12" s="280">
        <v>117</v>
      </c>
      <c r="AS12" s="277">
        <v>431</v>
      </c>
      <c r="AT12" s="282">
        <v>443</v>
      </c>
      <c r="AU12" s="276">
        <v>0</v>
      </c>
      <c r="AV12" s="280">
        <v>0</v>
      </c>
      <c r="AW12" s="277">
        <v>0</v>
      </c>
      <c r="AX12" s="279">
        <v>0</v>
      </c>
      <c r="AY12" s="280">
        <v>347</v>
      </c>
      <c r="AZ12" s="280">
        <v>262</v>
      </c>
      <c r="BA12" s="280">
        <v>205</v>
      </c>
      <c r="BB12" s="280">
        <v>128</v>
      </c>
      <c r="BC12" s="280">
        <v>34</v>
      </c>
      <c r="BD12" s="281">
        <v>976</v>
      </c>
      <c r="BE12" s="282">
        <v>976</v>
      </c>
      <c r="BF12" s="276">
        <v>0</v>
      </c>
      <c r="BG12" s="280">
        <v>0</v>
      </c>
      <c r="BH12" s="277">
        <v>0</v>
      </c>
      <c r="BI12" s="279">
        <v>0</v>
      </c>
      <c r="BJ12" s="280">
        <v>77</v>
      </c>
      <c r="BK12" s="280">
        <v>122</v>
      </c>
      <c r="BL12" s="280">
        <v>81</v>
      </c>
      <c r="BM12" s="280">
        <v>58</v>
      </c>
      <c r="BN12" s="280">
        <v>0</v>
      </c>
      <c r="BO12" s="277">
        <v>338</v>
      </c>
      <c r="BP12" s="282">
        <v>338</v>
      </c>
      <c r="BQ12" s="276">
        <v>3</v>
      </c>
      <c r="BR12" s="280">
        <v>3</v>
      </c>
      <c r="BS12" s="277">
        <v>6</v>
      </c>
      <c r="BT12" s="279">
        <v>0</v>
      </c>
      <c r="BU12" s="280">
        <v>13</v>
      </c>
      <c r="BV12" s="280">
        <v>98</v>
      </c>
      <c r="BW12" s="280">
        <v>71</v>
      </c>
      <c r="BX12" s="280">
        <v>81</v>
      </c>
      <c r="BY12" s="280">
        <v>30</v>
      </c>
      <c r="BZ12" s="277">
        <v>293</v>
      </c>
      <c r="CA12" s="282">
        <v>299</v>
      </c>
      <c r="CB12" s="276">
        <v>6</v>
      </c>
      <c r="CC12" s="280">
        <v>0</v>
      </c>
      <c r="CD12" s="277">
        <v>6</v>
      </c>
      <c r="CE12" s="279">
        <v>0</v>
      </c>
      <c r="CF12" s="280">
        <v>0</v>
      </c>
      <c r="CG12" s="280">
        <v>0</v>
      </c>
      <c r="CH12" s="280">
        <v>6</v>
      </c>
      <c r="CI12" s="280">
        <v>9</v>
      </c>
      <c r="CJ12" s="280">
        <v>9</v>
      </c>
      <c r="CK12" s="277">
        <v>24</v>
      </c>
      <c r="CL12" s="282">
        <v>30</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18.75" customHeight="1" x14ac:dyDescent="0.2">
      <c r="B13" s="261" t="s">
        <v>10</v>
      </c>
      <c r="C13" s="276">
        <v>0</v>
      </c>
      <c r="D13" s="277">
        <v>0</v>
      </c>
      <c r="E13" s="278">
        <v>0</v>
      </c>
      <c r="F13" s="279">
        <v>0</v>
      </c>
      <c r="G13" s="280">
        <v>1174</v>
      </c>
      <c r="H13" s="280">
        <v>1022</v>
      </c>
      <c r="I13" s="280">
        <v>1518</v>
      </c>
      <c r="J13" s="280">
        <v>1632</v>
      </c>
      <c r="K13" s="280">
        <v>1506</v>
      </c>
      <c r="L13" s="281">
        <v>6852</v>
      </c>
      <c r="M13" s="282">
        <v>6852</v>
      </c>
      <c r="N13" s="276">
        <v>0</v>
      </c>
      <c r="O13" s="280">
        <v>0</v>
      </c>
      <c r="P13" s="277">
        <v>0</v>
      </c>
      <c r="Q13" s="279">
        <v>0</v>
      </c>
      <c r="R13" s="280">
        <v>8</v>
      </c>
      <c r="S13" s="280">
        <v>25</v>
      </c>
      <c r="T13" s="280">
        <v>13</v>
      </c>
      <c r="U13" s="280">
        <v>20</v>
      </c>
      <c r="V13" s="280">
        <v>42</v>
      </c>
      <c r="W13" s="277">
        <v>108</v>
      </c>
      <c r="X13" s="282">
        <v>108</v>
      </c>
      <c r="Y13" s="276">
        <v>78</v>
      </c>
      <c r="Z13" s="280">
        <v>180</v>
      </c>
      <c r="AA13" s="277">
        <v>258</v>
      </c>
      <c r="AB13" s="279">
        <v>0</v>
      </c>
      <c r="AC13" s="280">
        <v>561</v>
      </c>
      <c r="AD13" s="280">
        <v>434</v>
      </c>
      <c r="AE13" s="280">
        <v>198</v>
      </c>
      <c r="AF13" s="280">
        <v>142</v>
      </c>
      <c r="AG13" s="280">
        <v>262</v>
      </c>
      <c r="AH13" s="277">
        <v>1597</v>
      </c>
      <c r="AI13" s="282">
        <v>1855</v>
      </c>
      <c r="AJ13" s="276">
        <v>12</v>
      </c>
      <c r="AK13" s="280">
        <v>59</v>
      </c>
      <c r="AL13" s="277">
        <v>71</v>
      </c>
      <c r="AM13" s="279">
        <v>0</v>
      </c>
      <c r="AN13" s="280">
        <v>58</v>
      </c>
      <c r="AO13" s="280">
        <v>77</v>
      </c>
      <c r="AP13" s="280">
        <v>56</v>
      </c>
      <c r="AQ13" s="280">
        <v>53</v>
      </c>
      <c r="AR13" s="280">
        <v>40</v>
      </c>
      <c r="AS13" s="277">
        <v>284</v>
      </c>
      <c r="AT13" s="282">
        <v>355</v>
      </c>
      <c r="AU13" s="276">
        <v>0</v>
      </c>
      <c r="AV13" s="280">
        <v>0</v>
      </c>
      <c r="AW13" s="277">
        <v>0</v>
      </c>
      <c r="AX13" s="279">
        <v>0</v>
      </c>
      <c r="AY13" s="280">
        <v>855</v>
      </c>
      <c r="AZ13" s="280">
        <v>538</v>
      </c>
      <c r="BA13" s="280">
        <v>294</v>
      </c>
      <c r="BB13" s="280">
        <v>122</v>
      </c>
      <c r="BC13" s="280">
        <v>65</v>
      </c>
      <c r="BD13" s="281">
        <v>1874</v>
      </c>
      <c r="BE13" s="282">
        <v>1874</v>
      </c>
      <c r="BF13" s="276">
        <v>0</v>
      </c>
      <c r="BG13" s="280">
        <v>0</v>
      </c>
      <c r="BH13" s="277">
        <v>0</v>
      </c>
      <c r="BI13" s="279">
        <v>0</v>
      </c>
      <c r="BJ13" s="280">
        <v>122</v>
      </c>
      <c r="BK13" s="280">
        <v>65</v>
      </c>
      <c r="BL13" s="280">
        <v>57</v>
      </c>
      <c r="BM13" s="280">
        <v>21</v>
      </c>
      <c r="BN13" s="280">
        <v>5</v>
      </c>
      <c r="BO13" s="277">
        <v>270</v>
      </c>
      <c r="BP13" s="282">
        <v>270</v>
      </c>
      <c r="BQ13" s="276">
        <v>0</v>
      </c>
      <c r="BR13" s="280">
        <v>8</v>
      </c>
      <c r="BS13" s="277">
        <v>8</v>
      </c>
      <c r="BT13" s="279">
        <v>0</v>
      </c>
      <c r="BU13" s="280">
        <v>49</v>
      </c>
      <c r="BV13" s="280">
        <v>15</v>
      </c>
      <c r="BW13" s="280">
        <v>141</v>
      </c>
      <c r="BX13" s="280">
        <v>17</v>
      </c>
      <c r="BY13" s="280">
        <v>48</v>
      </c>
      <c r="BZ13" s="277">
        <v>270</v>
      </c>
      <c r="CA13" s="282">
        <v>278</v>
      </c>
      <c r="CB13" s="276">
        <v>0</v>
      </c>
      <c r="CC13" s="280">
        <v>0</v>
      </c>
      <c r="CD13" s="277">
        <v>0</v>
      </c>
      <c r="CE13" s="279">
        <v>0</v>
      </c>
      <c r="CF13" s="280">
        <v>0</v>
      </c>
      <c r="CG13" s="280">
        <v>8</v>
      </c>
      <c r="CH13" s="280">
        <v>0</v>
      </c>
      <c r="CI13" s="280">
        <v>3</v>
      </c>
      <c r="CJ13" s="280">
        <v>1</v>
      </c>
      <c r="CK13" s="277">
        <v>12</v>
      </c>
      <c r="CL13" s="282">
        <v>12</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18.75" customHeight="1" x14ac:dyDescent="0.2">
      <c r="B14" s="261" t="s">
        <v>11</v>
      </c>
      <c r="C14" s="276">
        <v>0</v>
      </c>
      <c r="D14" s="277">
        <v>0</v>
      </c>
      <c r="E14" s="278">
        <v>0</v>
      </c>
      <c r="F14" s="279">
        <v>0</v>
      </c>
      <c r="G14" s="280">
        <v>149</v>
      </c>
      <c r="H14" s="280">
        <v>146</v>
      </c>
      <c r="I14" s="280">
        <v>308</v>
      </c>
      <c r="J14" s="280">
        <v>166</v>
      </c>
      <c r="K14" s="280">
        <v>348</v>
      </c>
      <c r="L14" s="281">
        <v>1117</v>
      </c>
      <c r="M14" s="282">
        <v>1117</v>
      </c>
      <c r="N14" s="276">
        <v>0</v>
      </c>
      <c r="O14" s="280">
        <v>0</v>
      </c>
      <c r="P14" s="277">
        <v>0</v>
      </c>
      <c r="Q14" s="279">
        <v>0</v>
      </c>
      <c r="R14" s="280">
        <v>0</v>
      </c>
      <c r="S14" s="280">
        <v>0</v>
      </c>
      <c r="T14" s="280">
        <v>0</v>
      </c>
      <c r="U14" s="280">
        <v>13</v>
      </c>
      <c r="V14" s="280">
        <v>23</v>
      </c>
      <c r="W14" s="277">
        <v>36</v>
      </c>
      <c r="X14" s="282">
        <v>36</v>
      </c>
      <c r="Y14" s="276">
        <v>3</v>
      </c>
      <c r="Z14" s="280">
        <v>38</v>
      </c>
      <c r="AA14" s="277">
        <v>41</v>
      </c>
      <c r="AB14" s="279">
        <v>0</v>
      </c>
      <c r="AC14" s="280">
        <v>173</v>
      </c>
      <c r="AD14" s="280">
        <v>123</v>
      </c>
      <c r="AE14" s="280">
        <v>105</v>
      </c>
      <c r="AF14" s="280">
        <v>108</v>
      </c>
      <c r="AG14" s="280">
        <v>48</v>
      </c>
      <c r="AH14" s="277">
        <v>557</v>
      </c>
      <c r="AI14" s="282">
        <v>598</v>
      </c>
      <c r="AJ14" s="276">
        <v>0</v>
      </c>
      <c r="AK14" s="280">
        <v>10</v>
      </c>
      <c r="AL14" s="277">
        <v>10</v>
      </c>
      <c r="AM14" s="279">
        <v>0</v>
      </c>
      <c r="AN14" s="280">
        <v>57</v>
      </c>
      <c r="AO14" s="280">
        <v>8</v>
      </c>
      <c r="AP14" s="280">
        <v>0</v>
      </c>
      <c r="AQ14" s="280">
        <v>0</v>
      </c>
      <c r="AR14" s="280">
        <v>24</v>
      </c>
      <c r="AS14" s="277">
        <v>89</v>
      </c>
      <c r="AT14" s="282">
        <v>99</v>
      </c>
      <c r="AU14" s="276">
        <v>0</v>
      </c>
      <c r="AV14" s="280">
        <v>0</v>
      </c>
      <c r="AW14" s="277">
        <v>0</v>
      </c>
      <c r="AX14" s="279">
        <v>0</v>
      </c>
      <c r="AY14" s="280">
        <v>125</v>
      </c>
      <c r="AZ14" s="280">
        <v>127</v>
      </c>
      <c r="BA14" s="280">
        <v>134</v>
      </c>
      <c r="BB14" s="280">
        <v>88</v>
      </c>
      <c r="BC14" s="280">
        <v>7</v>
      </c>
      <c r="BD14" s="281">
        <v>481</v>
      </c>
      <c r="BE14" s="282">
        <v>481</v>
      </c>
      <c r="BF14" s="276">
        <v>0</v>
      </c>
      <c r="BG14" s="280">
        <v>0</v>
      </c>
      <c r="BH14" s="277">
        <v>0</v>
      </c>
      <c r="BI14" s="279">
        <v>0</v>
      </c>
      <c r="BJ14" s="280">
        <v>77</v>
      </c>
      <c r="BK14" s="280">
        <v>38</v>
      </c>
      <c r="BL14" s="280">
        <v>35</v>
      </c>
      <c r="BM14" s="280">
        <v>8</v>
      </c>
      <c r="BN14" s="280">
        <v>2</v>
      </c>
      <c r="BO14" s="277">
        <v>160</v>
      </c>
      <c r="BP14" s="282">
        <v>160</v>
      </c>
      <c r="BQ14" s="276">
        <v>0</v>
      </c>
      <c r="BR14" s="280">
        <v>0</v>
      </c>
      <c r="BS14" s="277">
        <v>0</v>
      </c>
      <c r="BT14" s="279">
        <v>0</v>
      </c>
      <c r="BU14" s="280">
        <v>14</v>
      </c>
      <c r="BV14" s="280">
        <v>24</v>
      </c>
      <c r="BW14" s="280">
        <v>11</v>
      </c>
      <c r="BX14" s="280">
        <v>39</v>
      </c>
      <c r="BY14" s="280">
        <v>30</v>
      </c>
      <c r="BZ14" s="277">
        <v>118</v>
      </c>
      <c r="CA14" s="282">
        <v>118</v>
      </c>
      <c r="CB14" s="276">
        <v>0</v>
      </c>
      <c r="CC14" s="280">
        <v>0</v>
      </c>
      <c r="CD14" s="277">
        <v>0</v>
      </c>
      <c r="CE14" s="279">
        <v>0</v>
      </c>
      <c r="CF14" s="280">
        <v>0</v>
      </c>
      <c r="CG14" s="280">
        <v>10</v>
      </c>
      <c r="CH14" s="280">
        <v>25</v>
      </c>
      <c r="CI14" s="280">
        <v>0</v>
      </c>
      <c r="CJ14" s="280">
        <v>13</v>
      </c>
      <c r="CK14" s="277">
        <v>48</v>
      </c>
      <c r="CL14" s="282">
        <v>48</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18.75" customHeight="1" x14ac:dyDescent="0.2">
      <c r="B15" s="261" t="s">
        <v>12</v>
      </c>
      <c r="C15" s="276">
        <v>0</v>
      </c>
      <c r="D15" s="277">
        <v>0</v>
      </c>
      <c r="E15" s="278">
        <v>0</v>
      </c>
      <c r="F15" s="279">
        <v>0</v>
      </c>
      <c r="G15" s="280">
        <v>497</v>
      </c>
      <c r="H15" s="280">
        <v>350</v>
      </c>
      <c r="I15" s="280">
        <v>823</v>
      </c>
      <c r="J15" s="280">
        <v>698</v>
      </c>
      <c r="K15" s="280">
        <v>337</v>
      </c>
      <c r="L15" s="281">
        <v>2705</v>
      </c>
      <c r="M15" s="282">
        <v>2705</v>
      </c>
      <c r="N15" s="276">
        <v>0</v>
      </c>
      <c r="O15" s="280">
        <v>0</v>
      </c>
      <c r="P15" s="277">
        <v>0</v>
      </c>
      <c r="Q15" s="279">
        <v>0</v>
      </c>
      <c r="R15" s="280">
        <v>0</v>
      </c>
      <c r="S15" s="280">
        <v>4</v>
      </c>
      <c r="T15" s="280">
        <v>0</v>
      </c>
      <c r="U15" s="280">
        <v>8</v>
      </c>
      <c r="V15" s="280">
        <v>45</v>
      </c>
      <c r="W15" s="277">
        <v>57</v>
      </c>
      <c r="X15" s="282">
        <v>57</v>
      </c>
      <c r="Y15" s="276">
        <v>27</v>
      </c>
      <c r="Z15" s="280">
        <v>86</v>
      </c>
      <c r="AA15" s="277">
        <v>113</v>
      </c>
      <c r="AB15" s="279">
        <v>0</v>
      </c>
      <c r="AC15" s="280">
        <v>84</v>
      </c>
      <c r="AD15" s="280">
        <v>128</v>
      </c>
      <c r="AE15" s="280">
        <v>306</v>
      </c>
      <c r="AF15" s="280">
        <v>140</v>
      </c>
      <c r="AG15" s="280">
        <v>166</v>
      </c>
      <c r="AH15" s="277">
        <v>824</v>
      </c>
      <c r="AI15" s="282">
        <v>937</v>
      </c>
      <c r="AJ15" s="276">
        <v>0</v>
      </c>
      <c r="AK15" s="280">
        <v>0</v>
      </c>
      <c r="AL15" s="277">
        <v>0</v>
      </c>
      <c r="AM15" s="279">
        <v>0</v>
      </c>
      <c r="AN15" s="280">
        <v>28</v>
      </c>
      <c r="AO15" s="280">
        <v>22</v>
      </c>
      <c r="AP15" s="280">
        <v>0</v>
      </c>
      <c r="AQ15" s="280">
        <v>0</v>
      </c>
      <c r="AR15" s="280">
        <v>0</v>
      </c>
      <c r="AS15" s="277">
        <v>50</v>
      </c>
      <c r="AT15" s="282">
        <v>50</v>
      </c>
      <c r="AU15" s="276">
        <v>0</v>
      </c>
      <c r="AV15" s="280">
        <v>0</v>
      </c>
      <c r="AW15" s="277">
        <v>0</v>
      </c>
      <c r="AX15" s="279">
        <v>0</v>
      </c>
      <c r="AY15" s="280">
        <v>307</v>
      </c>
      <c r="AZ15" s="280">
        <v>172</v>
      </c>
      <c r="BA15" s="280">
        <v>104</v>
      </c>
      <c r="BB15" s="280">
        <v>133</v>
      </c>
      <c r="BC15" s="280">
        <v>38</v>
      </c>
      <c r="BD15" s="281">
        <v>754</v>
      </c>
      <c r="BE15" s="282">
        <v>754</v>
      </c>
      <c r="BF15" s="276">
        <v>0</v>
      </c>
      <c r="BG15" s="280">
        <v>0</v>
      </c>
      <c r="BH15" s="277">
        <v>0</v>
      </c>
      <c r="BI15" s="279">
        <v>0</v>
      </c>
      <c r="BJ15" s="280">
        <v>68</v>
      </c>
      <c r="BK15" s="280">
        <v>92</v>
      </c>
      <c r="BL15" s="280">
        <v>51</v>
      </c>
      <c r="BM15" s="280">
        <v>26</v>
      </c>
      <c r="BN15" s="280">
        <v>0</v>
      </c>
      <c r="BO15" s="277">
        <v>237</v>
      </c>
      <c r="BP15" s="282">
        <v>237</v>
      </c>
      <c r="BQ15" s="276">
        <v>0</v>
      </c>
      <c r="BR15" s="280">
        <v>4</v>
      </c>
      <c r="BS15" s="277">
        <v>4</v>
      </c>
      <c r="BT15" s="279">
        <v>0</v>
      </c>
      <c r="BU15" s="280">
        <v>42</v>
      </c>
      <c r="BV15" s="280">
        <v>13</v>
      </c>
      <c r="BW15" s="280">
        <v>90</v>
      </c>
      <c r="BX15" s="280">
        <v>58</v>
      </c>
      <c r="BY15" s="280">
        <v>19</v>
      </c>
      <c r="BZ15" s="277">
        <v>222</v>
      </c>
      <c r="CA15" s="282">
        <v>226</v>
      </c>
      <c r="CB15" s="276">
        <v>0</v>
      </c>
      <c r="CC15" s="280">
        <v>0</v>
      </c>
      <c r="CD15" s="277">
        <v>0</v>
      </c>
      <c r="CE15" s="279">
        <v>0</v>
      </c>
      <c r="CF15" s="280">
        <v>0</v>
      </c>
      <c r="CG15" s="280">
        <v>0</v>
      </c>
      <c r="CH15" s="280">
        <v>0</v>
      </c>
      <c r="CI15" s="280">
        <v>0</v>
      </c>
      <c r="CJ15" s="280">
        <v>6</v>
      </c>
      <c r="CK15" s="277">
        <v>6</v>
      </c>
      <c r="CL15" s="282">
        <v>6</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18.75" customHeight="1" x14ac:dyDescent="0.2">
      <c r="B16" s="261" t="s">
        <v>13</v>
      </c>
      <c r="C16" s="276">
        <v>0</v>
      </c>
      <c r="D16" s="277">
        <v>0</v>
      </c>
      <c r="E16" s="278">
        <v>0</v>
      </c>
      <c r="F16" s="279">
        <v>0</v>
      </c>
      <c r="G16" s="280">
        <v>120</v>
      </c>
      <c r="H16" s="280">
        <v>363</v>
      </c>
      <c r="I16" s="280">
        <v>519</v>
      </c>
      <c r="J16" s="280">
        <v>648</v>
      </c>
      <c r="K16" s="280">
        <v>609</v>
      </c>
      <c r="L16" s="281">
        <v>2259</v>
      </c>
      <c r="M16" s="282">
        <v>2259</v>
      </c>
      <c r="N16" s="276">
        <v>0</v>
      </c>
      <c r="O16" s="280">
        <v>0</v>
      </c>
      <c r="P16" s="277">
        <v>0</v>
      </c>
      <c r="Q16" s="279">
        <v>0</v>
      </c>
      <c r="R16" s="280">
        <v>0</v>
      </c>
      <c r="S16" s="280">
        <v>0</v>
      </c>
      <c r="T16" s="280">
        <v>9</v>
      </c>
      <c r="U16" s="280">
        <v>8</v>
      </c>
      <c r="V16" s="280">
        <v>0</v>
      </c>
      <c r="W16" s="277">
        <v>17</v>
      </c>
      <c r="X16" s="282">
        <v>17</v>
      </c>
      <c r="Y16" s="276">
        <v>0</v>
      </c>
      <c r="Z16" s="280">
        <v>20</v>
      </c>
      <c r="AA16" s="277">
        <v>20</v>
      </c>
      <c r="AB16" s="279">
        <v>0</v>
      </c>
      <c r="AC16" s="280">
        <v>120</v>
      </c>
      <c r="AD16" s="280">
        <v>85</v>
      </c>
      <c r="AE16" s="280">
        <v>117</v>
      </c>
      <c r="AF16" s="280">
        <v>108</v>
      </c>
      <c r="AG16" s="280">
        <v>92</v>
      </c>
      <c r="AH16" s="277">
        <v>522</v>
      </c>
      <c r="AI16" s="282">
        <v>542</v>
      </c>
      <c r="AJ16" s="276">
        <v>0</v>
      </c>
      <c r="AK16" s="280">
        <v>0</v>
      </c>
      <c r="AL16" s="277">
        <v>0</v>
      </c>
      <c r="AM16" s="279">
        <v>0</v>
      </c>
      <c r="AN16" s="280">
        <v>4</v>
      </c>
      <c r="AO16" s="280">
        <v>57</v>
      </c>
      <c r="AP16" s="280">
        <v>0</v>
      </c>
      <c r="AQ16" s="280">
        <v>6</v>
      </c>
      <c r="AR16" s="280">
        <v>37</v>
      </c>
      <c r="AS16" s="277">
        <v>104</v>
      </c>
      <c r="AT16" s="282">
        <v>104</v>
      </c>
      <c r="AU16" s="276">
        <v>0</v>
      </c>
      <c r="AV16" s="280">
        <v>0</v>
      </c>
      <c r="AW16" s="277">
        <v>0</v>
      </c>
      <c r="AX16" s="279">
        <v>0</v>
      </c>
      <c r="AY16" s="280">
        <v>96</v>
      </c>
      <c r="AZ16" s="280">
        <v>121</v>
      </c>
      <c r="BA16" s="280">
        <v>98</v>
      </c>
      <c r="BB16" s="280">
        <v>40</v>
      </c>
      <c r="BC16" s="280">
        <v>9</v>
      </c>
      <c r="BD16" s="281">
        <v>364</v>
      </c>
      <c r="BE16" s="282">
        <v>364</v>
      </c>
      <c r="BF16" s="276">
        <v>0</v>
      </c>
      <c r="BG16" s="280">
        <v>0</v>
      </c>
      <c r="BH16" s="277">
        <v>0</v>
      </c>
      <c r="BI16" s="279">
        <v>0</v>
      </c>
      <c r="BJ16" s="280">
        <v>0</v>
      </c>
      <c r="BK16" s="280">
        <v>20</v>
      </c>
      <c r="BL16" s="280">
        <v>46</v>
      </c>
      <c r="BM16" s="280">
        <v>22</v>
      </c>
      <c r="BN16" s="280">
        <v>0</v>
      </c>
      <c r="BO16" s="277">
        <v>88</v>
      </c>
      <c r="BP16" s="282">
        <v>88</v>
      </c>
      <c r="BQ16" s="276">
        <v>0</v>
      </c>
      <c r="BR16" s="280">
        <v>3</v>
      </c>
      <c r="BS16" s="277">
        <v>3</v>
      </c>
      <c r="BT16" s="279">
        <v>0</v>
      </c>
      <c r="BU16" s="280">
        <v>15</v>
      </c>
      <c r="BV16" s="280">
        <v>9</v>
      </c>
      <c r="BW16" s="280">
        <v>25</v>
      </c>
      <c r="BX16" s="280">
        <v>4</v>
      </c>
      <c r="BY16" s="280">
        <v>9</v>
      </c>
      <c r="BZ16" s="277">
        <v>62</v>
      </c>
      <c r="CA16" s="282">
        <v>65</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18.75" customHeight="1" x14ac:dyDescent="0.2">
      <c r="B17" s="261" t="s">
        <v>15</v>
      </c>
      <c r="C17" s="276">
        <v>0</v>
      </c>
      <c r="D17" s="277">
        <v>0</v>
      </c>
      <c r="E17" s="278">
        <v>0</v>
      </c>
      <c r="F17" s="279">
        <v>0</v>
      </c>
      <c r="G17" s="280">
        <v>28</v>
      </c>
      <c r="H17" s="280">
        <v>24</v>
      </c>
      <c r="I17" s="280">
        <v>0</v>
      </c>
      <c r="J17" s="280">
        <v>2</v>
      </c>
      <c r="K17" s="280">
        <v>170</v>
      </c>
      <c r="L17" s="281">
        <v>224</v>
      </c>
      <c r="M17" s="282">
        <v>224</v>
      </c>
      <c r="N17" s="276">
        <v>0</v>
      </c>
      <c r="O17" s="280">
        <v>0</v>
      </c>
      <c r="P17" s="277">
        <v>0</v>
      </c>
      <c r="Q17" s="279">
        <v>0</v>
      </c>
      <c r="R17" s="280">
        <v>0</v>
      </c>
      <c r="S17" s="280">
        <v>0</v>
      </c>
      <c r="T17" s="280">
        <v>4</v>
      </c>
      <c r="U17" s="280">
        <v>1</v>
      </c>
      <c r="V17" s="280">
        <v>14</v>
      </c>
      <c r="W17" s="277">
        <v>19</v>
      </c>
      <c r="X17" s="282">
        <v>19</v>
      </c>
      <c r="Y17" s="276">
        <v>0</v>
      </c>
      <c r="Z17" s="280">
        <v>0</v>
      </c>
      <c r="AA17" s="277">
        <v>0</v>
      </c>
      <c r="AB17" s="279">
        <v>0</v>
      </c>
      <c r="AC17" s="280">
        <v>2</v>
      </c>
      <c r="AD17" s="280">
        <v>45</v>
      </c>
      <c r="AE17" s="280">
        <v>12</v>
      </c>
      <c r="AF17" s="280">
        <v>25</v>
      </c>
      <c r="AG17" s="280">
        <v>41</v>
      </c>
      <c r="AH17" s="277">
        <v>125</v>
      </c>
      <c r="AI17" s="282">
        <v>125</v>
      </c>
      <c r="AJ17" s="276">
        <v>0</v>
      </c>
      <c r="AK17" s="280">
        <v>0</v>
      </c>
      <c r="AL17" s="277">
        <v>0</v>
      </c>
      <c r="AM17" s="279">
        <v>0</v>
      </c>
      <c r="AN17" s="280">
        <v>0</v>
      </c>
      <c r="AO17" s="280">
        <v>0</v>
      </c>
      <c r="AP17" s="280">
        <v>21</v>
      </c>
      <c r="AQ17" s="280">
        <v>0</v>
      </c>
      <c r="AR17" s="280">
        <v>15</v>
      </c>
      <c r="AS17" s="277">
        <v>36</v>
      </c>
      <c r="AT17" s="282">
        <v>36</v>
      </c>
      <c r="AU17" s="276">
        <v>0</v>
      </c>
      <c r="AV17" s="280">
        <v>0</v>
      </c>
      <c r="AW17" s="277">
        <v>0</v>
      </c>
      <c r="AX17" s="279">
        <v>0</v>
      </c>
      <c r="AY17" s="280">
        <v>30</v>
      </c>
      <c r="AZ17" s="280">
        <v>11</v>
      </c>
      <c r="BA17" s="280">
        <v>22</v>
      </c>
      <c r="BB17" s="280">
        <v>4</v>
      </c>
      <c r="BC17" s="280">
        <v>9</v>
      </c>
      <c r="BD17" s="281">
        <v>76</v>
      </c>
      <c r="BE17" s="282">
        <v>76</v>
      </c>
      <c r="BF17" s="276">
        <v>0</v>
      </c>
      <c r="BG17" s="280">
        <v>0</v>
      </c>
      <c r="BH17" s="277">
        <v>0</v>
      </c>
      <c r="BI17" s="279">
        <v>0</v>
      </c>
      <c r="BJ17" s="280">
        <v>16</v>
      </c>
      <c r="BK17" s="280">
        <v>7</v>
      </c>
      <c r="BL17" s="280">
        <v>6</v>
      </c>
      <c r="BM17" s="280">
        <v>8</v>
      </c>
      <c r="BN17" s="280">
        <v>11</v>
      </c>
      <c r="BO17" s="277">
        <v>48</v>
      </c>
      <c r="BP17" s="282">
        <v>48</v>
      </c>
      <c r="BQ17" s="276">
        <v>0</v>
      </c>
      <c r="BR17" s="280">
        <v>0</v>
      </c>
      <c r="BS17" s="277">
        <v>0</v>
      </c>
      <c r="BT17" s="279">
        <v>0</v>
      </c>
      <c r="BU17" s="280">
        <v>0</v>
      </c>
      <c r="BV17" s="280">
        <v>4</v>
      </c>
      <c r="BW17" s="280">
        <v>0</v>
      </c>
      <c r="BX17" s="280">
        <v>34</v>
      </c>
      <c r="BY17" s="280">
        <v>0</v>
      </c>
      <c r="BZ17" s="277">
        <v>38</v>
      </c>
      <c r="CA17" s="282">
        <v>38</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18.75" customHeight="1" x14ac:dyDescent="0.2">
      <c r="B18" s="261" t="s">
        <v>16</v>
      </c>
      <c r="C18" s="276">
        <v>0</v>
      </c>
      <c r="D18" s="277">
        <v>0</v>
      </c>
      <c r="E18" s="278">
        <v>0</v>
      </c>
      <c r="F18" s="279">
        <v>0</v>
      </c>
      <c r="G18" s="280">
        <v>103</v>
      </c>
      <c r="H18" s="280">
        <v>156</v>
      </c>
      <c r="I18" s="280">
        <v>77</v>
      </c>
      <c r="J18" s="280">
        <v>220</v>
      </c>
      <c r="K18" s="280">
        <v>64</v>
      </c>
      <c r="L18" s="281">
        <v>620</v>
      </c>
      <c r="M18" s="282">
        <v>620</v>
      </c>
      <c r="N18" s="276">
        <v>0</v>
      </c>
      <c r="O18" s="280">
        <v>0</v>
      </c>
      <c r="P18" s="277">
        <v>0</v>
      </c>
      <c r="Q18" s="279">
        <v>0</v>
      </c>
      <c r="R18" s="280">
        <v>0</v>
      </c>
      <c r="S18" s="280">
        <v>7</v>
      </c>
      <c r="T18" s="280">
        <v>2</v>
      </c>
      <c r="U18" s="280">
        <v>0</v>
      </c>
      <c r="V18" s="280">
        <v>20</v>
      </c>
      <c r="W18" s="277">
        <v>29</v>
      </c>
      <c r="X18" s="282">
        <v>29</v>
      </c>
      <c r="Y18" s="276">
        <v>1</v>
      </c>
      <c r="Z18" s="280">
        <v>6</v>
      </c>
      <c r="AA18" s="277">
        <v>7</v>
      </c>
      <c r="AB18" s="279">
        <v>0</v>
      </c>
      <c r="AC18" s="280">
        <v>23</v>
      </c>
      <c r="AD18" s="280">
        <v>147</v>
      </c>
      <c r="AE18" s="280">
        <v>79</v>
      </c>
      <c r="AF18" s="280">
        <v>56</v>
      </c>
      <c r="AG18" s="280">
        <v>16</v>
      </c>
      <c r="AH18" s="277">
        <v>321</v>
      </c>
      <c r="AI18" s="282">
        <v>328</v>
      </c>
      <c r="AJ18" s="276">
        <v>0</v>
      </c>
      <c r="AK18" s="280">
        <v>0</v>
      </c>
      <c r="AL18" s="277">
        <v>0</v>
      </c>
      <c r="AM18" s="279">
        <v>0</v>
      </c>
      <c r="AN18" s="280">
        <v>42</v>
      </c>
      <c r="AO18" s="280">
        <v>0</v>
      </c>
      <c r="AP18" s="280">
        <v>27</v>
      </c>
      <c r="AQ18" s="280">
        <v>27</v>
      </c>
      <c r="AR18" s="280">
        <v>0</v>
      </c>
      <c r="AS18" s="277">
        <v>96</v>
      </c>
      <c r="AT18" s="282">
        <v>96</v>
      </c>
      <c r="AU18" s="276">
        <v>0</v>
      </c>
      <c r="AV18" s="280">
        <v>0</v>
      </c>
      <c r="AW18" s="277">
        <v>0</v>
      </c>
      <c r="AX18" s="279">
        <v>0</v>
      </c>
      <c r="AY18" s="280">
        <v>124</v>
      </c>
      <c r="AZ18" s="280">
        <v>195</v>
      </c>
      <c r="BA18" s="280">
        <v>117</v>
      </c>
      <c r="BB18" s="280">
        <v>22</v>
      </c>
      <c r="BC18" s="280">
        <v>12</v>
      </c>
      <c r="BD18" s="281">
        <v>470</v>
      </c>
      <c r="BE18" s="282">
        <v>470</v>
      </c>
      <c r="BF18" s="276">
        <v>0</v>
      </c>
      <c r="BG18" s="280">
        <v>0</v>
      </c>
      <c r="BH18" s="277">
        <v>0</v>
      </c>
      <c r="BI18" s="279">
        <v>0</v>
      </c>
      <c r="BJ18" s="280">
        <v>60</v>
      </c>
      <c r="BK18" s="280">
        <v>136</v>
      </c>
      <c r="BL18" s="280">
        <v>66</v>
      </c>
      <c r="BM18" s="280">
        <v>5</v>
      </c>
      <c r="BN18" s="280">
        <v>8</v>
      </c>
      <c r="BO18" s="277">
        <v>275</v>
      </c>
      <c r="BP18" s="282">
        <v>275</v>
      </c>
      <c r="BQ18" s="276">
        <v>0</v>
      </c>
      <c r="BR18" s="280">
        <v>10</v>
      </c>
      <c r="BS18" s="277">
        <v>10</v>
      </c>
      <c r="BT18" s="279">
        <v>0</v>
      </c>
      <c r="BU18" s="280">
        <v>11</v>
      </c>
      <c r="BV18" s="280">
        <v>8</v>
      </c>
      <c r="BW18" s="280">
        <v>11</v>
      </c>
      <c r="BX18" s="280">
        <v>0</v>
      </c>
      <c r="BY18" s="280">
        <v>5</v>
      </c>
      <c r="BZ18" s="277">
        <v>35</v>
      </c>
      <c r="CA18" s="282">
        <v>45</v>
      </c>
      <c r="CB18" s="276">
        <v>0</v>
      </c>
      <c r="CC18" s="280">
        <v>0</v>
      </c>
      <c r="CD18" s="277">
        <v>0</v>
      </c>
      <c r="CE18" s="279">
        <v>0</v>
      </c>
      <c r="CF18" s="280">
        <v>3</v>
      </c>
      <c r="CG18" s="280">
        <v>0</v>
      </c>
      <c r="CH18" s="280">
        <v>6</v>
      </c>
      <c r="CI18" s="280">
        <v>0</v>
      </c>
      <c r="CJ18" s="280">
        <v>0</v>
      </c>
      <c r="CK18" s="277">
        <v>9</v>
      </c>
      <c r="CL18" s="282">
        <v>9</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18.75" customHeight="1" x14ac:dyDescent="0.2">
      <c r="B19" s="261" t="s">
        <v>17</v>
      </c>
      <c r="C19" s="276">
        <v>0</v>
      </c>
      <c r="D19" s="277">
        <v>0</v>
      </c>
      <c r="E19" s="278">
        <v>0</v>
      </c>
      <c r="F19" s="279">
        <v>0</v>
      </c>
      <c r="G19" s="280">
        <v>63</v>
      </c>
      <c r="H19" s="280">
        <v>141</v>
      </c>
      <c r="I19" s="280">
        <v>263</v>
      </c>
      <c r="J19" s="280">
        <v>80</v>
      </c>
      <c r="K19" s="280">
        <v>428</v>
      </c>
      <c r="L19" s="281">
        <v>975</v>
      </c>
      <c r="M19" s="282">
        <v>975</v>
      </c>
      <c r="N19" s="276">
        <v>0</v>
      </c>
      <c r="O19" s="280">
        <v>0</v>
      </c>
      <c r="P19" s="277">
        <v>0</v>
      </c>
      <c r="Q19" s="279">
        <v>0</v>
      </c>
      <c r="R19" s="280">
        <v>8</v>
      </c>
      <c r="S19" s="280">
        <v>0</v>
      </c>
      <c r="T19" s="280">
        <v>5</v>
      </c>
      <c r="U19" s="280">
        <v>5</v>
      </c>
      <c r="V19" s="280">
        <v>18</v>
      </c>
      <c r="W19" s="277">
        <v>36</v>
      </c>
      <c r="X19" s="282">
        <v>36</v>
      </c>
      <c r="Y19" s="276">
        <v>19</v>
      </c>
      <c r="Z19" s="280">
        <v>64</v>
      </c>
      <c r="AA19" s="277">
        <v>83</v>
      </c>
      <c r="AB19" s="279">
        <v>0</v>
      </c>
      <c r="AC19" s="280">
        <v>104</v>
      </c>
      <c r="AD19" s="280">
        <v>125</v>
      </c>
      <c r="AE19" s="280">
        <v>103</v>
      </c>
      <c r="AF19" s="280">
        <v>23</v>
      </c>
      <c r="AG19" s="280">
        <v>129</v>
      </c>
      <c r="AH19" s="277">
        <v>484</v>
      </c>
      <c r="AI19" s="282">
        <v>567</v>
      </c>
      <c r="AJ19" s="276">
        <v>0</v>
      </c>
      <c r="AK19" s="280">
        <v>0</v>
      </c>
      <c r="AL19" s="277">
        <v>0</v>
      </c>
      <c r="AM19" s="279">
        <v>0</v>
      </c>
      <c r="AN19" s="280">
        <v>0</v>
      </c>
      <c r="AO19" s="280">
        <v>8</v>
      </c>
      <c r="AP19" s="280">
        <v>3</v>
      </c>
      <c r="AQ19" s="280">
        <v>26</v>
      </c>
      <c r="AR19" s="280">
        <v>0</v>
      </c>
      <c r="AS19" s="277">
        <v>37</v>
      </c>
      <c r="AT19" s="282">
        <v>37</v>
      </c>
      <c r="AU19" s="276">
        <v>0</v>
      </c>
      <c r="AV19" s="280">
        <v>0</v>
      </c>
      <c r="AW19" s="277">
        <v>0</v>
      </c>
      <c r="AX19" s="279">
        <v>0</v>
      </c>
      <c r="AY19" s="280">
        <v>211</v>
      </c>
      <c r="AZ19" s="280">
        <v>301</v>
      </c>
      <c r="BA19" s="280">
        <v>88</v>
      </c>
      <c r="BB19" s="280">
        <v>88</v>
      </c>
      <c r="BC19" s="280">
        <v>23</v>
      </c>
      <c r="BD19" s="281">
        <v>711</v>
      </c>
      <c r="BE19" s="282">
        <v>711</v>
      </c>
      <c r="BF19" s="276">
        <v>0</v>
      </c>
      <c r="BG19" s="280">
        <v>0</v>
      </c>
      <c r="BH19" s="277">
        <v>0</v>
      </c>
      <c r="BI19" s="279">
        <v>0</v>
      </c>
      <c r="BJ19" s="280">
        <v>34</v>
      </c>
      <c r="BK19" s="280">
        <v>70</v>
      </c>
      <c r="BL19" s="280">
        <v>44</v>
      </c>
      <c r="BM19" s="280">
        <v>28</v>
      </c>
      <c r="BN19" s="280">
        <v>0</v>
      </c>
      <c r="BO19" s="277">
        <v>176</v>
      </c>
      <c r="BP19" s="282">
        <v>176</v>
      </c>
      <c r="BQ19" s="276">
        <v>0</v>
      </c>
      <c r="BR19" s="280">
        <v>2</v>
      </c>
      <c r="BS19" s="277">
        <v>2</v>
      </c>
      <c r="BT19" s="279">
        <v>0</v>
      </c>
      <c r="BU19" s="280">
        <v>17</v>
      </c>
      <c r="BV19" s="280">
        <v>45</v>
      </c>
      <c r="BW19" s="280">
        <v>114</v>
      </c>
      <c r="BX19" s="280">
        <v>77</v>
      </c>
      <c r="BY19" s="280">
        <v>33</v>
      </c>
      <c r="BZ19" s="277">
        <v>286</v>
      </c>
      <c r="CA19" s="282">
        <v>288</v>
      </c>
      <c r="CB19" s="276">
        <v>0</v>
      </c>
      <c r="CC19" s="280">
        <v>0</v>
      </c>
      <c r="CD19" s="277">
        <v>0</v>
      </c>
      <c r="CE19" s="279">
        <v>0</v>
      </c>
      <c r="CF19" s="280">
        <v>4</v>
      </c>
      <c r="CG19" s="280">
        <v>0</v>
      </c>
      <c r="CH19" s="280">
        <v>0</v>
      </c>
      <c r="CI19" s="280">
        <v>3</v>
      </c>
      <c r="CJ19" s="280">
        <v>0</v>
      </c>
      <c r="CK19" s="277">
        <v>7</v>
      </c>
      <c r="CL19" s="282">
        <v>7</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18.75" customHeight="1" x14ac:dyDescent="0.2">
      <c r="B20" s="261" t="s">
        <v>18</v>
      </c>
      <c r="C20" s="276">
        <v>0</v>
      </c>
      <c r="D20" s="277">
        <v>0</v>
      </c>
      <c r="E20" s="278">
        <v>0</v>
      </c>
      <c r="F20" s="279">
        <v>0</v>
      </c>
      <c r="G20" s="280">
        <v>278</v>
      </c>
      <c r="H20" s="280">
        <v>378</v>
      </c>
      <c r="I20" s="280">
        <v>503</v>
      </c>
      <c r="J20" s="280">
        <v>908</v>
      </c>
      <c r="K20" s="280">
        <v>515</v>
      </c>
      <c r="L20" s="281">
        <v>2582</v>
      </c>
      <c r="M20" s="282">
        <v>2582</v>
      </c>
      <c r="N20" s="276">
        <v>0</v>
      </c>
      <c r="O20" s="280">
        <v>0</v>
      </c>
      <c r="P20" s="277">
        <v>0</v>
      </c>
      <c r="Q20" s="279">
        <v>0</v>
      </c>
      <c r="R20" s="280">
        <v>0</v>
      </c>
      <c r="S20" s="280">
        <v>2</v>
      </c>
      <c r="T20" s="280">
        <v>9</v>
      </c>
      <c r="U20" s="280">
        <v>17</v>
      </c>
      <c r="V20" s="280">
        <v>13</v>
      </c>
      <c r="W20" s="277">
        <v>41</v>
      </c>
      <c r="X20" s="282">
        <v>41</v>
      </c>
      <c r="Y20" s="276">
        <v>48</v>
      </c>
      <c r="Z20" s="280">
        <v>92</v>
      </c>
      <c r="AA20" s="277">
        <v>140</v>
      </c>
      <c r="AB20" s="279">
        <v>0</v>
      </c>
      <c r="AC20" s="280">
        <v>151</v>
      </c>
      <c r="AD20" s="280">
        <v>250</v>
      </c>
      <c r="AE20" s="280">
        <v>157</v>
      </c>
      <c r="AF20" s="280">
        <v>138</v>
      </c>
      <c r="AG20" s="280">
        <v>164</v>
      </c>
      <c r="AH20" s="277">
        <v>860</v>
      </c>
      <c r="AI20" s="282">
        <v>1000</v>
      </c>
      <c r="AJ20" s="276">
        <v>12</v>
      </c>
      <c r="AK20" s="280">
        <v>0</v>
      </c>
      <c r="AL20" s="277">
        <v>12</v>
      </c>
      <c r="AM20" s="279">
        <v>0</v>
      </c>
      <c r="AN20" s="280">
        <v>38</v>
      </c>
      <c r="AO20" s="280">
        <v>70</v>
      </c>
      <c r="AP20" s="280">
        <v>43</v>
      </c>
      <c r="AQ20" s="280">
        <v>69</v>
      </c>
      <c r="AR20" s="280">
        <v>0</v>
      </c>
      <c r="AS20" s="277">
        <v>220</v>
      </c>
      <c r="AT20" s="282">
        <v>232</v>
      </c>
      <c r="AU20" s="276">
        <v>0</v>
      </c>
      <c r="AV20" s="280">
        <v>0</v>
      </c>
      <c r="AW20" s="277">
        <v>0</v>
      </c>
      <c r="AX20" s="279">
        <v>0</v>
      </c>
      <c r="AY20" s="280">
        <v>268</v>
      </c>
      <c r="AZ20" s="280">
        <v>416</v>
      </c>
      <c r="BA20" s="280">
        <v>115</v>
      </c>
      <c r="BB20" s="280">
        <v>115</v>
      </c>
      <c r="BC20" s="280">
        <v>60</v>
      </c>
      <c r="BD20" s="281">
        <v>974</v>
      </c>
      <c r="BE20" s="282">
        <v>974</v>
      </c>
      <c r="BF20" s="276">
        <v>0</v>
      </c>
      <c r="BG20" s="280">
        <v>0</v>
      </c>
      <c r="BH20" s="277">
        <v>0</v>
      </c>
      <c r="BI20" s="279">
        <v>0</v>
      </c>
      <c r="BJ20" s="280">
        <v>54</v>
      </c>
      <c r="BK20" s="280">
        <v>88</v>
      </c>
      <c r="BL20" s="280">
        <v>55</v>
      </c>
      <c r="BM20" s="280">
        <v>51</v>
      </c>
      <c r="BN20" s="280">
        <v>14</v>
      </c>
      <c r="BO20" s="277">
        <v>262</v>
      </c>
      <c r="BP20" s="282">
        <v>262</v>
      </c>
      <c r="BQ20" s="276">
        <v>0</v>
      </c>
      <c r="BR20" s="280">
        <v>0</v>
      </c>
      <c r="BS20" s="277">
        <v>0</v>
      </c>
      <c r="BT20" s="279">
        <v>0</v>
      </c>
      <c r="BU20" s="280">
        <v>6</v>
      </c>
      <c r="BV20" s="280">
        <v>65</v>
      </c>
      <c r="BW20" s="280">
        <v>110</v>
      </c>
      <c r="BX20" s="280">
        <v>116</v>
      </c>
      <c r="BY20" s="280">
        <v>66</v>
      </c>
      <c r="BZ20" s="277">
        <v>363</v>
      </c>
      <c r="CA20" s="282">
        <v>363</v>
      </c>
      <c r="CB20" s="276">
        <v>0</v>
      </c>
      <c r="CC20" s="280">
        <v>0</v>
      </c>
      <c r="CD20" s="277">
        <v>0</v>
      </c>
      <c r="CE20" s="279">
        <v>0</v>
      </c>
      <c r="CF20" s="280">
        <v>0</v>
      </c>
      <c r="CG20" s="280">
        <v>0</v>
      </c>
      <c r="CH20" s="280">
        <v>3</v>
      </c>
      <c r="CI20" s="280">
        <v>0</v>
      </c>
      <c r="CJ20" s="280">
        <v>0</v>
      </c>
      <c r="CK20" s="277">
        <v>3</v>
      </c>
      <c r="CL20" s="282">
        <v>3</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18.75" customHeight="1" x14ac:dyDescent="0.2">
      <c r="B21" s="261" t="s">
        <v>19</v>
      </c>
      <c r="C21" s="276">
        <v>0</v>
      </c>
      <c r="D21" s="277">
        <v>0</v>
      </c>
      <c r="E21" s="278">
        <v>0</v>
      </c>
      <c r="F21" s="279">
        <v>0</v>
      </c>
      <c r="G21" s="280">
        <v>55</v>
      </c>
      <c r="H21" s="280">
        <v>87</v>
      </c>
      <c r="I21" s="280">
        <v>287</v>
      </c>
      <c r="J21" s="280">
        <v>77</v>
      </c>
      <c r="K21" s="280">
        <v>76</v>
      </c>
      <c r="L21" s="281">
        <v>582</v>
      </c>
      <c r="M21" s="282">
        <v>582</v>
      </c>
      <c r="N21" s="276">
        <v>0</v>
      </c>
      <c r="O21" s="280">
        <v>0</v>
      </c>
      <c r="P21" s="277">
        <v>0</v>
      </c>
      <c r="Q21" s="279">
        <v>0</v>
      </c>
      <c r="R21" s="280">
        <v>0</v>
      </c>
      <c r="S21" s="280">
        <v>0</v>
      </c>
      <c r="T21" s="280">
        <v>9</v>
      </c>
      <c r="U21" s="280">
        <v>7</v>
      </c>
      <c r="V21" s="280">
        <v>8</v>
      </c>
      <c r="W21" s="277">
        <v>24</v>
      </c>
      <c r="X21" s="282">
        <v>24</v>
      </c>
      <c r="Y21" s="276">
        <v>15</v>
      </c>
      <c r="Z21" s="280">
        <v>1</v>
      </c>
      <c r="AA21" s="277">
        <v>16</v>
      </c>
      <c r="AB21" s="279">
        <v>0</v>
      </c>
      <c r="AC21" s="280">
        <v>59</v>
      </c>
      <c r="AD21" s="280">
        <v>59</v>
      </c>
      <c r="AE21" s="280">
        <v>63</v>
      </c>
      <c r="AF21" s="280">
        <v>103</v>
      </c>
      <c r="AG21" s="280">
        <v>62</v>
      </c>
      <c r="AH21" s="277">
        <v>346</v>
      </c>
      <c r="AI21" s="282">
        <v>362</v>
      </c>
      <c r="AJ21" s="276">
        <v>0</v>
      </c>
      <c r="AK21" s="280">
        <v>0</v>
      </c>
      <c r="AL21" s="277">
        <v>0</v>
      </c>
      <c r="AM21" s="279">
        <v>0</v>
      </c>
      <c r="AN21" s="280">
        <v>49</v>
      </c>
      <c r="AO21" s="280">
        <v>0</v>
      </c>
      <c r="AP21" s="280">
        <v>27</v>
      </c>
      <c r="AQ21" s="280">
        <v>0</v>
      </c>
      <c r="AR21" s="280">
        <v>0</v>
      </c>
      <c r="AS21" s="277">
        <v>76</v>
      </c>
      <c r="AT21" s="282">
        <v>76</v>
      </c>
      <c r="AU21" s="276">
        <v>0</v>
      </c>
      <c r="AV21" s="280">
        <v>0</v>
      </c>
      <c r="AW21" s="277">
        <v>0</v>
      </c>
      <c r="AX21" s="279">
        <v>0</v>
      </c>
      <c r="AY21" s="280">
        <v>65</v>
      </c>
      <c r="AZ21" s="280">
        <v>45</v>
      </c>
      <c r="BA21" s="280">
        <v>65</v>
      </c>
      <c r="BB21" s="280">
        <v>53</v>
      </c>
      <c r="BC21" s="280">
        <v>22</v>
      </c>
      <c r="BD21" s="281">
        <v>250</v>
      </c>
      <c r="BE21" s="282">
        <v>250</v>
      </c>
      <c r="BF21" s="276">
        <v>0</v>
      </c>
      <c r="BG21" s="280">
        <v>0</v>
      </c>
      <c r="BH21" s="277">
        <v>0</v>
      </c>
      <c r="BI21" s="279">
        <v>0</v>
      </c>
      <c r="BJ21" s="280">
        <v>32</v>
      </c>
      <c r="BK21" s="280">
        <v>17</v>
      </c>
      <c r="BL21" s="280">
        <v>37</v>
      </c>
      <c r="BM21" s="280">
        <v>27</v>
      </c>
      <c r="BN21" s="280">
        <v>23</v>
      </c>
      <c r="BO21" s="277">
        <v>136</v>
      </c>
      <c r="BP21" s="282">
        <v>136</v>
      </c>
      <c r="BQ21" s="276">
        <v>0</v>
      </c>
      <c r="BR21" s="280">
        <v>3</v>
      </c>
      <c r="BS21" s="277">
        <v>3</v>
      </c>
      <c r="BT21" s="279">
        <v>0</v>
      </c>
      <c r="BU21" s="280">
        <v>0</v>
      </c>
      <c r="BV21" s="280">
        <v>5</v>
      </c>
      <c r="BW21" s="280">
        <v>19</v>
      </c>
      <c r="BX21" s="280">
        <v>0</v>
      </c>
      <c r="BY21" s="280">
        <v>1</v>
      </c>
      <c r="BZ21" s="277">
        <v>25</v>
      </c>
      <c r="CA21" s="282">
        <v>28</v>
      </c>
      <c r="CB21" s="276">
        <v>0</v>
      </c>
      <c r="CC21" s="280">
        <v>0</v>
      </c>
      <c r="CD21" s="277">
        <v>0</v>
      </c>
      <c r="CE21" s="279">
        <v>0</v>
      </c>
      <c r="CF21" s="280">
        <v>0</v>
      </c>
      <c r="CG21" s="280">
        <v>0</v>
      </c>
      <c r="CH21" s="280">
        <v>8</v>
      </c>
      <c r="CI21" s="280">
        <v>0</v>
      </c>
      <c r="CJ21" s="280">
        <v>0</v>
      </c>
      <c r="CK21" s="277">
        <v>8</v>
      </c>
      <c r="CL21" s="282">
        <v>8</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18.75" customHeight="1" x14ac:dyDescent="0.2">
      <c r="B22" s="261" t="s">
        <v>20</v>
      </c>
      <c r="C22" s="276">
        <v>0</v>
      </c>
      <c r="D22" s="277">
        <v>0</v>
      </c>
      <c r="E22" s="278">
        <v>0</v>
      </c>
      <c r="F22" s="279">
        <v>0</v>
      </c>
      <c r="G22" s="280">
        <v>174</v>
      </c>
      <c r="H22" s="280">
        <v>82</v>
      </c>
      <c r="I22" s="280">
        <v>199</v>
      </c>
      <c r="J22" s="280">
        <v>390</v>
      </c>
      <c r="K22" s="280">
        <v>75</v>
      </c>
      <c r="L22" s="281">
        <v>920</v>
      </c>
      <c r="M22" s="282">
        <v>920</v>
      </c>
      <c r="N22" s="276">
        <v>0</v>
      </c>
      <c r="O22" s="280">
        <v>0</v>
      </c>
      <c r="P22" s="277">
        <v>0</v>
      </c>
      <c r="Q22" s="279">
        <v>0</v>
      </c>
      <c r="R22" s="280">
        <v>0</v>
      </c>
      <c r="S22" s="280">
        <v>0</v>
      </c>
      <c r="T22" s="280">
        <v>0</v>
      </c>
      <c r="U22" s="280">
        <v>0</v>
      </c>
      <c r="V22" s="280">
        <v>22</v>
      </c>
      <c r="W22" s="277">
        <v>22</v>
      </c>
      <c r="X22" s="282">
        <v>22</v>
      </c>
      <c r="Y22" s="276">
        <v>4</v>
      </c>
      <c r="Z22" s="280">
        <v>44</v>
      </c>
      <c r="AA22" s="277">
        <v>48</v>
      </c>
      <c r="AB22" s="279">
        <v>0</v>
      </c>
      <c r="AC22" s="280">
        <v>167</v>
      </c>
      <c r="AD22" s="280">
        <v>114</v>
      </c>
      <c r="AE22" s="280">
        <v>96</v>
      </c>
      <c r="AF22" s="280">
        <v>28</v>
      </c>
      <c r="AG22" s="280">
        <v>15</v>
      </c>
      <c r="AH22" s="277">
        <v>420</v>
      </c>
      <c r="AI22" s="282">
        <v>468</v>
      </c>
      <c r="AJ22" s="276">
        <v>0</v>
      </c>
      <c r="AK22" s="280">
        <v>18</v>
      </c>
      <c r="AL22" s="277">
        <v>18</v>
      </c>
      <c r="AM22" s="279">
        <v>0</v>
      </c>
      <c r="AN22" s="280">
        <v>82</v>
      </c>
      <c r="AO22" s="280">
        <v>36</v>
      </c>
      <c r="AP22" s="280">
        <v>45</v>
      </c>
      <c r="AQ22" s="280">
        <v>18</v>
      </c>
      <c r="AR22" s="280">
        <v>8</v>
      </c>
      <c r="AS22" s="277">
        <v>189</v>
      </c>
      <c r="AT22" s="282">
        <v>207</v>
      </c>
      <c r="AU22" s="276">
        <v>0</v>
      </c>
      <c r="AV22" s="280">
        <v>0</v>
      </c>
      <c r="AW22" s="277">
        <v>0</v>
      </c>
      <c r="AX22" s="279">
        <v>0</v>
      </c>
      <c r="AY22" s="280">
        <v>59</v>
      </c>
      <c r="AZ22" s="280">
        <v>115</v>
      </c>
      <c r="BA22" s="280">
        <v>85</v>
      </c>
      <c r="BB22" s="280">
        <v>48</v>
      </c>
      <c r="BC22" s="280">
        <v>34</v>
      </c>
      <c r="BD22" s="281">
        <v>341</v>
      </c>
      <c r="BE22" s="282">
        <v>341</v>
      </c>
      <c r="BF22" s="276">
        <v>0</v>
      </c>
      <c r="BG22" s="280">
        <v>0</v>
      </c>
      <c r="BH22" s="277">
        <v>0</v>
      </c>
      <c r="BI22" s="279">
        <v>0</v>
      </c>
      <c r="BJ22" s="280">
        <v>79</v>
      </c>
      <c r="BK22" s="280">
        <v>63</v>
      </c>
      <c r="BL22" s="280">
        <v>57</v>
      </c>
      <c r="BM22" s="280">
        <v>17</v>
      </c>
      <c r="BN22" s="280">
        <v>34</v>
      </c>
      <c r="BO22" s="277">
        <v>250</v>
      </c>
      <c r="BP22" s="282">
        <v>250</v>
      </c>
      <c r="BQ22" s="276">
        <v>0</v>
      </c>
      <c r="BR22" s="280">
        <v>0</v>
      </c>
      <c r="BS22" s="277">
        <v>0</v>
      </c>
      <c r="BT22" s="279">
        <v>0</v>
      </c>
      <c r="BU22" s="280">
        <v>90</v>
      </c>
      <c r="BV22" s="280">
        <v>8</v>
      </c>
      <c r="BW22" s="280">
        <v>43</v>
      </c>
      <c r="BX22" s="280">
        <v>36</v>
      </c>
      <c r="BY22" s="280">
        <v>0</v>
      </c>
      <c r="BZ22" s="277">
        <v>177</v>
      </c>
      <c r="CA22" s="282">
        <v>177</v>
      </c>
      <c r="CB22" s="276">
        <v>0</v>
      </c>
      <c r="CC22" s="280">
        <v>0</v>
      </c>
      <c r="CD22" s="277">
        <v>0</v>
      </c>
      <c r="CE22" s="279">
        <v>0</v>
      </c>
      <c r="CF22" s="280">
        <v>0</v>
      </c>
      <c r="CG22" s="280">
        <v>2</v>
      </c>
      <c r="CH22" s="280">
        <v>9</v>
      </c>
      <c r="CI22" s="280">
        <v>0</v>
      </c>
      <c r="CJ22" s="280">
        <v>0</v>
      </c>
      <c r="CK22" s="277">
        <v>11</v>
      </c>
      <c r="CL22" s="282">
        <v>11</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18.75" customHeight="1" x14ac:dyDescent="0.2">
      <c r="B23" s="261" t="s">
        <v>21</v>
      </c>
      <c r="C23" s="276">
        <v>0</v>
      </c>
      <c r="D23" s="277">
        <v>0</v>
      </c>
      <c r="E23" s="278">
        <v>0</v>
      </c>
      <c r="F23" s="279">
        <v>0</v>
      </c>
      <c r="G23" s="280">
        <v>138</v>
      </c>
      <c r="H23" s="280">
        <v>210</v>
      </c>
      <c r="I23" s="280">
        <v>143</v>
      </c>
      <c r="J23" s="280">
        <v>370</v>
      </c>
      <c r="K23" s="280">
        <v>174</v>
      </c>
      <c r="L23" s="281">
        <v>1035</v>
      </c>
      <c r="M23" s="282">
        <v>1035</v>
      </c>
      <c r="N23" s="276">
        <v>0</v>
      </c>
      <c r="O23" s="280">
        <v>0</v>
      </c>
      <c r="P23" s="277">
        <v>0</v>
      </c>
      <c r="Q23" s="279">
        <v>0</v>
      </c>
      <c r="R23" s="280">
        <v>0</v>
      </c>
      <c r="S23" s="280">
        <v>2</v>
      </c>
      <c r="T23" s="280">
        <v>5</v>
      </c>
      <c r="U23" s="280">
        <v>17</v>
      </c>
      <c r="V23" s="280">
        <v>7</v>
      </c>
      <c r="W23" s="277">
        <v>31</v>
      </c>
      <c r="X23" s="282">
        <v>31</v>
      </c>
      <c r="Y23" s="276">
        <v>24</v>
      </c>
      <c r="Z23" s="280">
        <v>0</v>
      </c>
      <c r="AA23" s="277">
        <v>24</v>
      </c>
      <c r="AB23" s="279">
        <v>0</v>
      </c>
      <c r="AC23" s="280">
        <v>91</v>
      </c>
      <c r="AD23" s="280">
        <v>133</v>
      </c>
      <c r="AE23" s="280">
        <v>39</v>
      </c>
      <c r="AF23" s="280">
        <v>65</v>
      </c>
      <c r="AG23" s="280">
        <v>53</v>
      </c>
      <c r="AH23" s="277">
        <v>381</v>
      </c>
      <c r="AI23" s="282">
        <v>405</v>
      </c>
      <c r="AJ23" s="276">
        <v>8</v>
      </c>
      <c r="AK23" s="280">
        <v>0</v>
      </c>
      <c r="AL23" s="277">
        <v>8</v>
      </c>
      <c r="AM23" s="279">
        <v>0</v>
      </c>
      <c r="AN23" s="280">
        <v>0</v>
      </c>
      <c r="AO23" s="280">
        <v>24</v>
      </c>
      <c r="AP23" s="280">
        <v>10</v>
      </c>
      <c r="AQ23" s="280">
        <v>28</v>
      </c>
      <c r="AR23" s="280">
        <v>12</v>
      </c>
      <c r="AS23" s="277">
        <v>74</v>
      </c>
      <c r="AT23" s="282">
        <v>82</v>
      </c>
      <c r="AU23" s="276">
        <v>0</v>
      </c>
      <c r="AV23" s="280">
        <v>0</v>
      </c>
      <c r="AW23" s="277">
        <v>0</v>
      </c>
      <c r="AX23" s="279">
        <v>0</v>
      </c>
      <c r="AY23" s="280">
        <v>130</v>
      </c>
      <c r="AZ23" s="280">
        <v>109</v>
      </c>
      <c r="BA23" s="280">
        <v>55</v>
      </c>
      <c r="BB23" s="280">
        <v>35</v>
      </c>
      <c r="BC23" s="280">
        <v>6</v>
      </c>
      <c r="BD23" s="281">
        <v>335</v>
      </c>
      <c r="BE23" s="282">
        <v>335</v>
      </c>
      <c r="BF23" s="276">
        <v>0</v>
      </c>
      <c r="BG23" s="280">
        <v>0</v>
      </c>
      <c r="BH23" s="277">
        <v>0</v>
      </c>
      <c r="BI23" s="279">
        <v>0</v>
      </c>
      <c r="BJ23" s="280">
        <v>2</v>
      </c>
      <c r="BK23" s="280">
        <v>23</v>
      </c>
      <c r="BL23" s="280">
        <v>4</v>
      </c>
      <c r="BM23" s="280">
        <v>1</v>
      </c>
      <c r="BN23" s="280">
        <v>13</v>
      </c>
      <c r="BO23" s="277">
        <v>43</v>
      </c>
      <c r="BP23" s="282">
        <v>43</v>
      </c>
      <c r="BQ23" s="276">
        <v>6</v>
      </c>
      <c r="BR23" s="280">
        <v>0</v>
      </c>
      <c r="BS23" s="277">
        <v>6</v>
      </c>
      <c r="BT23" s="279">
        <v>0</v>
      </c>
      <c r="BU23" s="280">
        <v>5</v>
      </c>
      <c r="BV23" s="280">
        <v>8</v>
      </c>
      <c r="BW23" s="280">
        <v>88</v>
      </c>
      <c r="BX23" s="280">
        <v>16</v>
      </c>
      <c r="BY23" s="280">
        <v>12</v>
      </c>
      <c r="BZ23" s="277">
        <v>129</v>
      </c>
      <c r="CA23" s="282">
        <v>135</v>
      </c>
      <c r="CB23" s="276">
        <v>0</v>
      </c>
      <c r="CC23" s="280">
        <v>0</v>
      </c>
      <c r="CD23" s="277">
        <v>0</v>
      </c>
      <c r="CE23" s="279">
        <v>0</v>
      </c>
      <c r="CF23" s="280">
        <v>0</v>
      </c>
      <c r="CG23" s="280">
        <v>13</v>
      </c>
      <c r="CH23" s="280">
        <v>0</v>
      </c>
      <c r="CI23" s="280">
        <v>3</v>
      </c>
      <c r="CJ23" s="280">
        <v>0</v>
      </c>
      <c r="CK23" s="277">
        <v>16</v>
      </c>
      <c r="CL23" s="282">
        <v>16</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18.75" customHeight="1" x14ac:dyDescent="0.2">
      <c r="B24" s="261" t="s">
        <v>22</v>
      </c>
      <c r="C24" s="276">
        <v>0</v>
      </c>
      <c r="D24" s="277">
        <v>0</v>
      </c>
      <c r="E24" s="278">
        <v>0</v>
      </c>
      <c r="F24" s="279">
        <v>0</v>
      </c>
      <c r="G24" s="280">
        <v>46</v>
      </c>
      <c r="H24" s="280">
        <v>19</v>
      </c>
      <c r="I24" s="280">
        <v>9</v>
      </c>
      <c r="J24" s="280">
        <v>0</v>
      </c>
      <c r="K24" s="280">
        <v>257</v>
      </c>
      <c r="L24" s="281">
        <v>331</v>
      </c>
      <c r="M24" s="282">
        <v>331</v>
      </c>
      <c r="N24" s="276">
        <v>0</v>
      </c>
      <c r="O24" s="280">
        <v>0</v>
      </c>
      <c r="P24" s="277">
        <v>0</v>
      </c>
      <c r="Q24" s="279">
        <v>0</v>
      </c>
      <c r="R24" s="280">
        <v>0</v>
      </c>
      <c r="S24" s="280">
        <v>0</v>
      </c>
      <c r="T24" s="280">
        <v>0</v>
      </c>
      <c r="U24" s="280">
        <v>3</v>
      </c>
      <c r="V24" s="280">
        <v>43</v>
      </c>
      <c r="W24" s="277">
        <v>46</v>
      </c>
      <c r="X24" s="282">
        <v>46</v>
      </c>
      <c r="Y24" s="276">
        <v>2</v>
      </c>
      <c r="Z24" s="280">
        <v>4</v>
      </c>
      <c r="AA24" s="277">
        <v>6</v>
      </c>
      <c r="AB24" s="279">
        <v>0</v>
      </c>
      <c r="AC24" s="280">
        <v>7</v>
      </c>
      <c r="AD24" s="280">
        <v>27</v>
      </c>
      <c r="AE24" s="280">
        <v>1</v>
      </c>
      <c r="AF24" s="280">
        <v>20</v>
      </c>
      <c r="AG24" s="280">
        <v>128</v>
      </c>
      <c r="AH24" s="277">
        <v>183</v>
      </c>
      <c r="AI24" s="282">
        <v>189</v>
      </c>
      <c r="AJ24" s="276">
        <v>0</v>
      </c>
      <c r="AK24" s="280">
        <v>0</v>
      </c>
      <c r="AL24" s="277">
        <v>0</v>
      </c>
      <c r="AM24" s="279">
        <v>0</v>
      </c>
      <c r="AN24" s="280">
        <v>39</v>
      </c>
      <c r="AO24" s="280">
        <v>27</v>
      </c>
      <c r="AP24" s="280">
        <v>0</v>
      </c>
      <c r="AQ24" s="280">
        <v>29</v>
      </c>
      <c r="AR24" s="280">
        <v>0</v>
      </c>
      <c r="AS24" s="277">
        <v>95</v>
      </c>
      <c r="AT24" s="282">
        <v>95</v>
      </c>
      <c r="AU24" s="276">
        <v>0</v>
      </c>
      <c r="AV24" s="280">
        <v>0</v>
      </c>
      <c r="AW24" s="277">
        <v>0</v>
      </c>
      <c r="AX24" s="279">
        <v>0</v>
      </c>
      <c r="AY24" s="280">
        <v>118</v>
      </c>
      <c r="AZ24" s="280">
        <v>25</v>
      </c>
      <c r="BA24" s="280">
        <v>14</v>
      </c>
      <c r="BB24" s="280">
        <v>46</v>
      </c>
      <c r="BC24" s="280">
        <v>17</v>
      </c>
      <c r="BD24" s="281">
        <v>220</v>
      </c>
      <c r="BE24" s="282">
        <v>220</v>
      </c>
      <c r="BF24" s="276">
        <v>0</v>
      </c>
      <c r="BG24" s="280">
        <v>0</v>
      </c>
      <c r="BH24" s="277">
        <v>0</v>
      </c>
      <c r="BI24" s="279">
        <v>0</v>
      </c>
      <c r="BJ24" s="280">
        <v>4</v>
      </c>
      <c r="BK24" s="280">
        <v>0</v>
      </c>
      <c r="BL24" s="280">
        <v>0</v>
      </c>
      <c r="BM24" s="280">
        <v>8</v>
      </c>
      <c r="BN24" s="280">
        <v>0</v>
      </c>
      <c r="BO24" s="277">
        <v>12</v>
      </c>
      <c r="BP24" s="282">
        <v>12</v>
      </c>
      <c r="BQ24" s="276">
        <v>2</v>
      </c>
      <c r="BR24" s="280">
        <v>0</v>
      </c>
      <c r="BS24" s="277">
        <v>2</v>
      </c>
      <c r="BT24" s="279">
        <v>0</v>
      </c>
      <c r="BU24" s="280">
        <v>11</v>
      </c>
      <c r="BV24" s="280">
        <v>6</v>
      </c>
      <c r="BW24" s="280">
        <v>17</v>
      </c>
      <c r="BX24" s="280">
        <v>6</v>
      </c>
      <c r="BY24" s="280">
        <v>0</v>
      </c>
      <c r="BZ24" s="277">
        <v>40</v>
      </c>
      <c r="CA24" s="282">
        <v>42</v>
      </c>
      <c r="CB24" s="276">
        <v>0</v>
      </c>
      <c r="CC24" s="280">
        <v>0</v>
      </c>
      <c r="CD24" s="277">
        <v>0</v>
      </c>
      <c r="CE24" s="279">
        <v>0</v>
      </c>
      <c r="CF24" s="280">
        <v>0</v>
      </c>
      <c r="CG24" s="280">
        <v>3</v>
      </c>
      <c r="CH24" s="280">
        <v>0</v>
      </c>
      <c r="CI24" s="280">
        <v>0</v>
      </c>
      <c r="CJ24" s="280">
        <v>0</v>
      </c>
      <c r="CK24" s="277">
        <v>3</v>
      </c>
      <c r="CL24" s="282">
        <v>3</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18.75" customHeight="1" x14ac:dyDescent="0.2">
      <c r="B25" s="261" t="s">
        <v>23</v>
      </c>
      <c r="C25" s="276">
        <v>0</v>
      </c>
      <c r="D25" s="277">
        <v>0</v>
      </c>
      <c r="E25" s="278">
        <v>0</v>
      </c>
      <c r="F25" s="279">
        <v>0</v>
      </c>
      <c r="G25" s="280">
        <v>4</v>
      </c>
      <c r="H25" s="280">
        <v>103</v>
      </c>
      <c r="I25" s="280">
        <v>162</v>
      </c>
      <c r="J25" s="280">
        <v>12</v>
      </c>
      <c r="K25" s="280">
        <v>0</v>
      </c>
      <c r="L25" s="281">
        <v>281</v>
      </c>
      <c r="M25" s="282">
        <v>281</v>
      </c>
      <c r="N25" s="276">
        <v>0</v>
      </c>
      <c r="O25" s="280">
        <v>0</v>
      </c>
      <c r="P25" s="277">
        <v>0</v>
      </c>
      <c r="Q25" s="279">
        <v>0</v>
      </c>
      <c r="R25" s="280">
        <v>0</v>
      </c>
      <c r="S25" s="280">
        <v>0</v>
      </c>
      <c r="T25" s="280">
        <v>9</v>
      </c>
      <c r="U25" s="280">
        <v>7</v>
      </c>
      <c r="V25" s="280">
        <v>0</v>
      </c>
      <c r="W25" s="277">
        <v>16</v>
      </c>
      <c r="X25" s="282">
        <v>16</v>
      </c>
      <c r="Y25" s="276">
        <v>23</v>
      </c>
      <c r="Z25" s="280">
        <v>8</v>
      </c>
      <c r="AA25" s="277">
        <v>31</v>
      </c>
      <c r="AB25" s="279">
        <v>0</v>
      </c>
      <c r="AC25" s="280">
        <v>48</v>
      </c>
      <c r="AD25" s="280">
        <v>56</v>
      </c>
      <c r="AE25" s="280">
        <v>90</v>
      </c>
      <c r="AF25" s="280">
        <v>27</v>
      </c>
      <c r="AG25" s="280">
        <v>0</v>
      </c>
      <c r="AH25" s="277">
        <v>221</v>
      </c>
      <c r="AI25" s="282">
        <v>252</v>
      </c>
      <c r="AJ25" s="276">
        <v>0</v>
      </c>
      <c r="AK25" s="280">
        <v>9</v>
      </c>
      <c r="AL25" s="277">
        <v>9</v>
      </c>
      <c r="AM25" s="279">
        <v>0</v>
      </c>
      <c r="AN25" s="280">
        <v>0</v>
      </c>
      <c r="AO25" s="280">
        <v>84</v>
      </c>
      <c r="AP25" s="280">
        <v>8</v>
      </c>
      <c r="AQ25" s="280">
        <v>0</v>
      </c>
      <c r="AR25" s="280">
        <v>0</v>
      </c>
      <c r="AS25" s="277">
        <v>92</v>
      </c>
      <c r="AT25" s="282">
        <v>101</v>
      </c>
      <c r="AU25" s="276">
        <v>0</v>
      </c>
      <c r="AV25" s="280">
        <v>0</v>
      </c>
      <c r="AW25" s="277">
        <v>0</v>
      </c>
      <c r="AX25" s="279">
        <v>0</v>
      </c>
      <c r="AY25" s="280">
        <v>74</v>
      </c>
      <c r="AZ25" s="280">
        <v>135</v>
      </c>
      <c r="BA25" s="280">
        <v>16</v>
      </c>
      <c r="BB25" s="280">
        <v>63</v>
      </c>
      <c r="BC25" s="280">
        <v>0</v>
      </c>
      <c r="BD25" s="281">
        <v>288</v>
      </c>
      <c r="BE25" s="282">
        <v>288</v>
      </c>
      <c r="BF25" s="276">
        <v>0</v>
      </c>
      <c r="BG25" s="280">
        <v>0</v>
      </c>
      <c r="BH25" s="277">
        <v>0</v>
      </c>
      <c r="BI25" s="279">
        <v>0</v>
      </c>
      <c r="BJ25" s="280">
        <v>15</v>
      </c>
      <c r="BK25" s="280">
        <v>16</v>
      </c>
      <c r="BL25" s="280">
        <v>60</v>
      </c>
      <c r="BM25" s="280">
        <v>29</v>
      </c>
      <c r="BN25" s="280">
        <v>0</v>
      </c>
      <c r="BO25" s="277">
        <v>120</v>
      </c>
      <c r="BP25" s="282">
        <v>120</v>
      </c>
      <c r="BQ25" s="276">
        <v>0</v>
      </c>
      <c r="BR25" s="280">
        <v>0</v>
      </c>
      <c r="BS25" s="277">
        <v>0</v>
      </c>
      <c r="BT25" s="279">
        <v>0</v>
      </c>
      <c r="BU25" s="280">
        <v>9</v>
      </c>
      <c r="BV25" s="280">
        <v>5</v>
      </c>
      <c r="BW25" s="280">
        <v>42</v>
      </c>
      <c r="BX25" s="280">
        <v>12</v>
      </c>
      <c r="BY25" s="280">
        <v>15</v>
      </c>
      <c r="BZ25" s="277">
        <v>83</v>
      </c>
      <c r="CA25" s="282">
        <v>83</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18.75" customHeight="1" x14ac:dyDescent="0.2">
      <c r="B26" s="261" t="s">
        <v>24</v>
      </c>
      <c r="C26" s="276">
        <v>0</v>
      </c>
      <c r="D26" s="277">
        <v>0</v>
      </c>
      <c r="E26" s="278">
        <v>0</v>
      </c>
      <c r="F26" s="279">
        <v>0</v>
      </c>
      <c r="G26" s="280">
        <v>88</v>
      </c>
      <c r="H26" s="280">
        <v>53</v>
      </c>
      <c r="I26" s="280">
        <v>51</v>
      </c>
      <c r="J26" s="280">
        <v>309</v>
      </c>
      <c r="K26" s="280">
        <v>267</v>
      </c>
      <c r="L26" s="281">
        <v>768</v>
      </c>
      <c r="M26" s="282">
        <v>768</v>
      </c>
      <c r="N26" s="276">
        <v>0</v>
      </c>
      <c r="O26" s="280">
        <v>0</v>
      </c>
      <c r="P26" s="277">
        <v>0</v>
      </c>
      <c r="Q26" s="279">
        <v>0</v>
      </c>
      <c r="R26" s="280">
        <v>0</v>
      </c>
      <c r="S26" s="280">
        <v>0</v>
      </c>
      <c r="T26" s="280">
        <v>0</v>
      </c>
      <c r="U26" s="280">
        <v>0</v>
      </c>
      <c r="V26" s="280">
        <v>17</v>
      </c>
      <c r="W26" s="277">
        <v>17</v>
      </c>
      <c r="X26" s="282">
        <v>17</v>
      </c>
      <c r="Y26" s="276">
        <v>0</v>
      </c>
      <c r="Z26" s="280">
        <v>8</v>
      </c>
      <c r="AA26" s="277">
        <v>8</v>
      </c>
      <c r="AB26" s="279">
        <v>0</v>
      </c>
      <c r="AC26" s="280">
        <v>55</v>
      </c>
      <c r="AD26" s="280">
        <v>17</v>
      </c>
      <c r="AE26" s="280">
        <v>72</v>
      </c>
      <c r="AF26" s="280">
        <v>29</v>
      </c>
      <c r="AG26" s="280">
        <v>59</v>
      </c>
      <c r="AH26" s="277">
        <v>232</v>
      </c>
      <c r="AI26" s="282">
        <v>240</v>
      </c>
      <c r="AJ26" s="276">
        <v>0</v>
      </c>
      <c r="AK26" s="280">
        <v>0</v>
      </c>
      <c r="AL26" s="277">
        <v>0</v>
      </c>
      <c r="AM26" s="279">
        <v>0</v>
      </c>
      <c r="AN26" s="280">
        <v>0</v>
      </c>
      <c r="AO26" s="280">
        <v>0</v>
      </c>
      <c r="AP26" s="280">
        <v>0</v>
      </c>
      <c r="AQ26" s="280">
        <v>0</v>
      </c>
      <c r="AR26" s="280">
        <v>14</v>
      </c>
      <c r="AS26" s="277">
        <v>14</v>
      </c>
      <c r="AT26" s="282">
        <v>14</v>
      </c>
      <c r="AU26" s="276">
        <v>0</v>
      </c>
      <c r="AV26" s="280">
        <v>0</v>
      </c>
      <c r="AW26" s="277">
        <v>0</v>
      </c>
      <c r="AX26" s="279">
        <v>0</v>
      </c>
      <c r="AY26" s="280">
        <v>50</v>
      </c>
      <c r="AZ26" s="280">
        <v>62</v>
      </c>
      <c r="BA26" s="280">
        <v>12</v>
      </c>
      <c r="BB26" s="280">
        <v>6</v>
      </c>
      <c r="BC26" s="280">
        <v>9</v>
      </c>
      <c r="BD26" s="281">
        <v>139</v>
      </c>
      <c r="BE26" s="282">
        <v>139</v>
      </c>
      <c r="BF26" s="276">
        <v>0</v>
      </c>
      <c r="BG26" s="280">
        <v>0</v>
      </c>
      <c r="BH26" s="277">
        <v>0</v>
      </c>
      <c r="BI26" s="279">
        <v>0</v>
      </c>
      <c r="BJ26" s="280">
        <v>44</v>
      </c>
      <c r="BK26" s="280">
        <v>32</v>
      </c>
      <c r="BL26" s="280">
        <v>0</v>
      </c>
      <c r="BM26" s="280">
        <v>8</v>
      </c>
      <c r="BN26" s="280">
        <v>13</v>
      </c>
      <c r="BO26" s="277">
        <v>97</v>
      </c>
      <c r="BP26" s="282">
        <v>97</v>
      </c>
      <c r="BQ26" s="276">
        <v>0</v>
      </c>
      <c r="BR26" s="280">
        <v>0</v>
      </c>
      <c r="BS26" s="277">
        <v>0</v>
      </c>
      <c r="BT26" s="279">
        <v>0</v>
      </c>
      <c r="BU26" s="280">
        <v>0</v>
      </c>
      <c r="BV26" s="280">
        <v>0</v>
      </c>
      <c r="BW26" s="280">
        <v>2</v>
      </c>
      <c r="BX26" s="280">
        <v>1</v>
      </c>
      <c r="BY26" s="280">
        <v>7</v>
      </c>
      <c r="BZ26" s="277">
        <v>10</v>
      </c>
      <c r="CA26" s="282">
        <v>1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18.75" customHeight="1" x14ac:dyDescent="0.2">
      <c r="B27" s="261" t="s">
        <v>25</v>
      </c>
      <c r="C27" s="276">
        <v>0</v>
      </c>
      <c r="D27" s="277">
        <v>0</v>
      </c>
      <c r="E27" s="278">
        <v>0</v>
      </c>
      <c r="F27" s="279">
        <v>0</v>
      </c>
      <c r="G27" s="280">
        <v>45</v>
      </c>
      <c r="H27" s="280">
        <v>10</v>
      </c>
      <c r="I27" s="280">
        <v>21</v>
      </c>
      <c r="J27" s="280">
        <v>0</v>
      </c>
      <c r="K27" s="280">
        <v>12</v>
      </c>
      <c r="L27" s="281">
        <v>88</v>
      </c>
      <c r="M27" s="282">
        <v>88</v>
      </c>
      <c r="N27" s="276">
        <v>0</v>
      </c>
      <c r="O27" s="280">
        <v>0</v>
      </c>
      <c r="P27" s="277">
        <v>0</v>
      </c>
      <c r="Q27" s="279">
        <v>0</v>
      </c>
      <c r="R27" s="280">
        <v>0</v>
      </c>
      <c r="S27" s="280">
        <v>0</v>
      </c>
      <c r="T27" s="280">
        <v>0</v>
      </c>
      <c r="U27" s="280">
        <v>9</v>
      </c>
      <c r="V27" s="280">
        <v>38</v>
      </c>
      <c r="W27" s="277">
        <v>47</v>
      </c>
      <c r="X27" s="282">
        <v>47</v>
      </c>
      <c r="Y27" s="276">
        <v>5</v>
      </c>
      <c r="Z27" s="280">
        <v>11</v>
      </c>
      <c r="AA27" s="277">
        <v>16</v>
      </c>
      <c r="AB27" s="279">
        <v>0</v>
      </c>
      <c r="AC27" s="280">
        <v>32</v>
      </c>
      <c r="AD27" s="280">
        <v>25</v>
      </c>
      <c r="AE27" s="280">
        <v>13</v>
      </c>
      <c r="AF27" s="280">
        <v>3</v>
      </c>
      <c r="AG27" s="280">
        <v>35</v>
      </c>
      <c r="AH27" s="277">
        <v>108</v>
      </c>
      <c r="AI27" s="282">
        <v>124</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75</v>
      </c>
      <c r="AZ27" s="280">
        <v>34</v>
      </c>
      <c r="BA27" s="280">
        <v>19</v>
      </c>
      <c r="BB27" s="280">
        <v>0</v>
      </c>
      <c r="BC27" s="280">
        <v>0</v>
      </c>
      <c r="BD27" s="281">
        <v>128</v>
      </c>
      <c r="BE27" s="282">
        <v>128</v>
      </c>
      <c r="BF27" s="276">
        <v>0</v>
      </c>
      <c r="BG27" s="280">
        <v>0</v>
      </c>
      <c r="BH27" s="277">
        <v>0</v>
      </c>
      <c r="BI27" s="279">
        <v>0</v>
      </c>
      <c r="BJ27" s="280">
        <v>12</v>
      </c>
      <c r="BK27" s="280">
        <v>43</v>
      </c>
      <c r="BL27" s="280">
        <v>8</v>
      </c>
      <c r="BM27" s="280">
        <v>10</v>
      </c>
      <c r="BN27" s="280">
        <v>15</v>
      </c>
      <c r="BO27" s="277">
        <v>88</v>
      </c>
      <c r="BP27" s="282">
        <v>88</v>
      </c>
      <c r="BQ27" s="276">
        <v>0</v>
      </c>
      <c r="BR27" s="280">
        <v>0</v>
      </c>
      <c r="BS27" s="277">
        <v>0</v>
      </c>
      <c r="BT27" s="279">
        <v>0</v>
      </c>
      <c r="BU27" s="280">
        <v>7</v>
      </c>
      <c r="BV27" s="280">
        <v>2</v>
      </c>
      <c r="BW27" s="280">
        <v>11</v>
      </c>
      <c r="BX27" s="280">
        <v>0</v>
      </c>
      <c r="BY27" s="280">
        <v>0</v>
      </c>
      <c r="BZ27" s="277">
        <v>20</v>
      </c>
      <c r="CA27" s="282">
        <v>20</v>
      </c>
      <c r="CB27" s="276">
        <v>0</v>
      </c>
      <c r="CC27" s="280">
        <v>0</v>
      </c>
      <c r="CD27" s="277">
        <v>0</v>
      </c>
      <c r="CE27" s="279">
        <v>0</v>
      </c>
      <c r="CF27" s="280">
        <v>4</v>
      </c>
      <c r="CG27" s="280">
        <v>0</v>
      </c>
      <c r="CH27" s="280">
        <v>0</v>
      </c>
      <c r="CI27" s="280">
        <v>0</v>
      </c>
      <c r="CJ27" s="280">
        <v>0</v>
      </c>
      <c r="CK27" s="277">
        <v>4</v>
      </c>
      <c r="CL27" s="282">
        <v>4</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18.75" customHeight="1" x14ac:dyDescent="0.2">
      <c r="B28" s="261" t="s">
        <v>26</v>
      </c>
      <c r="C28" s="276">
        <v>0</v>
      </c>
      <c r="D28" s="277">
        <v>0</v>
      </c>
      <c r="E28" s="278">
        <v>0</v>
      </c>
      <c r="F28" s="279">
        <v>0</v>
      </c>
      <c r="G28" s="280">
        <v>15</v>
      </c>
      <c r="H28" s="280">
        <v>7</v>
      </c>
      <c r="I28" s="280">
        <v>93</v>
      </c>
      <c r="J28" s="280">
        <v>94</v>
      </c>
      <c r="K28" s="280">
        <v>95</v>
      </c>
      <c r="L28" s="281">
        <v>304</v>
      </c>
      <c r="M28" s="282">
        <v>304</v>
      </c>
      <c r="N28" s="276">
        <v>0</v>
      </c>
      <c r="O28" s="280">
        <v>0</v>
      </c>
      <c r="P28" s="277">
        <v>0</v>
      </c>
      <c r="Q28" s="279">
        <v>0</v>
      </c>
      <c r="R28" s="280">
        <v>0</v>
      </c>
      <c r="S28" s="280">
        <v>0</v>
      </c>
      <c r="T28" s="280">
        <v>4</v>
      </c>
      <c r="U28" s="280">
        <v>0</v>
      </c>
      <c r="V28" s="280">
        <v>5</v>
      </c>
      <c r="W28" s="277">
        <v>9</v>
      </c>
      <c r="X28" s="282">
        <v>9</v>
      </c>
      <c r="Y28" s="276">
        <v>0</v>
      </c>
      <c r="Z28" s="280">
        <v>20</v>
      </c>
      <c r="AA28" s="277">
        <v>20</v>
      </c>
      <c r="AB28" s="279">
        <v>0</v>
      </c>
      <c r="AC28" s="280">
        <v>11</v>
      </c>
      <c r="AD28" s="280">
        <v>50</v>
      </c>
      <c r="AE28" s="280">
        <v>25</v>
      </c>
      <c r="AF28" s="280">
        <v>14</v>
      </c>
      <c r="AG28" s="280">
        <v>29</v>
      </c>
      <c r="AH28" s="277">
        <v>129</v>
      </c>
      <c r="AI28" s="282">
        <v>149</v>
      </c>
      <c r="AJ28" s="276">
        <v>0</v>
      </c>
      <c r="AK28" s="280">
        <v>0</v>
      </c>
      <c r="AL28" s="277">
        <v>0</v>
      </c>
      <c r="AM28" s="279">
        <v>0</v>
      </c>
      <c r="AN28" s="280">
        <v>0</v>
      </c>
      <c r="AO28" s="280">
        <v>0</v>
      </c>
      <c r="AP28" s="280">
        <v>27</v>
      </c>
      <c r="AQ28" s="280">
        <v>0</v>
      </c>
      <c r="AR28" s="280">
        <v>0</v>
      </c>
      <c r="AS28" s="277">
        <v>27</v>
      </c>
      <c r="AT28" s="282">
        <v>27</v>
      </c>
      <c r="AU28" s="276">
        <v>0</v>
      </c>
      <c r="AV28" s="280">
        <v>0</v>
      </c>
      <c r="AW28" s="277">
        <v>0</v>
      </c>
      <c r="AX28" s="279">
        <v>0</v>
      </c>
      <c r="AY28" s="280">
        <v>58</v>
      </c>
      <c r="AZ28" s="280">
        <v>13</v>
      </c>
      <c r="BA28" s="280">
        <v>12</v>
      </c>
      <c r="BB28" s="280">
        <v>0</v>
      </c>
      <c r="BC28" s="280">
        <v>0</v>
      </c>
      <c r="BD28" s="281">
        <v>83</v>
      </c>
      <c r="BE28" s="282">
        <v>83</v>
      </c>
      <c r="BF28" s="276">
        <v>0</v>
      </c>
      <c r="BG28" s="280">
        <v>0</v>
      </c>
      <c r="BH28" s="277">
        <v>0</v>
      </c>
      <c r="BI28" s="279">
        <v>0</v>
      </c>
      <c r="BJ28" s="280">
        <v>21</v>
      </c>
      <c r="BK28" s="280">
        <v>36</v>
      </c>
      <c r="BL28" s="280">
        <v>6</v>
      </c>
      <c r="BM28" s="280">
        <v>0</v>
      </c>
      <c r="BN28" s="280">
        <v>0</v>
      </c>
      <c r="BO28" s="277">
        <v>63</v>
      </c>
      <c r="BP28" s="282">
        <v>63</v>
      </c>
      <c r="BQ28" s="276">
        <v>0</v>
      </c>
      <c r="BR28" s="280">
        <v>0</v>
      </c>
      <c r="BS28" s="277">
        <v>0</v>
      </c>
      <c r="BT28" s="279">
        <v>0</v>
      </c>
      <c r="BU28" s="280">
        <v>0</v>
      </c>
      <c r="BV28" s="280">
        <v>0</v>
      </c>
      <c r="BW28" s="280">
        <v>14</v>
      </c>
      <c r="BX28" s="280">
        <v>0</v>
      </c>
      <c r="BY28" s="280">
        <v>0</v>
      </c>
      <c r="BZ28" s="277">
        <v>14</v>
      </c>
      <c r="CA28" s="282">
        <v>14</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18.75" customHeight="1" x14ac:dyDescent="0.2">
      <c r="B29" s="261" t="s">
        <v>27</v>
      </c>
      <c r="C29" s="276">
        <v>0</v>
      </c>
      <c r="D29" s="277">
        <v>0</v>
      </c>
      <c r="E29" s="278">
        <v>0</v>
      </c>
      <c r="F29" s="279">
        <v>0</v>
      </c>
      <c r="G29" s="280">
        <v>17</v>
      </c>
      <c r="H29" s="280">
        <v>95</v>
      </c>
      <c r="I29" s="280">
        <v>20</v>
      </c>
      <c r="J29" s="280">
        <v>0</v>
      </c>
      <c r="K29" s="280">
        <v>176</v>
      </c>
      <c r="L29" s="281">
        <v>308</v>
      </c>
      <c r="M29" s="282">
        <v>308</v>
      </c>
      <c r="N29" s="276">
        <v>0</v>
      </c>
      <c r="O29" s="280">
        <v>0</v>
      </c>
      <c r="P29" s="277">
        <v>0</v>
      </c>
      <c r="Q29" s="279">
        <v>0</v>
      </c>
      <c r="R29" s="280">
        <v>0</v>
      </c>
      <c r="S29" s="280">
        <v>0</v>
      </c>
      <c r="T29" s="280">
        <v>0</v>
      </c>
      <c r="U29" s="280">
        <v>0</v>
      </c>
      <c r="V29" s="280">
        <v>0</v>
      </c>
      <c r="W29" s="277">
        <v>0</v>
      </c>
      <c r="X29" s="282">
        <v>0</v>
      </c>
      <c r="Y29" s="276">
        <v>40</v>
      </c>
      <c r="Z29" s="280">
        <v>13</v>
      </c>
      <c r="AA29" s="277">
        <v>53</v>
      </c>
      <c r="AB29" s="279">
        <v>0</v>
      </c>
      <c r="AC29" s="280">
        <v>15</v>
      </c>
      <c r="AD29" s="280">
        <v>51</v>
      </c>
      <c r="AE29" s="280">
        <v>13</v>
      </c>
      <c r="AF29" s="280">
        <v>2</v>
      </c>
      <c r="AG29" s="280">
        <v>5</v>
      </c>
      <c r="AH29" s="277">
        <v>86</v>
      </c>
      <c r="AI29" s="282">
        <v>139</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0</v>
      </c>
      <c r="AZ29" s="280">
        <v>12</v>
      </c>
      <c r="BA29" s="280">
        <v>29</v>
      </c>
      <c r="BB29" s="280">
        <v>10</v>
      </c>
      <c r="BC29" s="280">
        <v>0</v>
      </c>
      <c r="BD29" s="281">
        <v>51</v>
      </c>
      <c r="BE29" s="282">
        <v>51</v>
      </c>
      <c r="BF29" s="276">
        <v>0</v>
      </c>
      <c r="BG29" s="280">
        <v>0</v>
      </c>
      <c r="BH29" s="277">
        <v>0</v>
      </c>
      <c r="BI29" s="279">
        <v>0</v>
      </c>
      <c r="BJ29" s="280">
        <v>3</v>
      </c>
      <c r="BK29" s="280">
        <v>3</v>
      </c>
      <c r="BL29" s="280">
        <v>15</v>
      </c>
      <c r="BM29" s="280">
        <v>0</v>
      </c>
      <c r="BN29" s="280">
        <v>0</v>
      </c>
      <c r="BO29" s="277">
        <v>21</v>
      </c>
      <c r="BP29" s="282">
        <v>21</v>
      </c>
      <c r="BQ29" s="276">
        <v>0</v>
      </c>
      <c r="BR29" s="280">
        <v>0</v>
      </c>
      <c r="BS29" s="277">
        <v>0</v>
      </c>
      <c r="BT29" s="279">
        <v>0</v>
      </c>
      <c r="BU29" s="280">
        <v>0</v>
      </c>
      <c r="BV29" s="280">
        <v>0</v>
      </c>
      <c r="BW29" s="280">
        <v>12</v>
      </c>
      <c r="BX29" s="280">
        <v>0</v>
      </c>
      <c r="BY29" s="280">
        <v>0</v>
      </c>
      <c r="BZ29" s="277">
        <v>12</v>
      </c>
      <c r="CA29" s="282">
        <v>12</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18.75" customHeight="1" x14ac:dyDescent="0.2">
      <c r="B30" s="261" t="s">
        <v>28</v>
      </c>
      <c r="C30" s="276">
        <v>0</v>
      </c>
      <c r="D30" s="277">
        <v>0</v>
      </c>
      <c r="E30" s="278">
        <v>0</v>
      </c>
      <c r="F30" s="279">
        <v>0</v>
      </c>
      <c r="G30" s="280">
        <v>5</v>
      </c>
      <c r="H30" s="280">
        <v>13</v>
      </c>
      <c r="I30" s="280">
        <v>0</v>
      </c>
      <c r="J30" s="280">
        <v>0</v>
      </c>
      <c r="K30" s="280">
        <v>30</v>
      </c>
      <c r="L30" s="281">
        <v>48</v>
      </c>
      <c r="M30" s="282">
        <v>48</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v>
      </c>
      <c r="AD30" s="280">
        <v>14</v>
      </c>
      <c r="AE30" s="280">
        <v>2</v>
      </c>
      <c r="AF30" s="280">
        <v>0</v>
      </c>
      <c r="AG30" s="280">
        <v>0</v>
      </c>
      <c r="AH30" s="277">
        <v>18</v>
      </c>
      <c r="AI30" s="282">
        <v>18</v>
      </c>
      <c r="AJ30" s="276">
        <v>0</v>
      </c>
      <c r="AK30" s="280">
        <v>0</v>
      </c>
      <c r="AL30" s="277">
        <v>0</v>
      </c>
      <c r="AM30" s="279">
        <v>0</v>
      </c>
      <c r="AN30" s="280">
        <v>27</v>
      </c>
      <c r="AO30" s="280">
        <v>0</v>
      </c>
      <c r="AP30" s="280">
        <v>0</v>
      </c>
      <c r="AQ30" s="280">
        <v>0</v>
      </c>
      <c r="AR30" s="280">
        <v>0</v>
      </c>
      <c r="AS30" s="277">
        <v>27</v>
      </c>
      <c r="AT30" s="282">
        <v>27</v>
      </c>
      <c r="AU30" s="276">
        <v>0</v>
      </c>
      <c r="AV30" s="280">
        <v>0</v>
      </c>
      <c r="AW30" s="277">
        <v>0</v>
      </c>
      <c r="AX30" s="279">
        <v>0</v>
      </c>
      <c r="AY30" s="280">
        <v>13</v>
      </c>
      <c r="AZ30" s="280">
        <v>7</v>
      </c>
      <c r="BA30" s="280">
        <v>0</v>
      </c>
      <c r="BB30" s="280">
        <v>8</v>
      </c>
      <c r="BC30" s="280">
        <v>0</v>
      </c>
      <c r="BD30" s="281">
        <v>28</v>
      </c>
      <c r="BE30" s="282">
        <v>28</v>
      </c>
      <c r="BF30" s="276">
        <v>0</v>
      </c>
      <c r="BG30" s="280">
        <v>0</v>
      </c>
      <c r="BH30" s="277">
        <v>0</v>
      </c>
      <c r="BI30" s="279">
        <v>0</v>
      </c>
      <c r="BJ30" s="280">
        <v>9</v>
      </c>
      <c r="BK30" s="280">
        <v>3</v>
      </c>
      <c r="BL30" s="280">
        <v>0</v>
      </c>
      <c r="BM30" s="280">
        <v>0</v>
      </c>
      <c r="BN30" s="280">
        <v>8</v>
      </c>
      <c r="BO30" s="277">
        <v>20</v>
      </c>
      <c r="BP30" s="282">
        <v>2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18.75" customHeight="1" x14ac:dyDescent="0.2">
      <c r="B31" s="261" t="s">
        <v>29</v>
      </c>
      <c r="C31" s="276">
        <v>0</v>
      </c>
      <c r="D31" s="277">
        <v>0</v>
      </c>
      <c r="E31" s="278">
        <v>0</v>
      </c>
      <c r="F31" s="279">
        <v>0</v>
      </c>
      <c r="G31" s="280">
        <v>7</v>
      </c>
      <c r="H31" s="280">
        <v>14</v>
      </c>
      <c r="I31" s="280">
        <v>0</v>
      </c>
      <c r="J31" s="280">
        <v>62</v>
      </c>
      <c r="K31" s="280">
        <v>0</v>
      </c>
      <c r="L31" s="281">
        <v>83</v>
      </c>
      <c r="M31" s="282">
        <v>83</v>
      </c>
      <c r="N31" s="276">
        <v>0</v>
      </c>
      <c r="O31" s="280">
        <v>0</v>
      </c>
      <c r="P31" s="277">
        <v>0</v>
      </c>
      <c r="Q31" s="279">
        <v>0</v>
      </c>
      <c r="R31" s="280">
        <v>0</v>
      </c>
      <c r="S31" s="280">
        <v>0</v>
      </c>
      <c r="T31" s="280">
        <v>2</v>
      </c>
      <c r="U31" s="280">
        <v>0</v>
      </c>
      <c r="V31" s="280">
        <v>0</v>
      </c>
      <c r="W31" s="277">
        <v>2</v>
      </c>
      <c r="X31" s="282">
        <v>2</v>
      </c>
      <c r="Y31" s="276">
        <v>0</v>
      </c>
      <c r="Z31" s="280">
        <v>0</v>
      </c>
      <c r="AA31" s="277">
        <v>0</v>
      </c>
      <c r="AB31" s="279">
        <v>0</v>
      </c>
      <c r="AC31" s="280">
        <v>0</v>
      </c>
      <c r="AD31" s="280">
        <v>12</v>
      </c>
      <c r="AE31" s="280">
        <v>41</v>
      </c>
      <c r="AF31" s="280">
        <v>0</v>
      </c>
      <c r="AG31" s="280">
        <v>0</v>
      </c>
      <c r="AH31" s="277">
        <v>53</v>
      </c>
      <c r="AI31" s="282">
        <v>53</v>
      </c>
      <c r="AJ31" s="276">
        <v>0</v>
      </c>
      <c r="AK31" s="280">
        <v>0</v>
      </c>
      <c r="AL31" s="277">
        <v>0</v>
      </c>
      <c r="AM31" s="279">
        <v>0</v>
      </c>
      <c r="AN31" s="280">
        <v>0</v>
      </c>
      <c r="AO31" s="280">
        <v>15</v>
      </c>
      <c r="AP31" s="280">
        <v>30</v>
      </c>
      <c r="AQ31" s="280">
        <v>0</v>
      </c>
      <c r="AR31" s="280">
        <v>0</v>
      </c>
      <c r="AS31" s="277">
        <v>45</v>
      </c>
      <c r="AT31" s="282">
        <v>45</v>
      </c>
      <c r="AU31" s="276">
        <v>0</v>
      </c>
      <c r="AV31" s="280">
        <v>0</v>
      </c>
      <c r="AW31" s="277">
        <v>0</v>
      </c>
      <c r="AX31" s="279">
        <v>0</v>
      </c>
      <c r="AY31" s="280">
        <v>13</v>
      </c>
      <c r="AZ31" s="280">
        <v>0</v>
      </c>
      <c r="BA31" s="280">
        <v>5</v>
      </c>
      <c r="BB31" s="280">
        <v>0</v>
      </c>
      <c r="BC31" s="280">
        <v>0</v>
      </c>
      <c r="BD31" s="281">
        <v>18</v>
      </c>
      <c r="BE31" s="282">
        <v>18</v>
      </c>
      <c r="BF31" s="276">
        <v>0</v>
      </c>
      <c r="BG31" s="280">
        <v>0</v>
      </c>
      <c r="BH31" s="277">
        <v>0</v>
      </c>
      <c r="BI31" s="279">
        <v>0</v>
      </c>
      <c r="BJ31" s="280">
        <v>2</v>
      </c>
      <c r="BK31" s="280">
        <v>7</v>
      </c>
      <c r="BL31" s="280">
        <v>3</v>
      </c>
      <c r="BM31" s="280">
        <v>9</v>
      </c>
      <c r="BN31" s="280">
        <v>0</v>
      </c>
      <c r="BO31" s="277">
        <v>21</v>
      </c>
      <c r="BP31" s="282">
        <v>21</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2</v>
      </c>
      <c r="CH31" s="280">
        <v>0</v>
      </c>
      <c r="CI31" s="280">
        <v>0</v>
      </c>
      <c r="CJ31" s="280">
        <v>0</v>
      </c>
      <c r="CK31" s="277">
        <v>2</v>
      </c>
      <c r="CL31" s="282">
        <v>2</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18.75" customHeight="1" x14ac:dyDescent="0.2">
      <c r="B32" s="261" t="s">
        <v>30</v>
      </c>
      <c r="C32" s="276">
        <v>0</v>
      </c>
      <c r="D32" s="277">
        <v>0</v>
      </c>
      <c r="E32" s="278">
        <v>0</v>
      </c>
      <c r="F32" s="279">
        <v>0</v>
      </c>
      <c r="G32" s="280">
        <v>9</v>
      </c>
      <c r="H32" s="280">
        <v>0</v>
      </c>
      <c r="I32" s="280">
        <v>93</v>
      </c>
      <c r="J32" s="280">
        <v>0</v>
      </c>
      <c r="K32" s="280">
        <v>0</v>
      </c>
      <c r="L32" s="281">
        <v>102</v>
      </c>
      <c r="M32" s="282">
        <v>102</v>
      </c>
      <c r="N32" s="276">
        <v>0</v>
      </c>
      <c r="O32" s="280">
        <v>0</v>
      </c>
      <c r="P32" s="277">
        <v>0</v>
      </c>
      <c r="Q32" s="279">
        <v>0</v>
      </c>
      <c r="R32" s="280">
        <v>0</v>
      </c>
      <c r="S32" s="280">
        <v>0</v>
      </c>
      <c r="T32" s="280">
        <v>0</v>
      </c>
      <c r="U32" s="280">
        <v>5</v>
      </c>
      <c r="V32" s="280">
        <v>0</v>
      </c>
      <c r="W32" s="277">
        <v>5</v>
      </c>
      <c r="X32" s="282">
        <v>5</v>
      </c>
      <c r="Y32" s="276">
        <v>0</v>
      </c>
      <c r="Z32" s="280">
        <v>0</v>
      </c>
      <c r="AA32" s="277">
        <v>0</v>
      </c>
      <c r="AB32" s="279">
        <v>0</v>
      </c>
      <c r="AC32" s="280">
        <v>4</v>
      </c>
      <c r="AD32" s="280">
        <v>0</v>
      </c>
      <c r="AE32" s="280">
        <v>0</v>
      </c>
      <c r="AF32" s="280">
        <v>6</v>
      </c>
      <c r="AG32" s="280">
        <v>0</v>
      </c>
      <c r="AH32" s="277">
        <v>10</v>
      </c>
      <c r="AI32" s="282">
        <v>10</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8</v>
      </c>
      <c r="AZ32" s="280">
        <v>9</v>
      </c>
      <c r="BA32" s="280">
        <v>0</v>
      </c>
      <c r="BB32" s="280">
        <v>0</v>
      </c>
      <c r="BC32" s="280">
        <v>0</v>
      </c>
      <c r="BD32" s="281">
        <v>17</v>
      </c>
      <c r="BE32" s="282">
        <v>17</v>
      </c>
      <c r="BF32" s="276">
        <v>0</v>
      </c>
      <c r="BG32" s="280">
        <v>0</v>
      </c>
      <c r="BH32" s="277">
        <v>0</v>
      </c>
      <c r="BI32" s="279">
        <v>0</v>
      </c>
      <c r="BJ32" s="280">
        <v>0</v>
      </c>
      <c r="BK32" s="280">
        <v>17</v>
      </c>
      <c r="BL32" s="280">
        <v>0</v>
      </c>
      <c r="BM32" s="280">
        <v>0</v>
      </c>
      <c r="BN32" s="280">
        <v>0</v>
      </c>
      <c r="BO32" s="277">
        <v>17</v>
      </c>
      <c r="BP32" s="282">
        <v>17</v>
      </c>
      <c r="BQ32" s="276">
        <v>0</v>
      </c>
      <c r="BR32" s="280">
        <v>0</v>
      </c>
      <c r="BS32" s="277">
        <v>0</v>
      </c>
      <c r="BT32" s="279">
        <v>0</v>
      </c>
      <c r="BU32" s="280">
        <v>6</v>
      </c>
      <c r="BV32" s="280">
        <v>0</v>
      </c>
      <c r="BW32" s="280">
        <v>0</v>
      </c>
      <c r="BX32" s="280">
        <v>0</v>
      </c>
      <c r="BY32" s="280">
        <v>0</v>
      </c>
      <c r="BZ32" s="277">
        <v>6</v>
      </c>
      <c r="CA32" s="282">
        <v>6</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18.75"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6</v>
      </c>
      <c r="W33" s="277">
        <v>6</v>
      </c>
      <c r="X33" s="282">
        <v>6</v>
      </c>
      <c r="Y33" s="276">
        <v>0</v>
      </c>
      <c r="Z33" s="280">
        <v>0</v>
      </c>
      <c r="AA33" s="277">
        <v>0</v>
      </c>
      <c r="AB33" s="279">
        <v>0</v>
      </c>
      <c r="AC33" s="280">
        <v>0</v>
      </c>
      <c r="AD33" s="280">
        <v>0</v>
      </c>
      <c r="AE33" s="280">
        <v>0</v>
      </c>
      <c r="AF33" s="280">
        <v>2</v>
      </c>
      <c r="AG33" s="280">
        <v>20</v>
      </c>
      <c r="AH33" s="277">
        <v>22</v>
      </c>
      <c r="AI33" s="282">
        <v>22</v>
      </c>
      <c r="AJ33" s="276">
        <v>0</v>
      </c>
      <c r="AK33" s="280">
        <v>0</v>
      </c>
      <c r="AL33" s="277">
        <v>0</v>
      </c>
      <c r="AM33" s="279">
        <v>0</v>
      </c>
      <c r="AN33" s="280">
        <v>0</v>
      </c>
      <c r="AO33" s="280">
        <v>0</v>
      </c>
      <c r="AP33" s="280">
        <v>22</v>
      </c>
      <c r="AQ33" s="280">
        <v>0</v>
      </c>
      <c r="AR33" s="280">
        <v>0</v>
      </c>
      <c r="AS33" s="277">
        <v>22</v>
      </c>
      <c r="AT33" s="282">
        <v>22</v>
      </c>
      <c r="AU33" s="276">
        <v>0</v>
      </c>
      <c r="AV33" s="280">
        <v>0</v>
      </c>
      <c r="AW33" s="277">
        <v>0</v>
      </c>
      <c r="AX33" s="279">
        <v>0</v>
      </c>
      <c r="AY33" s="280">
        <v>7</v>
      </c>
      <c r="AZ33" s="280">
        <v>9</v>
      </c>
      <c r="BA33" s="280">
        <v>27</v>
      </c>
      <c r="BB33" s="280">
        <v>11</v>
      </c>
      <c r="BC33" s="280">
        <v>0</v>
      </c>
      <c r="BD33" s="281">
        <v>54</v>
      </c>
      <c r="BE33" s="282">
        <v>54</v>
      </c>
      <c r="BF33" s="276">
        <v>0</v>
      </c>
      <c r="BG33" s="280">
        <v>0</v>
      </c>
      <c r="BH33" s="277">
        <v>0</v>
      </c>
      <c r="BI33" s="279">
        <v>0</v>
      </c>
      <c r="BJ33" s="280">
        <v>0</v>
      </c>
      <c r="BK33" s="280">
        <v>0</v>
      </c>
      <c r="BL33" s="280">
        <v>0</v>
      </c>
      <c r="BM33" s="280">
        <v>0</v>
      </c>
      <c r="BN33" s="280">
        <v>0</v>
      </c>
      <c r="BO33" s="277">
        <v>0</v>
      </c>
      <c r="BP33" s="282">
        <v>0</v>
      </c>
      <c r="BQ33" s="276">
        <v>0</v>
      </c>
      <c r="BR33" s="280">
        <v>0</v>
      </c>
      <c r="BS33" s="277">
        <v>0</v>
      </c>
      <c r="BT33" s="279">
        <v>0</v>
      </c>
      <c r="BU33" s="280">
        <v>0</v>
      </c>
      <c r="BV33" s="280">
        <v>0</v>
      </c>
      <c r="BW33" s="280">
        <v>0</v>
      </c>
      <c r="BX33" s="280">
        <v>6</v>
      </c>
      <c r="BY33" s="280">
        <v>0</v>
      </c>
      <c r="BZ33" s="277">
        <v>6</v>
      </c>
      <c r="CA33" s="282">
        <v>6</v>
      </c>
      <c r="CB33" s="276">
        <v>0</v>
      </c>
      <c r="CC33" s="280">
        <v>0</v>
      </c>
      <c r="CD33" s="277">
        <v>0</v>
      </c>
      <c r="CE33" s="279">
        <v>0</v>
      </c>
      <c r="CF33" s="280">
        <v>0</v>
      </c>
      <c r="CG33" s="280">
        <v>0</v>
      </c>
      <c r="CH33" s="280">
        <v>0</v>
      </c>
      <c r="CI33" s="280">
        <v>12</v>
      </c>
      <c r="CJ33" s="280">
        <v>0</v>
      </c>
      <c r="CK33" s="277">
        <v>12</v>
      </c>
      <c r="CL33" s="282">
        <v>12</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18.75" customHeight="1" x14ac:dyDescent="0.2">
      <c r="B34" s="261" t="s">
        <v>32</v>
      </c>
      <c r="C34" s="276">
        <v>0</v>
      </c>
      <c r="D34" s="277">
        <v>0</v>
      </c>
      <c r="E34" s="278">
        <v>0</v>
      </c>
      <c r="F34" s="279">
        <v>0</v>
      </c>
      <c r="G34" s="280">
        <v>0</v>
      </c>
      <c r="H34" s="280">
        <v>20</v>
      </c>
      <c r="I34" s="280">
        <v>0</v>
      </c>
      <c r="J34" s="280">
        <v>124</v>
      </c>
      <c r="K34" s="280">
        <v>0</v>
      </c>
      <c r="L34" s="281">
        <v>144</v>
      </c>
      <c r="M34" s="282">
        <v>144</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3</v>
      </c>
      <c r="AE34" s="280">
        <v>0</v>
      </c>
      <c r="AF34" s="280">
        <v>0</v>
      </c>
      <c r="AG34" s="280">
        <v>0</v>
      </c>
      <c r="AH34" s="277">
        <v>13</v>
      </c>
      <c r="AI34" s="282">
        <v>13</v>
      </c>
      <c r="AJ34" s="276">
        <v>16</v>
      </c>
      <c r="AK34" s="280">
        <v>0</v>
      </c>
      <c r="AL34" s="277">
        <v>16</v>
      </c>
      <c r="AM34" s="279">
        <v>0</v>
      </c>
      <c r="AN34" s="280">
        <v>15</v>
      </c>
      <c r="AO34" s="280">
        <v>0</v>
      </c>
      <c r="AP34" s="280">
        <v>0</v>
      </c>
      <c r="AQ34" s="280">
        <v>9</v>
      </c>
      <c r="AR34" s="280">
        <v>0</v>
      </c>
      <c r="AS34" s="277">
        <v>24</v>
      </c>
      <c r="AT34" s="282">
        <v>40</v>
      </c>
      <c r="AU34" s="276">
        <v>0</v>
      </c>
      <c r="AV34" s="280">
        <v>0</v>
      </c>
      <c r="AW34" s="277">
        <v>0</v>
      </c>
      <c r="AX34" s="279">
        <v>0</v>
      </c>
      <c r="AY34" s="280">
        <v>31</v>
      </c>
      <c r="AZ34" s="280">
        <v>27</v>
      </c>
      <c r="BA34" s="280">
        <v>0</v>
      </c>
      <c r="BB34" s="280">
        <v>0</v>
      </c>
      <c r="BC34" s="280">
        <v>0</v>
      </c>
      <c r="BD34" s="281">
        <v>58</v>
      </c>
      <c r="BE34" s="282">
        <v>58</v>
      </c>
      <c r="BF34" s="276">
        <v>0</v>
      </c>
      <c r="BG34" s="280">
        <v>0</v>
      </c>
      <c r="BH34" s="277">
        <v>0</v>
      </c>
      <c r="BI34" s="279">
        <v>0</v>
      </c>
      <c r="BJ34" s="280">
        <v>0</v>
      </c>
      <c r="BK34" s="280">
        <v>0</v>
      </c>
      <c r="BL34" s="280">
        <v>4</v>
      </c>
      <c r="BM34" s="280">
        <v>13</v>
      </c>
      <c r="BN34" s="280">
        <v>0</v>
      </c>
      <c r="BO34" s="277">
        <v>17</v>
      </c>
      <c r="BP34" s="282">
        <v>17</v>
      </c>
      <c r="BQ34" s="276">
        <v>0</v>
      </c>
      <c r="BR34" s="280">
        <v>0</v>
      </c>
      <c r="BS34" s="277">
        <v>0</v>
      </c>
      <c r="BT34" s="279">
        <v>0</v>
      </c>
      <c r="BU34" s="280">
        <v>0</v>
      </c>
      <c r="BV34" s="280">
        <v>0</v>
      </c>
      <c r="BW34" s="280">
        <v>4</v>
      </c>
      <c r="BX34" s="280">
        <v>0</v>
      </c>
      <c r="BY34" s="280">
        <v>0</v>
      </c>
      <c r="BZ34" s="277">
        <v>4</v>
      </c>
      <c r="CA34" s="282">
        <v>4</v>
      </c>
      <c r="CB34" s="276">
        <v>0</v>
      </c>
      <c r="CC34" s="280">
        <v>0</v>
      </c>
      <c r="CD34" s="277">
        <v>0</v>
      </c>
      <c r="CE34" s="279">
        <v>0</v>
      </c>
      <c r="CF34" s="280">
        <v>0</v>
      </c>
      <c r="CG34" s="280">
        <v>0</v>
      </c>
      <c r="CH34" s="280">
        <v>0</v>
      </c>
      <c r="CI34" s="280">
        <v>17</v>
      </c>
      <c r="CJ34" s="280">
        <v>0</v>
      </c>
      <c r="CK34" s="277">
        <v>17</v>
      </c>
      <c r="CL34" s="282">
        <v>17</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18.75" customHeight="1" x14ac:dyDescent="0.2">
      <c r="B35" s="261" t="s">
        <v>33</v>
      </c>
      <c r="C35" s="276">
        <v>0</v>
      </c>
      <c r="D35" s="277">
        <v>0</v>
      </c>
      <c r="E35" s="278">
        <v>0</v>
      </c>
      <c r="F35" s="279">
        <v>0</v>
      </c>
      <c r="G35" s="280">
        <v>31</v>
      </c>
      <c r="H35" s="280">
        <v>0</v>
      </c>
      <c r="I35" s="280">
        <v>34</v>
      </c>
      <c r="J35" s="280">
        <v>4</v>
      </c>
      <c r="K35" s="280">
        <v>0</v>
      </c>
      <c r="L35" s="281">
        <v>69</v>
      </c>
      <c r="M35" s="282">
        <v>69</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3</v>
      </c>
      <c r="AD35" s="280">
        <v>5</v>
      </c>
      <c r="AE35" s="280">
        <v>41</v>
      </c>
      <c r="AF35" s="280">
        <v>4</v>
      </c>
      <c r="AG35" s="280">
        <v>0</v>
      </c>
      <c r="AH35" s="277">
        <v>53</v>
      </c>
      <c r="AI35" s="282">
        <v>53</v>
      </c>
      <c r="AJ35" s="276">
        <v>18</v>
      </c>
      <c r="AK35" s="280">
        <v>0</v>
      </c>
      <c r="AL35" s="277">
        <v>18</v>
      </c>
      <c r="AM35" s="279">
        <v>0</v>
      </c>
      <c r="AN35" s="280">
        <v>0</v>
      </c>
      <c r="AO35" s="280">
        <v>31</v>
      </c>
      <c r="AP35" s="280">
        <v>15</v>
      </c>
      <c r="AQ35" s="280">
        <v>27</v>
      </c>
      <c r="AR35" s="280">
        <v>0</v>
      </c>
      <c r="AS35" s="277">
        <v>73</v>
      </c>
      <c r="AT35" s="282">
        <v>91</v>
      </c>
      <c r="AU35" s="276">
        <v>0</v>
      </c>
      <c r="AV35" s="280">
        <v>0</v>
      </c>
      <c r="AW35" s="277">
        <v>0</v>
      </c>
      <c r="AX35" s="279">
        <v>0</v>
      </c>
      <c r="AY35" s="280">
        <v>13</v>
      </c>
      <c r="AZ35" s="280">
        <v>0</v>
      </c>
      <c r="BA35" s="280">
        <v>0</v>
      </c>
      <c r="BB35" s="280">
        <v>10</v>
      </c>
      <c r="BC35" s="280">
        <v>0</v>
      </c>
      <c r="BD35" s="281">
        <v>23</v>
      </c>
      <c r="BE35" s="282">
        <v>23</v>
      </c>
      <c r="BF35" s="276">
        <v>0</v>
      </c>
      <c r="BG35" s="280">
        <v>0</v>
      </c>
      <c r="BH35" s="277">
        <v>0</v>
      </c>
      <c r="BI35" s="279">
        <v>0</v>
      </c>
      <c r="BJ35" s="280">
        <v>4</v>
      </c>
      <c r="BK35" s="280">
        <v>0</v>
      </c>
      <c r="BL35" s="280">
        <v>0</v>
      </c>
      <c r="BM35" s="280">
        <v>7</v>
      </c>
      <c r="BN35" s="280">
        <v>0</v>
      </c>
      <c r="BO35" s="277">
        <v>11</v>
      </c>
      <c r="BP35" s="282">
        <v>11</v>
      </c>
      <c r="BQ35" s="276">
        <v>0</v>
      </c>
      <c r="BR35" s="280">
        <v>0</v>
      </c>
      <c r="BS35" s="277">
        <v>0</v>
      </c>
      <c r="BT35" s="279">
        <v>0</v>
      </c>
      <c r="BU35" s="280">
        <v>0</v>
      </c>
      <c r="BV35" s="280">
        <v>0</v>
      </c>
      <c r="BW35" s="280">
        <v>3</v>
      </c>
      <c r="BX35" s="280">
        <v>16</v>
      </c>
      <c r="BY35" s="280">
        <v>0</v>
      </c>
      <c r="BZ35" s="277">
        <v>19</v>
      </c>
      <c r="CA35" s="282">
        <v>19</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18.75" customHeight="1" x14ac:dyDescent="0.2">
      <c r="B36" s="261" t="s">
        <v>34</v>
      </c>
      <c r="C36" s="276">
        <v>0</v>
      </c>
      <c r="D36" s="277">
        <v>0</v>
      </c>
      <c r="E36" s="278">
        <v>0</v>
      </c>
      <c r="F36" s="279">
        <v>0</v>
      </c>
      <c r="G36" s="280">
        <v>7</v>
      </c>
      <c r="H36" s="280">
        <v>0</v>
      </c>
      <c r="I36" s="280">
        <v>9</v>
      </c>
      <c r="J36" s="280">
        <v>0</v>
      </c>
      <c r="K36" s="280">
        <v>24</v>
      </c>
      <c r="L36" s="281">
        <v>40</v>
      </c>
      <c r="M36" s="282">
        <v>40</v>
      </c>
      <c r="N36" s="276">
        <v>0</v>
      </c>
      <c r="O36" s="280">
        <v>0</v>
      </c>
      <c r="P36" s="277">
        <v>0</v>
      </c>
      <c r="Q36" s="279">
        <v>0</v>
      </c>
      <c r="R36" s="280">
        <v>0</v>
      </c>
      <c r="S36" s="280">
        <v>0</v>
      </c>
      <c r="T36" s="280">
        <v>1</v>
      </c>
      <c r="U36" s="280">
        <v>0</v>
      </c>
      <c r="V36" s="280">
        <v>0</v>
      </c>
      <c r="W36" s="277">
        <v>1</v>
      </c>
      <c r="X36" s="282">
        <v>1</v>
      </c>
      <c r="Y36" s="276">
        <v>0</v>
      </c>
      <c r="Z36" s="280">
        <v>0</v>
      </c>
      <c r="AA36" s="277">
        <v>0</v>
      </c>
      <c r="AB36" s="279">
        <v>0</v>
      </c>
      <c r="AC36" s="280">
        <v>0</v>
      </c>
      <c r="AD36" s="280">
        <v>0</v>
      </c>
      <c r="AE36" s="280">
        <v>9</v>
      </c>
      <c r="AF36" s="280">
        <v>0</v>
      </c>
      <c r="AG36" s="280">
        <v>0</v>
      </c>
      <c r="AH36" s="277">
        <v>9</v>
      </c>
      <c r="AI36" s="282">
        <v>9</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0</v>
      </c>
      <c r="AZ36" s="280">
        <v>6</v>
      </c>
      <c r="BA36" s="280">
        <v>25</v>
      </c>
      <c r="BB36" s="280">
        <v>13</v>
      </c>
      <c r="BC36" s="280">
        <v>0</v>
      </c>
      <c r="BD36" s="281">
        <v>44</v>
      </c>
      <c r="BE36" s="282">
        <v>44</v>
      </c>
      <c r="BF36" s="276">
        <v>0</v>
      </c>
      <c r="BG36" s="280">
        <v>0</v>
      </c>
      <c r="BH36" s="277">
        <v>0</v>
      </c>
      <c r="BI36" s="279">
        <v>0</v>
      </c>
      <c r="BJ36" s="280">
        <v>4</v>
      </c>
      <c r="BK36" s="280">
        <v>0</v>
      </c>
      <c r="BL36" s="280">
        <v>0</v>
      </c>
      <c r="BM36" s="280">
        <v>0</v>
      </c>
      <c r="BN36" s="280">
        <v>0</v>
      </c>
      <c r="BO36" s="277">
        <v>4</v>
      </c>
      <c r="BP36" s="282">
        <v>4</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18.75" customHeight="1" x14ac:dyDescent="0.2">
      <c r="B37" s="261" t="s">
        <v>35</v>
      </c>
      <c r="C37" s="276">
        <v>0</v>
      </c>
      <c r="D37" s="277">
        <v>0</v>
      </c>
      <c r="E37" s="278">
        <v>0</v>
      </c>
      <c r="F37" s="279">
        <v>0</v>
      </c>
      <c r="G37" s="280">
        <v>81</v>
      </c>
      <c r="H37" s="280">
        <v>71</v>
      </c>
      <c r="I37" s="280">
        <v>21</v>
      </c>
      <c r="J37" s="280">
        <v>53</v>
      </c>
      <c r="K37" s="280">
        <v>0</v>
      </c>
      <c r="L37" s="281">
        <v>226</v>
      </c>
      <c r="M37" s="282">
        <v>226</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26</v>
      </c>
      <c r="AD37" s="280">
        <v>0</v>
      </c>
      <c r="AE37" s="280">
        <v>4</v>
      </c>
      <c r="AF37" s="280">
        <v>31</v>
      </c>
      <c r="AG37" s="280">
        <v>0</v>
      </c>
      <c r="AH37" s="277">
        <v>61</v>
      </c>
      <c r="AI37" s="282">
        <v>61</v>
      </c>
      <c r="AJ37" s="276">
        <v>0</v>
      </c>
      <c r="AK37" s="280">
        <v>0</v>
      </c>
      <c r="AL37" s="277">
        <v>0</v>
      </c>
      <c r="AM37" s="279">
        <v>0</v>
      </c>
      <c r="AN37" s="280">
        <v>21</v>
      </c>
      <c r="AO37" s="280">
        <v>0</v>
      </c>
      <c r="AP37" s="280">
        <v>0</v>
      </c>
      <c r="AQ37" s="280">
        <v>0</v>
      </c>
      <c r="AR37" s="280">
        <v>0</v>
      </c>
      <c r="AS37" s="277">
        <v>21</v>
      </c>
      <c r="AT37" s="282">
        <v>21</v>
      </c>
      <c r="AU37" s="276">
        <v>0</v>
      </c>
      <c r="AV37" s="280">
        <v>0</v>
      </c>
      <c r="AW37" s="277">
        <v>0</v>
      </c>
      <c r="AX37" s="279">
        <v>0</v>
      </c>
      <c r="AY37" s="280">
        <v>28</v>
      </c>
      <c r="AZ37" s="280">
        <v>25</v>
      </c>
      <c r="BA37" s="280">
        <v>4</v>
      </c>
      <c r="BB37" s="280">
        <v>12</v>
      </c>
      <c r="BC37" s="280">
        <v>0</v>
      </c>
      <c r="BD37" s="281">
        <v>69</v>
      </c>
      <c r="BE37" s="282">
        <v>69</v>
      </c>
      <c r="BF37" s="276">
        <v>0</v>
      </c>
      <c r="BG37" s="280">
        <v>0</v>
      </c>
      <c r="BH37" s="277">
        <v>0</v>
      </c>
      <c r="BI37" s="279">
        <v>0</v>
      </c>
      <c r="BJ37" s="280">
        <v>0</v>
      </c>
      <c r="BK37" s="280">
        <v>10</v>
      </c>
      <c r="BL37" s="280">
        <v>0</v>
      </c>
      <c r="BM37" s="280">
        <v>11</v>
      </c>
      <c r="BN37" s="280">
        <v>0</v>
      </c>
      <c r="BO37" s="277">
        <v>21</v>
      </c>
      <c r="BP37" s="282">
        <v>21</v>
      </c>
      <c r="BQ37" s="276">
        <v>0</v>
      </c>
      <c r="BR37" s="280">
        <v>0</v>
      </c>
      <c r="BS37" s="277">
        <v>0</v>
      </c>
      <c r="BT37" s="279">
        <v>0</v>
      </c>
      <c r="BU37" s="280">
        <v>0</v>
      </c>
      <c r="BV37" s="280">
        <v>0</v>
      </c>
      <c r="BW37" s="280">
        <v>0</v>
      </c>
      <c r="BX37" s="280">
        <v>7</v>
      </c>
      <c r="BY37" s="280">
        <v>0</v>
      </c>
      <c r="BZ37" s="277">
        <v>7</v>
      </c>
      <c r="CA37" s="282">
        <v>7</v>
      </c>
      <c r="CB37" s="276">
        <v>0</v>
      </c>
      <c r="CC37" s="280">
        <v>0</v>
      </c>
      <c r="CD37" s="277">
        <v>0</v>
      </c>
      <c r="CE37" s="279">
        <v>0</v>
      </c>
      <c r="CF37" s="280">
        <v>3</v>
      </c>
      <c r="CG37" s="280">
        <v>0</v>
      </c>
      <c r="CH37" s="280">
        <v>0</v>
      </c>
      <c r="CI37" s="280">
        <v>0</v>
      </c>
      <c r="CJ37" s="280">
        <v>0</v>
      </c>
      <c r="CK37" s="277">
        <v>3</v>
      </c>
      <c r="CL37" s="282">
        <v>3</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18.75" customHeight="1" x14ac:dyDescent="0.2">
      <c r="B38" s="261" t="s">
        <v>36</v>
      </c>
      <c r="C38" s="276">
        <v>0</v>
      </c>
      <c r="D38" s="277">
        <v>0</v>
      </c>
      <c r="E38" s="278">
        <v>0</v>
      </c>
      <c r="F38" s="279">
        <v>0</v>
      </c>
      <c r="G38" s="280">
        <v>18</v>
      </c>
      <c r="H38" s="280">
        <v>0</v>
      </c>
      <c r="I38" s="280">
        <v>0</v>
      </c>
      <c r="J38" s="280">
        <v>0</v>
      </c>
      <c r="K38" s="280">
        <v>0</v>
      </c>
      <c r="L38" s="281">
        <v>18</v>
      </c>
      <c r="M38" s="282">
        <v>18</v>
      </c>
      <c r="N38" s="276">
        <v>0</v>
      </c>
      <c r="O38" s="280">
        <v>0</v>
      </c>
      <c r="P38" s="277">
        <v>0</v>
      </c>
      <c r="Q38" s="279">
        <v>0</v>
      </c>
      <c r="R38" s="280">
        <v>0</v>
      </c>
      <c r="S38" s="280">
        <v>0</v>
      </c>
      <c r="T38" s="280">
        <v>0</v>
      </c>
      <c r="U38" s="280">
        <v>0</v>
      </c>
      <c r="V38" s="280">
        <v>0</v>
      </c>
      <c r="W38" s="277">
        <v>0</v>
      </c>
      <c r="X38" s="282">
        <v>0</v>
      </c>
      <c r="Y38" s="276">
        <v>0</v>
      </c>
      <c r="Z38" s="280">
        <v>14</v>
      </c>
      <c r="AA38" s="277">
        <v>14</v>
      </c>
      <c r="AB38" s="279">
        <v>0</v>
      </c>
      <c r="AC38" s="280">
        <v>36</v>
      </c>
      <c r="AD38" s="280">
        <v>22</v>
      </c>
      <c r="AE38" s="280">
        <v>13</v>
      </c>
      <c r="AF38" s="280">
        <v>0</v>
      </c>
      <c r="AG38" s="280">
        <v>0</v>
      </c>
      <c r="AH38" s="277">
        <v>71</v>
      </c>
      <c r="AI38" s="282">
        <v>85</v>
      </c>
      <c r="AJ38" s="276">
        <v>0</v>
      </c>
      <c r="AK38" s="280">
        <v>0</v>
      </c>
      <c r="AL38" s="277">
        <v>0</v>
      </c>
      <c r="AM38" s="279">
        <v>0</v>
      </c>
      <c r="AN38" s="280">
        <v>22</v>
      </c>
      <c r="AO38" s="280">
        <v>0</v>
      </c>
      <c r="AP38" s="280">
        <v>0</v>
      </c>
      <c r="AQ38" s="280">
        <v>0</v>
      </c>
      <c r="AR38" s="280">
        <v>0</v>
      </c>
      <c r="AS38" s="277">
        <v>22</v>
      </c>
      <c r="AT38" s="282">
        <v>22</v>
      </c>
      <c r="AU38" s="276">
        <v>0</v>
      </c>
      <c r="AV38" s="280">
        <v>0</v>
      </c>
      <c r="AW38" s="277">
        <v>0</v>
      </c>
      <c r="AX38" s="279">
        <v>0</v>
      </c>
      <c r="AY38" s="280">
        <v>10</v>
      </c>
      <c r="AZ38" s="280">
        <v>13</v>
      </c>
      <c r="BA38" s="280">
        <v>16</v>
      </c>
      <c r="BB38" s="280">
        <v>14</v>
      </c>
      <c r="BC38" s="280">
        <v>5</v>
      </c>
      <c r="BD38" s="281">
        <v>58</v>
      </c>
      <c r="BE38" s="282">
        <v>58</v>
      </c>
      <c r="BF38" s="276">
        <v>0</v>
      </c>
      <c r="BG38" s="280">
        <v>0</v>
      </c>
      <c r="BH38" s="277">
        <v>0</v>
      </c>
      <c r="BI38" s="279">
        <v>0</v>
      </c>
      <c r="BJ38" s="280">
        <v>10</v>
      </c>
      <c r="BK38" s="280">
        <v>0</v>
      </c>
      <c r="BL38" s="280">
        <v>0</v>
      </c>
      <c r="BM38" s="280">
        <v>0</v>
      </c>
      <c r="BN38" s="280">
        <v>0</v>
      </c>
      <c r="BO38" s="277">
        <v>10</v>
      </c>
      <c r="BP38" s="282">
        <v>10</v>
      </c>
      <c r="BQ38" s="276">
        <v>0</v>
      </c>
      <c r="BR38" s="280">
        <v>0</v>
      </c>
      <c r="BS38" s="277">
        <v>0</v>
      </c>
      <c r="BT38" s="279">
        <v>0</v>
      </c>
      <c r="BU38" s="280">
        <v>0</v>
      </c>
      <c r="BV38" s="280">
        <v>19</v>
      </c>
      <c r="BW38" s="280">
        <v>0</v>
      </c>
      <c r="BX38" s="280">
        <v>1</v>
      </c>
      <c r="BY38" s="280">
        <v>0</v>
      </c>
      <c r="BZ38" s="277">
        <v>20</v>
      </c>
      <c r="CA38" s="282">
        <v>20</v>
      </c>
      <c r="CB38" s="276">
        <v>0</v>
      </c>
      <c r="CC38" s="280">
        <v>0</v>
      </c>
      <c r="CD38" s="277">
        <v>0</v>
      </c>
      <c r="CE38" s="279">
        <v>0</v>
      </c>
      <c r="CF38" s="280">
        <v>9</v>
      </c>
      <c r="CG38" s="280">
        <v>0</v>
      </c>
      <c r="CH38" s="280">
        <v>0</v>
      </c>
      <c r="CI38" s="280">
        <v>0</v>
      </c>
      <c r="CJ38" s="280">
        <v>0</v>
      </c>
      <c r="CK38" s="277">
        <v>9</v>
      </c>
      <c r="CL38" s="282">
        <v>9</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18.75" customHeight="1" thickBot="1" x14ac:dyDescent="0.25">
      <c r="B39" s="262" t="s">
        <v>37</v>
      </c>
      <c r="C39" s="283">
        <v>0</v>
      </c>
      <c r="D39" s="284">
        <v>0</v>
      </c>
      <c r="E39" s="285">
        <v>0</v>
      </c>
      <c r="F39" s="286">
        <v>0</v>
      </c>
      <c r="G39" s="287">
        <v>0</v>
      </c>
      <c r="H39" s="287">
        <v>0</v>
      </c>
      <c r="I39" s="287">
        <v>0</v>
      </c>
      <c r="J39" s="287">
        <v>0</v>
      </c>
      <c r="K39" s="287">
        <v>12</v>
      </c>
      <c r="L39" s="288">
        <v>12</v>
      </c>
      <c r="M39" s="289">
        <v>12</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3</v>
      </c>
      <c r="AH39" s="284">
        <v>3</v>
      </c>
      <c r="AI39" s="289">
        <v>3</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8">
        <v>0</v>
      </c>
      <c r="BE39" s="289">
        <v>0</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2</v>
      </c>
      <c r="BZ39" s="284">
        <v>2</v>
      </c>
      <c r="CA39" s="289">
        <v>2</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9" width="7.77734375" style="3" customWidth="1"/>
    <col min="10" max="10" width="8.44140625" style="3" customWidth="1"/>
    <col min="11" max="26" width="7.77734375" style="3" customWidth="1"/>
    <col min="27" max="35" width="7.77734375" style="1" customWidth="1"/>
    <col min="36" max="16384" width="9" style="1"/>
  </cols>
  <sheetData>
    <row r="1" spans="2:35" ht="24" customHeight="1" x14ac:dyDescent="0.2">
      <c r="B1" s="20" t="s">
        <v>129</v>
      </c>
      <c r="F1" s="22"/>
      <c r="H1" s="526">
        <f>第１表!F2</f>
        <v>4</v>
      </c>
      <c r="I1" s="526"/>
      <c r="J1" s="248">
        <f>第１表!G2</f>
        <v>10</v>
      </c>
      <c r="K1" s="557">
        <f>IF(J1&lt;3,J1-2+12,J1-2)</f>
        <v>8</v>
      </c>
      <c r="L1" s="557"/>
    </row>
    <row r="2" spans="2:35" ht="24" customHeight="1" thickBot="1" x14ac:dyDescent="0.25">
      <c r="J2" s="5"/>
      <c r="K2" s="5"/>
      <c r="L2" s="5"/>
      <c r="M2" s="5"/>
      <c r="N2" s="5"/>
      <c r="O2" s="5"/>
      <c r="P2" s="30"/>
      <c r="Q2" s="30"/>
      <c r="R2" s="30"/>
    </row>
    <row r="3" spans="2:35" ht="19.5" customHeight="1" thickBot="1" x14ac:dyDescent="0.25">
      <c r="B3" s="26"/>
      <c r="C3" s="558" t="s">
        <v>53</v>
      </c>
      <c r="D3" s="559"/>
      <c r="E3" s="559"/>
      <c r="F3" s="559"/>
      <c r="G3" s="559"/>
      <c r="H3" s="559"/>
      <c r="I3" s="559"/>
      <c r="J3" s="559"/>
      <c r="K3" s="559"/>
      <c r="L3" s="559"/>
      <c r="M3" s="560"/>
      <c r="N3" s="558" t="s">
        <v>54</v>
      </c>
      <c r="O3" s="559"/>
      <c r="P3" s="559"/>
      <c r="Q3" s="559"/>
      <c r="R3" s="559"/>
      <c r="S3" s="559"/>
      <c r="T3" s="559"/>
      <c r="U3" s="559"/>
      <c r="V3" s="559"/>
      <c r="W3" s="559"/>
      <c r="X3" s="560"/>
      <c r="Y3" s="558" t="s">
        <v>55</v>
      </c>
      <c r="Z3" s="559"/>
      <c r="AA3" s="559"/>
      <c r="AB3" s="559"/>
      <c r="AC3" s="559"/>
      <c r="AD3" s="559"/>
      <c r="AE3" s="559"/>
      <c r="AF3" s="559"/>
      <c r="AG3" s="559"/>
      <c r="AH3" s="559"/>
      <c r="AI3" s="560"/>
    </row>
    <row r="4" spans="2:35" ht="30.75"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94</v>
      </c>
      <c r="D5" s="92">
        <v>310</v>
      </c>
      <c r="E5" s="93">
        <v>504</v>
      </c>
      <c r="F5" s="94">
        <v>0</v>
      </c>
      <c r="G5" s="92">
        <v>18189</v>
      </c>
      <c r="H5" s="92">
        <v>18087</v>
      </c>
      <c r="I5" s="92">
        <v>12345</v>
      </c>
      <c r="J5" s="92">
        <v>7997</v>
      </c>
      <c r="K5" s="92">
        <v>5013</v>
      </c>
      <c r="L5" s="93">
        <v>61631</v>
      </c>
      <c r="M5" s="95">
        <v>62135</v>
      </c>
      <c r="N5" s="96">
        <v>1</v>
      </c>
      <c r="O5" s="92">
        <v>3</v>
      </c>
      <c r="P5" s="93">
        <v>4</v>
      </c>
      <c r="Q5" s="94">
        <v>0</v>
      </c>
      <c r="R5" s="92">
        <v>200</v>
      </c>
      <c r="S5" s="92">
        <v>330</v>
      </c>
      <c r="T5" s="92">
        <v>240</v>
      </c>
      <c r="U5" s="92">
        <v>157</v>
      </c>
      <c r="V5" s="92">
        <v>166</v>
      </c>
      <c r="W5" s="93">
        <v>1093</v>
      </c>
      <c r="X5" s="95">
        <v>1097</v>
      </c>
      <c r="Y5" s="96">
        <v>195</v>
      </c>
      <c r="Z5" s="92">
        <v>313</v>
      </c>
      <c r="AA5" s="93">
        <v>508</v>
      </c>
      <c r="AB5" s="94">
        <v>0</v>
      </c>
      <c r="AC5" s="92">
        <v>18389</v>
      </c>
      <c r="AD5" s="92">
        <v>18417</v>
      </c>
      <c r="AE5" s="92">
        <v>12585</v>
      </c>
      <c r="AF5" s="92">
        <v>8154</v>
      </c>
      <c r="AG5" s="92">
        <v>5179</v>
      </c>
      <c r="AH5" s="93">
        <v>62724</v>
      </c>
      <c r="AI5" s="95">
        <v>63232</v>
      </c>
    </row>
    <row r="6" spans="2:35" ht="21" customHeight="1" x14ac:dyDescent="0.2">
      <c r="B6" s="18" t="s">
        <v>5</v>
      </c>
      <c r="C6" s="97">
        <v>82</v>
      </c>
      <c r="D6" s="98">
        <v>124</v>
      </c>
      <c r="E6" s="99">
        <v>206</v>
      </c>
      <c r="F6" s="100">
        <v>0</v>
      </c>
      <c r="G6" s="98">
        <v>6609</v>
      </c>
      <c r="H6" s="98">
        <v>8435</v>
      </c>
      <c r="I6" s="98">
        <v>5424</v>
      </c>
      <c r="J6" s="98">
        <v>3465</v>
      </c>
      <c r="K6" s="98">
        <v>2314</v>
      </c>
      <c r="L6" s="99">
        <v>26247</v>
      </c>
      <c r="M6" s="101">
        <v>26453</v>
      </c>
      <c r="N6" s="102">
        <v>0</v>
      </c>
      <c r="O6" s="98">
        <v>0</v>
      </c>
      <c r="P6" s="99">
        <v>0</v>
      </c>
      <c r="Q6" s="100">
        <v>0</v>
      </c>
      <c r="R6" s="98">
        <v>62</v>
      </c>
      <c r="S6" s="98">
        <v>153</v>
      </c>
      <c r="T6" s="98">
        <v>126</v>
      </c>
      <c r="U6" s="98">
        <v>73</v>
      </c>
      <c r="V6" s="98">
        <v>79</v>
      </c>
      <c r="W6" s="99">
        <v>493</v>
      </c>
      <c r="X6" s="101">
        <v>493</v>
      </c>
      <c r="Y6" s="102">
        <v>82</v>
      </c>
      <c r="Z6" s="98">
        <v>124</v>
      </c>
      <c r="AA6" s="99">
        <v>206</v>
      </c>
      <c r="AB6" s="100">
        <v>0</v>
      </c>
      <c r="AC6" s="98">
        <v>6671</v>
      </c>
      <c r="AD6" s="98">
        <v>8588</v>
      </c>
      <c r="AE6" s="98">
        <v>5550</v>
      </c>
      <c r="AF6" s="98">
        <v>3538</v>
      </c>
      <c r="AG6" s="98">
        <v>2393</v>
      </c>
      <c r="AH6" s="99">
        <v>26740</v>
      </c>
      <c r="AI6" s="101">
        <v>26946</v>
      </c>
    </row>
    <row r="7" spans="2:35" ht="21" customHeight="1" x14ac:dyDescent="0.2">
      <c r="B7" s="18" t="s">
        <v>6</v>
      </c>
      <c r="C7" s="97">
        <v>23</v>
      </c>
      <c r="D7" s="98">
        <v>37</v>
      </c>
      <c r="E7" s="99">
        <v>60</v>
      </c>
      <c r="F7" s="100">
        <v>0</v>
      </c>
      <c r="G7" s="98">
        <v>2975</v>
      </c>
      <c r="H7" s="98">
        <v>2421</v>
      </c>
      <c r="I7" s="98">
        <v>1874</v>
      </c>
      <c r="J7" s="98">
        <v>1394</v>
      </c>
      <c r="K7" s="98">
        <v>890</v>
      </c>
      <c r="L7" s="99">
        <v>9554</v>
      </c>
      <c r="M7" s="101">
        <v>9614</v>
      </c>
      <c r="N7" s="102">
        <v>0</v>
      </c>
      <c r="O7" s="98">
        <v>0</v>
      </c>
      <c r="P7" s="99">
        <v>0</v>
      </c>
      <c r="Q7" s="100">
        <v>0</v>
      </c>
      <c r="R7" s="98">
        <v>34</v>
      </c>
      <c r="S7" s="98">
        <v>38</v>
      </c>
      <c r="T7" s="98">
        <v>35</v>
      </c>
      <c r="U7" s="98">
        <v>23</v>
      </c>
      <c r="V7" s="98">
        <v>33</v>
      </c>
      <c r="W7" s="99">
        <v>163</v>
      </c>
      <c r="X7" s="101">
        <v>163</v>
      </c>
      <c r="Y7" s="102">
        <v>23</v>
      </c>
      <c r="Z7" s="98">
        <v>37</v>
      </c>
      <c r="AA7" s="99">
        <v>60</v>
      </c>
      <c r="AB7" s="100">
        <v>0</v>
      </c>
      <c r="AC7" s="98">
        <v>3009</v>
      </c>
      <c r="AD7" s="98">
        <v>2459</v>
      </c>
      <c r="AE7" s="98">
        <v>1909</v>
      </c>
      <c r="AF7" s="98">
        <v>1417</v>
      </c>
      <c r="AG7" s="98">
        <v>923</v>
      </c>
      <c r="AH7" s="99">
        <v>9717</v>
      </c>
      <c r="AI7" s="101">
        <v>9777</v>
      </c>
    </row>
    <row r="8" spans="2:35" ht="21" customHeight="1" x14ac:dyDescent="0.2">
      <c r="B8" s="18" t="s">
        <v>14</v>
      </c>
      <c r="C8" s="97">
        <v>19</v>
      </c>
      <c r="D8" s="98">
        <v>26</v>
      </c>
      <c r="E8" s="99">
        <v>45</v>
      </c>
      <c r="F8" s="100">
        <v>0</v>
      </c>
      <c r="G8" s="98">
        <v>1375</v>
      </c>
      <c r="H8" s="98">
        <v>1480</v>
      </c>
      <c r="I8" s="98">
        <v>1025</v>
      </c>
      <c r="J8" s="98">
        <v>631</v>
      </c>
      <c r="K8" s="98">
        <v>336</v>
      </c>
      <c r="L8" s="99">
        <v>4847</v>
      </c>
      <c r="M8" s="101">
        <v>4892</v>
      </c>
      <c r="N8" s="102">
        <v>0</v>
      </c>
      <c r="O8" s="98">
        <v>0</v>
      </c>
      <c r="P8" s="99">
        <v>0</v>
      </c>
      <c r="Q8" s="100">
        <v>0</v>
      </c>
      <c r="R8" s="98">
        <v>10</v>
      </c>
      <c r="S8" s="98">
        <v>34</v>
      </c>
      <c r="T8" s="98">
        <v>10</v>
      </c>
      <c r="U8" s="98">
        <v>8</v>
      </c>
      <c r="V8" s="98">
        <v>11</v>
      </c>
      <c r="W8" s="99">
        <v>73</v>
      </c>
      <c r="X8" s="101">
        <v>73</v>
      </c>
      <c r="Y8" s="102">
        <v>19</v>
      </c>
      <c r="Z8" s="98">
        <v>26</v>
      </c>
      <c r="AA8" s="99">
        <v>45</v>
      </c>
      <c r="AB8" s="100">
        <v>0</v>
      </c>
      <c r="AC8" s="98">
        <v>1385</v>
      </c>
      <c r="AD8" s="98">
        <v>1514</v>
      </c>
      <c r="AE8" s="98">
        <v>1035</v>
      </c>
      <c r="AF8" s="98">
        <v>639</v>
      </c>
      <c r="AG8" s="98">
        <v>347</v>
      </c>
      <c r="AH8" s="99">
        <v>4920</v>
      </c>
      <c r="AI8" s="101">
        <v>4965</v>
      </c>
    </row>
    <row r="9" spans="2:35" ht="21" customHeight="1" x14ac:dyDescent="0.2">
      <c r="B9" s="18" t="s">
        <v>7</v>
      </c>
      <c r="C9" s="97">
        <v>6</v>
      </c>
      <c r="D9" s="98">
        <v>12</v>
      </c>
      <c r="E9" s="99">
        <v>18</v>
      </c>
      <c r="F9" s="100">
        <v>0</v>
      </c>
      <c r="G9" s="98">
        <v>1282</v>
      </c>
      <c r="H9" s="98">
        <v>863</v>
      </c>
      <c r="I9" s="98">
        <v>620</v>
      </c>
      <c r="J9" s="98">
        <v>335</v>
      </c>
      <c r="K9" s="98">
        <v>159</v>
      </c>
      <c r="L9" s="99">
        <v>3259</v>
      </c>
      <c r="M9" s="101">
        <v>3277</v>
      </c>
      <c r="N9" s="102">
        <v>1</v>
      </c>
      <c r="O9" s="98">
        <v>0</v>
      </c>
      <c r="P9" s="99">
        <v>1</v>
      </c>
      <c r="Q9" s="100">
        <v>0</v>
      </c>
      <c r="R9" s="98">
        <v>15</v>
      </c>
      <c r="S9" s="98">
        <v>15</v>
      </c>
      <c r="T9" s="98">
        <v>6</v>
      </c>
      <c r="U9" s="98">
        <v>5</v>
      </c>
      <c r="V9" s="98">
        <v>10</v>
      </c>
      <c r="W9" s="99">
        <v>51</v>
      </c>
      <c r="X9" s="101">
        <v>52</v>
      </c>
      <c r="Y9" s="102">
        <v>7</v>
      </c>
      <c r="Z9" s="98">
        <v>12</v>
      </c>
      <c r="AA9" s="99">
        <v>19</v>
      </c>
      <c r="AB9" s="100">
        <v>0</v>
      </c>
      <c r="AC9" s="98">
        <v>1297</v>
      </c>
      <c r="AD9" s="98">
        <v>878</v>
      </c>
      <c r="AE9" s="98">
        <v>626</v>
      </c>
      <c r="AF9" s="98">
        <v>340</v>
      </c>
      <c r="AG9" s="98">
        <v>169</v>
      </c>
      <c r="AH9" s="99">
        <v>3310</v>
      </c>
      <c r="AI9" s="101">
        <v>3329</v>
      </c>
    </row>
    <row r="10" spans="2:35" ht="21" customHeight="1" x14ac:dyDescent="0.2">
      <c r="B10" s="18" t="s">
        <v>8</v>
      </c>
      <c r="C10" s="97">
        <v>7</v>
      </c>
      <c r="D10" s="98">
        <v>10</v>
      </c>
      <c r="E10" s="99">
        <v>17</v>
      </c>
      <c r="F10" s="100">
        <v>0</v>
      </c>
      <c r="G10" s="98">
        <v>726</v>
      </c>
      <c r="H10" s="98">
        <v>649</v>
      </c>
      <c r="I10" s="98">
        <v>400</v>
      </c>
      <c r="J10" s="98">
        <v>225</v>
      </c>
      <c r="K10" s="98">
        <v>131</v>
      </c>
      <c r="L10" s="99">
        <v>2131</v>
      </c>
      <c r="M10" s="101">
        <v>2148</v>
      </c>
      <c r="N10" s="102">
        <v>0</v>
      </c>
      <c r="O10" s="98">
        <v>1</v>
      </c>
      <c r="P10" s="99">
        <v>1</v>
      </c>
      <c r="Q10" s="100">
        <v>0</v>
      </c>
      <c r="R10" s="98">
        <v>19</v>
      </c>
      <c r="S10" s="98">
        <v>16</v>
      </c>
      <c r="T10" s="98">
        <v>6</v>
      </c>
      <c r="U10" s="98">
        <v>3</v>
      </c>
      <c r="V10" s="98">
        <v>4</v>
      </c>
      <c r="W10" s="99">
        <v>48</v>
      </c>
      <c r="X10" s="101">
        <v>49</v>
      </c>
      <c r="Y10" s="102">
        <v>7</v>
      </c>
      <c r="Z10" s="98">
        <v>11</v>
      </c>
      <c r="AA10" s="99">
        <v>18</v>
      </c>
      <c r="AB10" s="100">
        <v>0</v>
      </c>
      <c r="AC10" s="98">
        <v>745</v>
      </c>
      <c r="AD10" s="98">
        <v>665</v>
      </c>
      <c r="AE10" s="98">
        <v>406</v>
      </c>
      <c r="AF10" s="98">
        <v>228</v>
      </c>
      <c r="AG10" s="98">
        <v>135</v>
      </c>
      <c r="AH10" s="99">
        <v>2179</v>
      </c>
      <c r="AI10" s="101">
        <v>2197</v>
      </c>
    </row>
    <row r="11" spans="2:35" ht="21" customHeight="1" x14ac:dyDescent="0.2">
      <c r="B11" s="18" t="s">
        <v>9</v>
      </c>
      <c r="C11" s="97">
        <v>4</v>
      </c>
      <c r="D11" s="98">
        <v>7</v>
      </c>
      <c r="E11" s="99">
        <v>11</v>
      </c>
      <c r="F11" s="100">
        <v>0</v>
      </c>
      <c r="G11" s="98">
        <v>494</v>
      </c>
      <c r="H11" s="98">
        <v>365</v>
      </c>
      <c r="I11" s="98">
        <v>284</v>
      </c>
      <c r="J11" s="98">
        <v>179</v>
      </c>
      <c r="K11" s="98">
        <v>80</v>
      </c>
      <c r="L11" s="99">
        <v>1402</v>
      </c>
      <c r="M11" s="101">
        <v>1413</v>
      </c>
      <c r="N11" s="102">
        <v>0</v>
      </c>
      <c r="O11" s="98">
        <v>0</v>
      </c>
      <c r="P11" s="99">
        <v>0</v>
      </c>
      <c r="Q11" s="100">
        <v>0</v>
      </c>
      <c r="R11" s="98">
        <v>12</v>
      </c>
      <c r="S11" s="98">
        <v>11</v>
      </c>
      <c r="T11" s="98">
        <v>6</v>
      </c>
      <c r="U11" s="98">
        <v>5</v>
      </c>
      <c r="V11" s="98">
        <v>2</v>
      </c>
      <c r="W11" s="99">
        <v>36</v>
      </c>
      <c r="X11" s="101">
        <v>36</v>
      </c>
      <c r="Y11" s="102">
        <v>4</v>
      </c>
      <c r="Z11" s="98">
        <v>7</v>
      </c>
      <c r="AA11" s="99">
        <v>11</v>
      </c>
      <c r="AB11" s="100">
        <v>0</v>
      </c>
      <c r="AC11" s="98">
        <v>506</v>
      </c>
      <c r="AD11" s="98">
        <v>376</v>
      </c>
      <c r="AE11" s="98">
        <v>290</v>
      </c>
      <c r="AF11" s="98">
        <v>184</v>
      </c>
      <c r="AG11" s="98">
        <v>82</v>
      </c>
      <c r="AH11" s="99">
        <v>1438</v>
      </c>
      <c r="AI11" s="101">
        <v>1449</v>
      </c>
    </row>
    <row r="12" spans="2:35" ht="21" customHeight="1" x14ac:dyDescent="0.2">
      <c r="B12" s="18" t="s">
        <v>10</v>
      </c>
      <c r="C12" s="97">
        <v>10</v>
      </c>
      <c r="D12" s="98">
        <v>25</v>
      </c>
      <c r="E12" s="99">
        <v>35</v>
      </c>
      <c r="F12" s="100">
        <v>0</v>
      </c>
      <c r="G12" s="98">
        <v>849</v>
      </c>
      <c r="H12" s="98">
        <v>570</v>
      </c>
      <c r="I12" s="98">
        <v>408</v>
      </c>
      <c r="J12" s="98">
        <v>308</v>
      </c>
      <c r="K12" s="98">
        <v>259</v>
      </c>
      <c r="L12" s="99">
        <v>2394</v>
      </c>
      <c r="M12" s="101">
        <v>2429</v>
      </c>
      <c r="N12" s="102">
        <v>0</v>
      </c>
      <c r="O12" s="98">
        <v>1</v>
      </c>
      <c r="P12" s="99">
        <v>1</v>
      </c>
      <c r="Q12" s="100">
        <v>0</v>
      </c>
      <c r="R12" s="98">
        <v>11</v>
      </c>
      <c r="S12" s="98">
        <v>8</v>
      </c>
      <c r="T12" s="98">
        <v>9</v>
      </c>
      <c r="U12" s="98">
        <v>7</v>
      </c>
      <c r="V12" s="98">
        <v>5</v>
      </c>
      <c r="W12" s="99">
        <v>40</v>
      </c>
      <c r="X12" s="101">
        <v>41</v>
      </c>
      <c r="Y12" s="102">
        <v>10</v>
      </c>
      <c r="Z12" s="98">
        <v>26</v>
      </c>
      <c r="AA12" s="99">
        <v>36</v>
      </c>
      <c r="AB12" s="100">
        <v>0</v>
      </c>
      <c r="AC12" s="98">
        <v>860</v>
      </c>
      <c r="AD12" s="98">
        <v>578</v>
      </c>
      <c r="AE12" s="98">
        <v>417</v>
      </c>
      <c r="AF12" s="98">
        <v>315</v>
      </c>
      <c r="AG12" s="98">
        <v>264</v>
      </c>
      <c r="AH12" s="99">
        <v>2434</v>
      </c>
      <c r="AI12" s="101">
        <v>2470</v>
      </c>
    </row>
    <row r="13" spans="2:35" ht="21" customHeight="1" x14ac:dyDescent="0.2">
      <c r="B13" s="18" t="s">
        <v>11</v>
      </c>
      <c r="C13" s="97">
        <v>4</v>
      </c>
      <c r="D13" s="98">
        <v>11</v>
      </c>
      <c r="E13" s="99">
        <v>15</v>
      </c>
      <c r="F13" s="100">
        <v>0</v>
      </c>
      <c r="G13" s="98">
        <v>655</v>
      </c>
      <c r="H13" s="98">
        <v>405</v>
      </c>
      <c r="I13" s="98">
        <v>259</v>
      </c>
      <c r="J13" s="98">
        <v>158</v>
      </c>
      <c r="K13" s="98">
        <v>84</v>
      </c>
      <c r="L13" s="99">
        <v>1561</v>
      </c>
      <c r="M13" s="101">
        <v>1576</v>
      </c>
      <c r="N13" s="102">
        <v>0</v>
      </c>
      <c r="O13" s="98">
        <v>0</v>
      </c>
      <c r="P13" s="99">
        <v>0</v>
      </c>
      <c r="Q13" s="100">
        <v>0</v>
      </c>
      <c r="R13" s="98">
        <v>7</v>
      </c>
      <c r="S13" s="98">
        <v>7</v>
      </c>
      <c r="T13" s="98">
        <v>2</v>
      </c>
      <c r="U13" s="98">
        <v>2</v>
      </c>
      <c r="V13" s="98">
        <v>3</v>
      </c>
      <c r="W13" s="99">
        <v>21</v>
      </c>
      <c r="X13" s="101">
        <v>21</v>
      </c>
      <c r="Y13" s="102">
        <v>4</v>
      </c>
      <c r="Z13" s="98">
        <v>11</v>
      </c>
      <c r="AA13" s="99">
        <v>15</v>
      </c>
      <c r="AB13" s="100">
        <v>0</v>
      </c>
      <c r="AC13" s="98">
        <v>662</v>
      </c>
      <c r="AD13" s="98">
        <v>412</v>
      </c>
      <c r="AE13" s="98">
        <v>261</v>
      </c>
      <c r="AF13" s="98">
        <v>160</v>
      </c>
      <c r="AG13" s="98">
        <v>87</v>
      </c>
      <c r="AH13" s="99">
        <v>1582</v>
      </c>
      <c r="AI13" s="101">
        <v>1597</v>
      </c>
    </row>
    <row r="14" spans="2:35" ht="21" customHeight="1" x14ac:dyDescent="0.2">
      <c r="B14" s="18" t="s">
        <v>12</v>
      </c>
      <c r="C14" s="97">
        <v>0</v>
      </c>
      <c r="D14" s="98">
        <v>1</v>
      </c>
      <c r="E14" s="99">
        <v>1</v>
      </c>
      <c r="F14" s="100">
        <v>0</v>
      </c>
      <c r="G14" s="98">
        <v>473</v>
      </c>
      <c r="H14" s="98">
        <v>338</v>
      </c>
      <c r="I14" s="98">
        <v>289</v>
      </c>
      <c r="J14" s="98">
        <v>215</v>
      </c>
      <c r="K14" s="98">
        <v>121</v>
      </c>
      <c r="L14" s="99">
        <v>1436</v>
      </c>
      <c r="M14" s="101">
        <v>1437</v>
      </c>
      <c r="N14" s="102">
        <v>0</v>
      </c>
      <c r="O14" s="98">
        <v>0</v>
      </c>
      <c r="P14" s="99">
        <v>0</v>
      </c>
      <c r="Q14" s="100">
        <v>0</v>
      </c>
      <c r="R14" s="98">
        <v>4</v>
      </c>
      <c r="S14" s="98">
        <v>5</v>
      </c>
      <c r="T14" s="98">
        <v>6</v>
      </c>
      <c r="U14" s="98">
        <v>4</v>
      </c>
      <c r="V14" s="98">
        <v>3</v>
      </c>
      <c r="W14" s="99">
        <v>22</v>
      </c>
      <c r="X14" s="101">
        <v>22</v>
      </c>
      <c r="Y14" s="102">
        <v>0</v>
      </c>
      <c r="Z14" s="98">
        <v>1</v>
      </c>
      <c r="AA14" s="99">
        <v>1</v>
      </c>
      <c r="AB14" s="100">
        <v>0</v>
      </c>
      <c r="AC14" s="98">
        <v>477</v>
      </c>
      <c r="AD14" s="98">
        <v>343</v>
      </c>
      <c r="AE14" s="98">
        <v>295</v>
      </c>
      <c r="AF14" s="98">
        <v>219</v>
      </c>
      <c r="AG14" s="98">
        <v>124</v>
      </c>
      <c r="AH14" s="99">
        <v>1458</v>
      </c>
      <c r="AI14" s="101">
        <v>1459</v>
      </c>
    </row>
    <row r="15" spans="2:35" ht="21" customHeight="1" x14ac:dyDescent="0.2">
      <c r="B15" s="18" t="s">
        <v>13</v>
      </c>
      <c r="C15" s="97">
        <v>1</v>
      </c>
      <c r="D15" s="98">
        <v>2</v>
      </c>
      <c r="E15" s="99">
        <v>3</v>
      </c>
      <c r="F15" s="100">
        <v>0</v>
      </c>
      <c r="G15" s="98">
        <v>155</v>
      </c>
      <c r="H15" s="98">
        <v>154</v>
      </c>
      <c r="I15" s="98">
        <v>89</v>
      </c>
      <c r="J15" s="98">
        <v>65</v>
      </c>
      <c r="K15" s="98">
        <v>34</v>
      </c>
      <c r="L15" s="99">
        <v>497</v>
      </c>
      <c r="M15" s="101">
        <v>500</v>
      </c>
      <c r="N15" s="102">
        <v>0</v>
      </c>
      <c r="O15" s="98">
        <v>0</v>
      </c>
      <c r="P15" s="99">
        <v>0</v>
      </c>
      <c r="Q15" s="100">
        <v>0</v>
      </c>
      <c r="R15" s="98">
        <v>2</v>
      </c>
      <c r="S15" s="98">
        <v>2</v>
      </c>
      <c r="T15" s="98">
        <v>5</v>
      </c>
      <c r="U15" s="98">
        <v>1</v>
      </c>
      <c r="V15" s="98">
        <v>0</v>
      </c>
      <c r="W15" s="99">
        <v>10</v>
      </c>
      <c r="X15" s="101">
        <v>10</v>
      </c>
      <c r="Y15" s="102">
        <v>1</v>
      </c>
      <c r="Z15" s="98">
        <v>2</v>
      </c>
      <c r="AA15" s="99">
        <v>3</v>
      </c>
      <c r="AB15" s="100">
        <v>0</v>
      </c>
      <c r="AC15" s="98">
        <v>157</v>
      </c>
      <c r="AD15" s="98">
        <v>156</v>
      </c>
      <c r="AE15" s="98">
        <v>94</v>
      </c>
      <c r="AF15" s="98">
        <v>66</v>
      </c>
      <c r="AG15" s="98">
        <v>34</v>
      </c>
      <c r="AH15" s="99">
        <v>507</v>
      </c>
      <c r="AI15" s="101">
        <v>510</v>
      </c>
    </row>
    <row r="16" spans="2:35" ht="21" customHeight="1" x14ac:dyDescent="0.2">
      <c r="B16" s="18" t="s">
        <v>15</v>
      </c>
      <c r="C16" s="97">
        <v>3</v>
      </c>
      <c r="D16" s="98">
        <v>14</v>
      </c>
      <c r="E16" s="99">
        <v>17</v>
      </c>
      <c r="F16" s="100">
        <v>0</v>
      </c>
      <c r="G16" s="98">
        <v>197</v>
      </c>
      <c r="H16" s="98">
        <v>208</v>
      </c>
      <c r="I16" s="98">
        <v>145</v>
      </c>
      <c r="J16" s="98">
        <v>107</v>
      </c>
      <c r="K16" s="98">
        <v>45</v>
      </c>
      <c r="L16" s="99">
        <v>702</v>
      </c>
      <c r="M16" s="101">
        <v>719</v>
      </c>
      <c r="N16" s="102">
        <v>0</v>
      </c>
      <c r="O16" s="98">
        <v>1</v>
      </c>
      <c r="P16" s="99">
        <v>1</v>
      </c>
      <c r="Q16" s="100">
        <v>0</v>
      </c>
      <c r="R16" s="98">
        <v>3</v>
      </c>
      <c r="S16" s="98">
        <v>6</v>
      </c>
      <c r="T16" s="98">
        <v>1</v>
      </c>
      <c r="U16" s="98">
        <v>1</v>
      </c>
      <c r="V16" s="98">
        <v>1</v>
      </c>
      <c r="W16" s="99">
        <v>12</v>
      </c>
      <c r="X16" s="101">
        <v>13</v>
      </c>
      <c r="Y16" s="102">
        <v>3</v>
      </c>
      <c r="Z16" s="98">
        <v>15</v>
      </c>
      <c r="AA16" s="99">
        <v>18</v>
      </c>
      <c r="AB16" s="100">
        <v>0</v>
      </c>
      <c r="AC16" s="98">
        <v>200</v>
      </c>
      <c r="AD16" s="98">
        <v>214</v>
      </c>
      <c r="AE16" s="98">
        <v>146</v>
      </c>
      <c r="AF16" s="98">
        <v>108</v>
      </c>
      <c r="AG16" s="98">
        <v>46</v>
      </c>
      <c r="AH16" s="99">
        <v>714</v>
      </c>
      <c r="AI16" s="101">
        <v>732</v>
      </c>
    </row>
    <row r="17" spans="2:35" ht="21" customHeight="1" x14ac:dyDescent="0.2">
      <c r="B17" s="18" t="s">
        <v>16</v>
      </c>
      <c r="C17" s="97">
        <v>1</v>
      </c>
      <c r="D17" s="98">
        <v>1</v>
      </c>
      <c r="E17" s="99">
        <v>2</v>
      </c>
      <c r="F17" s="100">
        <v>0</v>
      </c>
      <c r="G17" s="98">
        <v>194</v>
      </c>
      <c r="H17" s="98">
        <v>279</v>
      </c>
      <c r="I17" s="98">
        <v>196</v>
      </c>
      <c r="J17" s="98">
        <v>130</v>
      </c>
      <c r="K17" s="98">
        <v>78</v>
      </c>
      <c r="L17" s="99">
        <v>877</v>
      </c>
      <c r="M17" s="101">
        <v>879</v>
      </c>
      <c r="N17" s="102">
        <v>0</v>
      </c>
      <c r="O17" s="98">
        <v>0</v>
      </c>
      <c r="P17" s="99">
        <v>0</v>
      </c>
      <c r="Q17" s="100">
        <v>0</v>
      </c>
      <c r="R17" s="98">
        <v>1</v>
      </c>
      <c r="S17" s="98">
        <v>2</v>
      </c>
      <c r="T17" s="98">
        <v>5</v>
      </c>
      <c r="U17" s="98">
        <v>2</v>
      </c>
      <c r="V17" s="98">
        <v>3</v>
      </c>
      <c r="W17" s="99">
        <v>13</v>
      </c>
      <c r="X17" s="101">
        <v>13</v>
      </c>
      <c r="Y17" s="102">
        <v>1</v>
      </c>
      <c r="Z17" s="98">
        <v>1</v>
      </c>
      <c r="AA17" s="99">
        <v>2</v>
      </c>
      <c r="AB17" s="100">
        <v>0</v>
      </c>
      <c r="AC17" s="98">
        <v>195</v>
      </c>
      <c r="AD17" s="98">
        <v>281</v>
      </c>
      <c r="AE17" s="98">
        <v>201</v>
      </c>
      <c r="AF17" s="98">
        <v>132</v>
      </c>
      <c r="AG17" s="98">
        <v>81</v>
      </c>
      <c r="AH17" s="99">
        <v>890</v>
      </c>
      <c r="AI17" s="101">
        <v>892</v>
      </c>
    </row>
    <row r="18" spans="2:35" ht="21" customHeight="1" x14ac:dyDescent="0.2">
      <c r="B18" s="18" t="s">
        <v>17</v>
      </c>
      <c r="C18" s="97">
        <v>4</v>
      </c>
      <c r="D18" s="98">
        <v>4</v>
      </c>
      <c r="E18" s="99">
        <v>8</v>
      </c>
      <c r="F18" s="100">
        <v>0</v>
      </c>
      <c r="G18" s="98">
        <v>311</v>
      </c>
      <c r="H18" s="98">
        <v>385</v>
      </c>
      <c r="I18" s="98">
        <v>256</v>
      </c>
      <c r="J18" s="98">
        <v>200</v>
      </c>
      <c r="K18" s="98">
        <v>136</v>
      </c>
      <c r="L18" s="99">
        <v>1288</v>
      </c>
      <c r="M18" s="101">
        <v>1296</v>
      </c>
      <c r="N18" s="102">
        <v>0</v>
      </c>
      <c r="O18" s="98">
        <v>0</v>
      </c>
      <c r="P18" s="99">
        <v>0</v>
      </c>
      <c r="Q18" s="100">
        <v>0</v>
      </c>
      <c r="R18" s="98">
        <v>3</v>
      </c>
      <c r="S18" s="98">
        <v>14</v>
      </c>
      <c r="T18" s="98">
        <v>10</v>
      </c>
      <c r="U18" s="98">
        <v>11</v>
      </c>
      <c r="V18" s="98">
        <v>5</v>
      </c>
      <c r="W18" s="99">
        <v>43</v>
      </c>
      <c r="X18" s="101">
        <v>43</v>
      </c>
      <c r="Y18" s="102">
        <v>4</v>
      </c>
      <c r="Z18" s="98">
        <v>4</v>
      </c>
      <c r="AA18" s="99">
        <v>8</v>
      </c>
      <c r="AB18" s="100">
        <v>0</v>
      </c>
      <c r="AC18" s="98">
        <v>314</v>
      </c>
      <c r="AD18" s="98">
        <v>399</v>
      </c>
      <c r="AE18" s="98">
        <v>266</v>
      </c>
      <c r="AF18" s="98">
        <v>211</v>
      </c>
      <c r="AG18" s="98">
        <v>141</v>
      </c>
      <c r="AH18" s="99">
        <v>1331</v>
      </c>
      <c r="AI18" s="101">
        <v>1339</v>
      </c>
    </row>
    <row r="19" spans="2:35" ht="21" customHeight="1" x14ac:dyDescent="0.2">
      <c r="B19" s="18" t="s">
        <v>18</v>
      </c>
      <c r="C19" s="97">
        <v>10</v>
      </c>
      <c r="D19" s="98">
        <v>11</v>
      </c>
      <c r="E19" s="99">
        <v>21</v>
      </c>
      <c r="F19" s="100">
        <v>0</v>
      </c>
      <c r="G19" s="98">
        <v>386</v>
      </c>
      <c r="H19" s="98">
        <v>333</v>
      </c>
      <c r="I19" s="98">
        <v>266</v>
      </c>
      <c r="J19" s="98">
        <v>150</v>
      </c>
      <c r="K19" s="98">
        <v>94</v>
      </c>
      <c r="L19" s="99">
        <v>1229</v>
      </c>
      <c r="M19" s="101">
        <v>1250</v>
      </c>
      <c r="N19" s="102">
        <v>0</v>
      </c>
      <c r="O19" s="98">
        <v>0</v>
      </c>
      <c r="P19" s="99">
        <v>0</v>
      </c>
      <c r="Q19" s="100">
        <v>0</v>
      </c>
      <c r="R19" s="98">
        <v>3</v>
      </c>
      <c r="S19" s="98">
        <v>4</v>
      </c>
      <c r="T19" s="98">
        <v>1</v>
      </c>
      <c r="U19" s="98">
        <v>5</v>
      </c>
      <c r="V19" s="98">
        <v>3</v>
      </c>
      <c r="W19" s="99">
        <v>16</v>
      </c>
      <c r="X19" s="101">
        <v>16</v>
      </c>
      <c r="Y19" s="102">
        <v>10</v>
      </c>
      <c r="Z19" s="98">
        <v>11</v>
      </c>
      <c r="AA19" s="99">
        <v>21</v>
      </c>
      <c r="AB19" s="100">
        <v>0</v>
      </c>
      <c r="AC19" s="98">
        <v>389</v>
      </c>
      <c r="AD19" s="98">
        <v>337</v>
      </c>
      <c r="AE19" s="98">
        <v>267</v>
      </c>
      <c r="AF19" s="98">
        <v>155</v>
      </c>
      <c r="AG19" s="98">
        <v>97</v>
      </c>
      <c r="AH19" s="99">
        <v>1245</v>
      </c>
      <c r="AI19" s="101">
        <v>1266</v>
      </c>
    </row>
    <row r="20" spans="2:35" ht="21" customHeight="1" x14ac:dyDescent="0.2">
      <c r="B20" s="18" t="s">
        <v>19</v>
      </c>
      <c r="C20" s="97">
        <v>1</v>
      </c>
      <c r="D20" s="98">
        <v>4</v>
      </c>
      <c r="E20" s="99">
        <v>5</v>
      </c>
      <c r="F20" s="100">
        <v>0</v>
      </c>
      <c r="G20" s="98">
        <v>205</v>
      </c>
      <c r="H20" s="98">
        <v>194</v>
      </c>
      <c r="I20" s="98">
        <v>124</v>
      </c>
      <c r="J20" s="98">
        <v>63</v>
      </c>
      <c r="K20" s="98">
        <v>57</v>
      </c>
      <c r="L20" s="99">
        <v>643</v>
      </c>
      <c r="M20" s="101">
        <v>648</v>
      </c>
      <c r="N20" s="102">
        <v>0</v>
      </c>
      <c r="O20" s="98">
        <v>0</v>
      </c>
      <c r="P20" s="99">
        <v>0</v>
      </c>
      <c r="Q20" s="100">
        <v>0</v>
      </c>
      <c r="R20" s="98">
        <v>0</v>
      </c>
      <c r="S20" s="98">
        <v>1</v>
      </c>
      <c r="T20" s="98">
        <v>3</v>
      </c>
      <c r="U20" s="98">
        <v>2</v>
      </c>
      <c r="V20" s="98">
        <v>0</v>
      </c>
      <c r="W20" s="99">
        <v>6</v>
      </c>
      <c r="X20" s="101">
        <v>6</v>
      </c>
      <c r="Y20" s="102">
        <v>1</v>
      </c>
      <c r="Z20" s="98">
        <v>4</v>
      </c>
      <c r="AA20" s="99">
        <v>5</v>
      </c>
      <c r="AB20" s="100">
        <v>0</v>
      </c>
      <c r="AC20" s="98">
        <v>205</v>
      </c>
      <c r="AD20" s="98">
        <v>195</v>
      </c>
      <c r="AE20" s="98">
        <v>127</v>
      </c>
      <c r="AF20" s="98">
        <v>65</v>
      </c>
      <c r="AG20" s="98">
        <v>57</v>
      </c>
      <c r="AH20" s="99">
        <v>649</v>
      </c>
      <c r="AI20" s="101">
        <v>654</v>
      </c>
    </row>
    <row r="21" spans="2:35" ht="21" customHeight="1" x14ac:dyDescent="0.2">
      <c r="B21" s="18" t="s">
        <v>20</v>
      </c>
      <c r="C21" s="97">
        <v>1</v>
      </c>
      <c r="D21" s="98">
        <v>1</v>
      </c>
      <c r="E21" s="99">
        <v>2</v>
      </c>
      <c r="F21" s="100">
        <v>0</v>
      </c>
      <c r="G21" s="98">
        <v>213</v>
      </c>
      <c r="H21" s="98">
        <v>120</v>
      </c>
      <c r="I21" s="98">
        <v>91</v>
      </c>
      <c r="J21" s="98">
        <v>42</v>
      </c>
      <c r="K21" s="98">
        <v>18</v>
      </c>
      <c r="L21" s="99">
        <v>484</v>
      </c>
      <c r="M21" s="101">
        <v>486</v>
      </c>
      <c r="N21" s="102">
        <v>0</v>
      </c>
      <c r="O21" s="98">
        <v>0</v>
      </c>
      <c r="P21" s="99">
        <v>0</v>
      </c>
      <c r="Q21" s="100">
        <v>0</v>
      </c>
      <c r="R21" s="98">
        <v>5</v>
      </c>
      <c r="S21" s="98">
        <v>0</v>
      </c>
      <c r="T21" s="98">
        <v>0</v>
      </c>
      <c r="U21" s="98">
        <v>0</v>
      </c>
      <c r="V21" s="98">
        <v>0</v>
      </c>
      <c r="W21" s="99">
        <v>5</v>
      </c>
      <c r="X21" s="101">
        <v>5</v>
      </c>
      <c r="Y21" s="102">
        <v>1</v>
      </c>
      <c r="Z21" s="98">
        <v>1</v>
      </c>
      <c r="AA21" s="99">
        <v>2</v>
      </c>
      <c r="AB21" s="100">
        <v>0</v>
      </c>
      <c r="AC21" s="98">
        <v>218</v>
      </c>
      <c r="AD21" s="98">
        <v>120</v>
      </c>
      <c r="AE21" s="98">
        <v>91</v>
      </c>
      <c r="AF21" s="98">
        <v>42</v>
      </c>
      <c r="AG21" s="98">
        <v>18</v>
      </c>
      <c r="AH21" s="99">
        <v>489</v>
      </c>
      <c r="AI21" s="101">
        <v>491</v>
      </c>
    </row>
    <row r="22" spans="2:35" ht="21" customHeight="1" x14ac:dyDescent="0.2">
      <c r="B22" s="18" t="s">
        <v>21</v>
      </c>
      <c r="C22" s="97">
        <v>0</v>
      </c>
      <c r="D22" s="98">
        <v>0</v>
      </c>
      <c r="E22" s="99">
        <v>0</v>
      </c>
      <c r="F22" s="100">
        <v>0</v>
      </c>
      <c r="G22" s="98">
        <v>188</v>
      </c>
      <c r="H22" s="98">
        <v>225</v>
      </c>
      <c r="I22" s="98">
        <v>115</v>
      </c>
      <c r="J22" s="98">
        <v>57</v>
      </c>
      <c r="K22" s="98">
        <v>30</v>
      </c>
      <c r="L22" s="99">
        <v>615</v>
      </c>
      <c r="M22" s="101">
        <v>615</v>
      </c>
      <c r="N22" s="102">
        <v>0</v>
      </c>
      <c r="O22" s="98">
        <v>0</v>
      </c>
      <c r="P22" s="99">
        <v>0</v>
      </c>
      <c r="Q22" s="100">
        <v>0</v>
      </c>
      <c r="R22" s="98">
        <v>0</v>
      </c>
      <c r="S22" s="98">
        <v>6</v>
      </c>
      <c r="T22" s="98">
        <v>3</v>
      </c>
      <c r="U22" s="98">
        <v>2</v>
      </c>
      <c r="V22" s="98">
        <v>3</v>
      </c>
      <c r="W22" s="99">
        <v>14</v>
      </c>
      <c r="X22" s="101">
        <v>14</v>
      </c>
      <c r="Y22" s="102">
        <v>0</v>
      </c>
      <c r="Z22" s="98">
        <v>0</v>
      </c>
      <c r="AA22" s="99">
        <v>0</v>
      </c>
      <c r="AB22" s="100">
        <v>0</v>
      </c>
      <c r="AC22" s="98">
        <v>188</v>
      </c>
      <c r="AD22" s="98">
        <v>231</v>
      </c>
      <c r="AE22" s="98">
        <v>118</v>
      </c>
      <c r="AF22" s="98">
        <v>59</v>
      </c>
      <c r="AG22" s="98">
        <v>33</v>
      </c>
      <c r="AH22" s="99">
        <v>629</v>
      </c>
      <c r="AI22" s="101">
        <v>629</v>
      </c>
    </row>
    <row r="23" spans="2:35" ht="21" customHeight="1" x14ac:dyDescent="0.2">
      <c r="B23" s="18" t="s">
        <v>22</v>
      </c>
      <c r="C23" s="97">
        <v>3</v>
      </c>
      <c r="D23" s="98">
        <v>5</v>
      </c>
      <c r="E23" s="99">
        <v>8</v>
      </c>
      <c r="F23" s="100">
        <v>0</v>
      </c>
      <c r="G23" s="98">
        <v>170</v>
      </c>
      <c r="H23" s="98">
        <v>143</v>
      </c>
      <c r="I23" s="98">
        <v>71</v>
      </c>
      <c r="J23" s="98">
        <v>57</v>
      </c>
      <c r="K23" s="98">
        <v>21</v>
      </c>
      <c r="L23" s="99">
        <v>462</v>
      </c>
      <c r="M23" s="101">
        <v>470</v>
      </c>
      <c r="N23" s="102">
        <v>0</v>
      </c>
      <c r="O23" s="98">
        <v>0</v>
      </c>
      <c r="P23" s="99">
        <v>0</v>
      </c>
      <c r="Q23" s="100">
        <v>0</v>
      </c>
      <c r="R23" s="98">
        <v>4</v>
      </c>
      <c r="S23" s="98">
        <v>0</v>
      </c>
      <c r="T23" s="98">
        <v>2</v>
      </c>
      <c r="U23" s="98">
        <v>1</v>
      </c>
      <c r="V23" s="98">
        <v>0</v>
      </c>
      <c r="W23" s="99">
        <v>7</v>
      </c>
      <c r="X23" s="101">
        <v>7</v>
      </c>
      <c r="Y23" s="102">
        <v>3</v>
      </c>
      <c r="Z23" s="98">
        <v>5</v>
      </c>
      <c r="AA23" s="99">
        <v>8</v>
      </c>
      <c r="AB23" s="100">
        <v>0</v>
      </c>
      <c r="AC23" s="98">
        <v>174</v>
      </c>
      <c r="AD23" s="98">
        <v>143</v>
      </c>
      <c r="AE23" s="98">
        <v>73</v>
      </c>
      <c r="AF23" s="98">
        <v>58</v>
      </c>
      <c r="AG23" s="98">
        <v>21</v>
      </c>
      <c r="AH23" s="99">
        <v>469</v>
      </c>
      <c r="AI23" s="101">
        <v>477</v>
      </c>
    </row>
    <row r="24" spans="2:35" ht="21" customHeight="1" x14ac:dyDescent="0.2">
      <c r="B24" s="18" t="s">
        <v>23</v>
      </c>
      <c r="C24" s="97">
        <v>0</v>
      </c>
      <c r="D24" s="98">
        <v>1</v>
      </c>
      <c r="E24" s="99">
        <v>1</v>
      </c>
      <c r="F24" s="100">
        <v>0</v>
      </c>
      <c r="G24" s="98">
        <v>87</v>
      </c>
      <c r="H24" s="98">
        <v>59</v>
      </c>
      <c r="I24" s="98">
        <v>42</v>
      </c>
      <c r="J24" s="98">
        <v>27</v>
      </c>
      <c r="K24" s="98">
        <v>14</v>
      </c>
      <c r="L24" s="99">
        <v>229</v>
      </c>
      <c r="M24" s="101">
        <v>230</v>
      </c>
      <c r="N24" s="102">
        <v>0</v>
      </c>
      <c r="O24" s="98">
        <v>0</v>
      </c>
      <c r="P24" s="99">
        <v>0</v>
      </c>
      <c r="Q24" s="100">
        <v>0</v>
      </c>
      <c r="R24" s="98">
        <v>0</v>
      </c>
      <c r="S24" s="98">
        <v>2</v>
      </c>
      <c r="T24" s="98">
        <v>0</v>
      </c>
      <c r="U24" s="98">
        <v>0</v>
      </c>
      <c r="V24" s="98">
        <v>0</v>
      </c>
      <c r="W24" s="99">
        <v>2</v>
      </c>
      <c r="X24" s="101">
        <v>2</v>
      </c>
      <c r="Y24" s="102">
        <v>0</v>
      </c>
      <c r="Z24" s="98">
        <v>1</v>
      </c>
      <c r="AA24" s="99">
        <v>1</v>
      </c>
      <c r="AB24" s="100">
        <v>0</v>
      </c>
      <c r="AC24" s="98">
        <v>87</v>
      </c>
      <c r="AD24" s="98">
        <v>61</v>
      </c>
      <c r="AE24" s="98">
        <v>42</v>
      </c>
      <c r="AF24" s="98">
        <v>27</v>
      </c>
      <c r="AG24" s="98">
        <v>14</v>
      </c>
      <c r="AH24" s="99">
        <v>231</v>
      </c>
      <c r="AI24" s="101">
        <v>232</v>
      </c>
    </row>
    <row r="25" spans="2:35" ht="21" customHeight="1" x14ac:dyDescent="0.2">
      <c r="B25" s="18" t="s">
        <v>24</v>
      </c>
      <c r="C25" s="97">
        <v>5</v>
      </c>
      <c r="D25" s="98">
        <v>3</v>
      </c>
      <c r="E25" s="99">
        <v>8</v>
      </c>
      <c r="F25" s="100">
        <v>0</v>
      </c>
      <c r="G25" s="98">
        <v>52</v>
      </c>
      <c r="H25" s="98">
        <v>32</v>
      </c>
      <c r="I25" s="98">
        <v>34</v>
      </c>
      <c r="J25" s="98">
        <v>18</v>
      </c>
      <c r="K25" s="98">
        <v>11</v>
      </c>
      <c r="L25" s="99">
        <v>147</v>
      </c>
      <c r="M25" s="101">
        <v>155</v>
      </c>
      <c r="N25" s="102">
        <v>0</v>
      </c>
      <c r="O25" s="98">
        <v>0</v>
      </c>
      <c r="P25" s="99">
        <v>0</v>
      </c>
      <c r="Q25" s="100">
        <v>0</v>
      </c>
      <c r="R25" s="98">
        <v>0</v>
      </c>
      <c r="S25" s="98">
        <v>1</v>
      </c>
      <c r="T25" s="98">
        <v>0</v>
      </c>
      <c r="U25" s="98">
        <v>0</v>
      </c>
      <c r="V25" s="98">
        <v>0</v>
      </c>
      <c r="W25" s="99">
        <v>1</v>
      </c>
      <c r="X25" s="101">
        <v>1</v>
      </c>
      <c r="Y25" s="102">
        <v>5</v>
      </c>
      <c r="Z25" s="98">
        <v>3</v>
      </c>
      <c r="AA25" s="99">
        <v>8</v>
      </c>
      <c r="AB25" s="100">
        <v>0</v>
      </c>
      <c r="AC25" s="98">
        <v>52</v>
      </c>
      <c r="AD25" s="98">
        <v>33</v>
      </c>
      <c r="AE25" s="98">
        <v>34</v>
      </c>
      <c r="AF25" s="98">
        <v>18</v>
      </c>
      <c r="AG25" s="98">
        <v>11</v>
      </c>
      <c r="AH25" s="99">
        <v>148</v>
      </c>
      <c r="AI25" s="101">
        <v>156</v>
      </c>
    </row>
    <row r="26" spans="2:35" ht="21" customHeight="1" x14ac:dyDescent="0.2">
      <c r="B26" s="18" t="s">
        <v>25</v>
      </c>
      <c r="C26" s="97">
        <v>1</v>
      </c>
      <c r="D26" s="98">
        <v>0</v>
      </c>
      <c r="E26" s="99">
        <v>1</v>
      </c>
      <c r="F26" s="100">
        <v>0</v>
      </c>
      <c r="G26" s="98">
        <v>96</v>
      </c>
      <c r="H26" s="98">
        <v>41</v>
      </c>
      <c r="I26" s="98">
        <v>23</v>
      </c>
      <c r="J26" s="98">
        <v>9</v>
      </c>
      <c r="K26" s="98">
        <v>3</v>
      </c>
      <c r="L26" s="99">
        <v>172</v>
      </c>
      <c r="M26" s="101">
        <v>173</v>
      </c>
      <c r="N26" s="102">
        <v>0</v>
      </c>
      <c r="O26" s="98">
        <v>0</v>
      </c>
      <c r="P26" s="99">
        <v>0</v>
      </c>
      <c r="Q26" s="100">
        <v>0</v>
      </c>
      <c r="R26" s="98">
        <v>1</v>
      </c>
      <c r="S26" s="98">
        <v>1</v>
      </c>
      <c r="T26" s="98">
        <v>1</v>
      </c>
      <c r="U26" s="98">
        <v>0</v>
      </c>
      <c r="V26" s="98">
        <v>0</v>
      </c>
      <c r="W26" s="99">
        <v>3</v>
      </c>
      <c r="X26" s="101">
        <v>3</v>
      </c>
      <c r="Y26" s="102">
        <v>1</v>
      </c>
      <c r="Z26" s="98">
        <v>0</v>
      </c>
      <c r="AA26" s="99">
        <v>1</v>
      </c>
      <c r="AB26" s="100">
        <v>0</v>
      </c>
      <c r="AC26" s="98">
        <v>97</v>
      </c>
      <c r="AD26" s="98">
        <v>42</v>
      </c>
      <c r="AE26" s="98">
        <v>24</v>
      </c>
      <c r="AF26" s="98">
        <v>9</v>
      </c>
      <c r="AG26" s="98">
        <v>3</v>
      </c>
      <c r="AH26" s="99">
        <v>175</v>
      </c>
      <c r="AI26" s="101">
        <v>176</v>
      </c>
    </row>
    <row r="27" spans="2:35" ht="21" customHeight="1" x14ac:dyDescent="0.2">
      <c r="B27" s="18" t="s">
        <v>26</v>
      </c>
      <c r="C27" s="97">
        <v>1</v>
      </c>
      <c r="D27" s="98">
        <v>0</v>
      </c>
      <c r="E27" s="99">
        <v>1</v>
      </c>
      <c r="F27" s="100">
        <v>0</v>
      </c>
      <c r="G27" s="98">
        <v>61</v>
      </c>
      <c r="H27" s="98">
        <v>58</v>
      </c>
      <c r="I27" s="98">
        <v>44</v>
      </c>
      <c r="J27" s="98">
        <v>25</v>
      </c>
      <c r="K27" s="98">
        <v>19</v>
      </c>
      <c r="L27" s="99">
        <v>207</v>
      </c>
      <c r="M27" s="101">
        <v>208</v>
      </c>
      <c r="N27" s="102">
        <v>0</v>
      </c>
      <c r="O27" s="98">
        <v>0</v>
      </c>
      <c r="P27" s="99">
        <v>0</v>
      </c>
      <c r="Q27" s="100">
        <v>0</v>
      </c>
      <c r="R27" s="98">
        <v>0</v>
      </c>
      <c r="S27" s="98">
        <v>0</v>
      </c>
      <c r="T27" s="98">
        <v>0</v>
      </c>
      <c r="U27" s="98">
        <v>0</v>
      </c>
      <c r="V27" s="98">
        <v>0</v>
      </c>
      <c r="W27" s="99">
        <v>0</v>
      </c>
      <c r="X27" s="101">
        <v>0</v>
      </c>
      <c r="Y27" s="102">
        <v>1</v>
      </c>
      <c r="Z27" s="98">
        <v>0</v>
      </c>
      <c r="AA27" s="99">
        <v>1</v>
      </c>
      <c r="AB27" s="100">
        <v>0</v>
      </c>
      <c r="AC27" s="98">
        <v>61</v>
      </c>
      <c r="AD27" s="98">
        <v>58</v>
      </c>
      <c r="AE27" s="98">
        <v>44</v>
      </c>
      <c r="AF27" s="98">
        <v>25</v>
      </c>
      <c r="AG27" s="98">
        <v>19</v>
      </c>
      <c r="AH27" s="99">
        <v>207</v>
      </c>
      <c r="AI27" s="101">
        <v>208</v>
      </c>
    </row>
    <row r="28" spans="2:35" ht="21" customHeight="1" x14ac:dyDescent="0.2">
      <c r="B28" s="18" t="s">
        <v>27</v>
      </c>
      <c r="C28" s="97">
        <v>0</v>
      </c>
      <c r="D28" s="98">
        <v>0</v>
      </c>
      <c r="E28" s="99">
        <v>0</v>
      </c>
      <c r="F28" s="100">
        <v>0</v>
      </c>
      <c r="G28" s="98">
        <v>53</v>
      </c>
      <c r="H28" s="98">
        <v>24</v>
      </c>
      <c r="I28" s="98">
        <v>30</v>
      </c>
      <c r="J28" s="98">
        <v>16</v>
      </c>
      <c r="K28" s="98">
        <v>8</v>
      </c>
      <c r="L28" s="99">
        <v>131</v>
      </c>
      <c r="M28" s="101">
        <v>131</v>
      </c>
      <c r="N28" s="102">
        <v>0</v>
      </c>
      <c r="O28" s="98">
        <v>0</v>
      </c>
      <c r="P28" s="99">
        <v>0</v>
      </c>
      <c r="Q28" s="100">
        <v>0</v>
      </c>
      <c r="R28" s="98">
        <v>1</v>
      </c>
      <c r="S28" s="98">
        <v>0</v>
      </c>
      <c r="T28" s="98">
        <v>1</v>
      </c>
      <c r="U28" s="98">
        <v>0</v>
      </c>
      <c r="V28" s="98">
        <v>0</v>
      </c>
      <c r="W28" s="99">
        <v>2</v>
      </c>
      <c r="X28" s="101">
        <v>2</v>
      </c>
      <c r="Y28" s="102">
        <v>0</v>
      </c>
      <c r="Z28" s="98">
        <v>0</v>
      </c>
      <c r="AA28" s="99">
        <v>0</v>
      </c>
      <c r="AB28" s="100">
        <v>0</v>
      </c>
      <c r="AC28" s="98">
        <v>54</v>
      </c>
      <c r="AD28" s="98">
        <v>24</v>
      </c>
      <c r="AE28" s="98">
        <v>31</v>
      </c>
      <c r="AF28" s="98">
        <v>16</v>
      </c>
      <c r="AG28" s="98">
        <v>8</v>
      </c>
      <c r="AH28" s="99">
        <v>133</v>
      </c>
      <c r="AI28" s="101">
        <v>133</v>
      </c>
    </row>
    <row r="29" spans="2:35" ht="21" customHeight="1" x14ac:dyDescent="0.2">
      <c r="B29" s="18" t="s">
        <v>28</v>
      </c>
      <c r="C29" s="97">
        <v>0</v>
      </c>
      <c r="D29" s="98">
        <v>0</v>
      </c>
      <c r="E29" s="99">
        <v>0</v>
      </c>
      <c r="F29" s="100">
        <v>0</v>
      </c>
      <c r="G29" s="98">
        <v>22</v>
      </c>
      <c r="H29" s="98">
        <v>19</v>
      </c>
      <c r="I29" s="98">
        <v>10</v>
      </c>
      <c r="J29" s="98">
        <v>4</v>
      </c>
      <c r="K29" s="98">
        <v>4</v>
      </c>
      <c r="L29" s="99">
        <v>59</v>
      </c>
      <c r="M29" s="101">
        <v>59</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2</v>
      </c>
      <c r="AD29" s="98">
        <v>19</v>
      </c>
      <c r="AE29" s="98">
        <v>10</v>
      </c>
      <c r="AF29" s="98">
        <v>4</v>
      </c>
      <c r="AG29" s="98">
        <v>5</v>
      </c>
      <c r="AH29" s="99">
        <v>60</v>
      </c>
      <c r="AI29" s="101">
        <v>60</v>
      </c>
    </row>
    <row r="30" spans="2:35" ht="21" customHeight="1" x14ac:dyDescent="0.2">
      <c r="B30" s="18" t="s">
        <v>29</v>
      </c>
      <c r="C30" s="97">
        <v>0</v>
      </c>
      <c r="D30" s="98">
        <v>2</v>
      </c>
      <c r="E30" s="99">
        <v>2</v>
      </c>
      <c r="F30" s="100">
        <v>0</v>
      </c>
      <c r="G30" s="98">
        <v>29</v>
      </c>
      <c r="H30" s="98">
        <v>33</v>
      </c>
      <c r="I30" s="98">
        <v>19</v>
      </c>
      <c r="J30" s="98">
        <v>13</v>
      </c>
      <c r="K30" s="98">
        <v>11</v>
      </c>
      <c r="L30" s="99">
        <v>105</v>
      </c>
      <c r="M30" s="101">
        <v>107</v>
      </c>
      <c r="N30" s="102">
        <v>0</v>
      </c>
      <c r="O30" s="98">
        <v>0</v>
      </c>
      <c r="P30" s="99">
        <v>0</v>
      </c>
      <c r="Q30" s="100">
        <v>0</v>
      </c>
      <c r="R30" s="98">
        <v>0</v>
      </c>
      <c r="S30" s="98">
        <v>0</v>
      </c>
      <c r="T30" s="98">
        <v>0</v>
      </c>
      <c r="U30" s="98">
        <v>0</v>
      </c>
      <c r="V30" s="98">
        <v>0</v>
      </c>
      <c r="W30" s="99">
        <v>0</v>
      </c>
      <c r="X30" s="101">
        <v>0</v>
      </c>
      <c r="Y30" s="102">
        <v>0</v>
      </c>
      <c r="Z30" s="98">
        <v>2</v>
      </c>
      <c r="AA30" s="99">
        <v>2</v>
      </c>
      <c r="AB30" s="100">
        <v>0</v>
      </c>
      <c r="AC30" s="98">
        <v>29</v>
      </c>
      <c r="AD30" s="98">
        <v>33</v>
      </c>
      <c r="AE30" s="98">
        <v>19</v>
      </c>
      <c r="AF30" s="98">
        <v>13</v>
      </c>
      <c r="AG30" s="98">
        <v>11</v>
      </c>
      <c r="AH30" s="99">
        <v>105</v>
      </c>
      <c r="AI30" s="101">
        <v>107</v>
      </c>
    </row>
    <row r="31" spans="2:35" ht="21" customHeight="1" x14ac:dyDescent="0.2">
      <c r="B31" s="18" t="s">
        <v>30</v>
      </c>
      <c r="C31" s="97">
        <v>1</v>
      </c>
      <c r="D31" s="98">
        <v>0</v>
      </c>
      <c r="E31" s="99">
        <v>1</v>
      </c>
      <c r="F31" s="100">
        <v>0</v>
      </c>
      <c r="G31" s="98">
        <v>36</v>
      </c>
      <c r="H31" s="98">
        <v>17</v>
      </c>
      <c r="I31" s="98">
        <v>16</v>
      </c>
      <c r="J31" s="98">
        <v>9</v>
      </c>
      <c r="K31" s="98">
        <v>2</v>
      </c>
      <c r="L31" s="99">
        <v>80</v>
      </c>
      <c r="M31" s="101">
        <v>81</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7</v>
      </c>
      <c r="AD31" s="98">
        <v>17</v>
      </c>
      <c r="AE31" s="98">
        <v>16</v>
      </c>
      <c r="AF31" s="98">
        <v>9</v>
      </c>
      <c r="AG31" s="98">
        <v>2</v>
      </c>
      <c r="AH31" s="99">
        <v>81</v>
      </c>
      <c r="AI31" s="101">
        <v>82</v>
      </c>
    </row>
    <row r="32" spans="2:35" ht="21" customHeight="1" x14ac:dyDescent="0.2">
      <c r="B32" s="18" t="s">
        <v>31</v>
      </c>
      <c r="C32" s="97">
        <v>0</v>
      </c>
      <c r="D32" s="98">
        <v>2</v>
      </c>
      <c r="E32" s="99">
        <v>2</v>
      </c>
      <c r="F32" s="100">
        <v>0</v>
      </c>
      <c r="G32" s="98">
        <v>52</v>
      </c>
      <c r="H32" s="98">
        <v>40</v>
      </c>
      <c r="I32" s="98">
        <v>27</v>
      </c>
      <c r="J32" s="98">
        <v>11</v>
      </c>
      <c r="K32" s="98">
        <v>7</v>
      </c>
      <c r="L32" s="99">
        <v>137</v>
      </c>
      <c r="M32" s="101">
        <v>139</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2</v>
      </c>
      <c r="AD32" s="98">
        <v>40</v>
      </c>
      <c r="AE32" s="98">
        <v>27</v>
      </c>
      <c r="AF32" s="98">
        <v>11</v>
      </c>
      <c r="AG32" s="98">
        <v>7</v>
      </c>
      <c r="AH32" s="99">
        <v>137</v>
      </c>
      <c r="AI32" s="101">
        <v>139</v>
      </c>
    </row>
    <row r="33" spans="2:35" ht="21" customHeight="1" x14ac:dyDescent="0.2">
      <c r="B33" s="18" t="s">
        <v>32</v>
      </c>
      <c r="C33" s="97">
        <v>2</v>
      </c>
      <c r="D33" s="98">
        <v>0</v>
      </c>
      <c r="E33" s="99">
        <v>2</v>
      </c>
      <c r="F33" s="100">
        <v>0</v>
      </c>
      <c r="G33" s="98">
        <v>47</v>
      </c>
      <c r="H33" s="98">
        <v>36</v>
      </c>
      <c r="I33" s="98">
        <v>33</v>
      </c>
      <c r="J33" s="98">
        <v>25</v>
      </c>
      <c r="K33" s="98">
        <v>12</v>
      </c>
      <c r="L33" s="99">
        <v>153</v>
      </c>
      <c r="M33" s="101">
        <v>155</v>
      </c>
      <c r="N33" s="102">
        <v>0</v>
      </c>
      <c r="O33" s="98">
        <v>0</v>
      </c>
      <c r="P33" s="99">
        <v>0</v>
      </c>
      <c r="Q33" s="100">
        <v>0</v>
      </c>
      <c r="R33" s="98">
        <v>2</v>
      </c>
      <c r="S33" s="98">
        <v>2</v>
      </c>
      <c r="T33" s="98">
        <v>0</v>
      </c>
      <c r="U33" s="98">
        <v>1</v>
      </c>
      <c r="V33" s="98">
        <v>0</v>
      </c>
      <c r="W33" s="99">
        <v>5</v>
      </c>
      <c r="X33" s="101">
        <v>5</v>
      </c>
      <c r="Y33" s="102">
        <v>2</v>
      </c>
      <c r="Z33" s="98">
        <v>0</v>
      </c>
      <c r="AA33" s="99">
        <v>2</v>
      </c>
      <c r="AB33" s="100">
        <v>0</v>
      </c>
      <c r="AC33" s="98">
        <v>49</v>
      </c>
      <c r="AD33" s="98">
        <v>38</v>
      </c>
      <c r="AE33" s="98">
        <v>33</v>
      </c>
      <c r="AF33" s="98">
        <v>26</v>
      </c>
      <c r="AG33" s="98">
        <v>12</v>
      </c>
      <c r="AH33" s="99">
        <v>158</v>
      </c>
      <c r="AI33" s="101">
        <v>160</v>
      </c>
    </row>
    <row r="34" spans="2:35" ht="21" customHeight="1" x14ac:dyDescent="0.2">
      <c r="B34" s="18" t="s">
        <v>33</v>
      </c>
      <c r="C34" s="97">
        <v>0</v>
      </c>
      <c r="D34" s="98">
        <v>2</v>
      </c>
      <c r="E34" s="99">
        <v>2</v>
      </c>
      <c r="F34" s="100">
        <v>0</v>
      </c>
      <c r="G34" s="98">
        <v>34</v>
      </c>
      <c r="H34" s="98">
        <v>22</v>
      </c>
      <c r="I34" s="98">
        <v>23</v>
      </c>
      <c r="J34" s="98">
        <v>6</v>
      </c>
      <c r="K34" s="98">
        <v>7</v>
      </c>
      <c r="L34" s="99">
        <v>92</v>
      </c>
      <c r="M34" s="101">
        <v>94</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4</v>
      </c>
      <c r="AD34" s="98">
        <v>22</v>
      </c>
      <c r="AE34" s="98">
        <v>23</v>
      </c>
      <c r="AF34" s="98">
        <v>6</v>
      </c>
      <c r="AG34" s="98">
        <v>7</v>
      </c>
      <c r="AH34" s="99">
        <v>92</v>
      </c>
      <c r="AI34" s="101">
        <v>94</v>
      </c>
    </row>
    <row r="35" spans="2:35" ht="21" customHeight="1" x14ac:dyDescent="0.2">
      <c r="B35" s="18" t="s">
        <v>34</v>
      </c>
      <c r="C35" s="97">
        <v>1</v>
      </c>
      <c r="D35" s="98">
        <v>2</v>
      </c>
      <c r="E35" s="99">
        <v>3</v>
      </c>
      <c r="F35" s="100">
        <v>0</v>
      </c>
      <c r="G35" s="98">
        <v>32</v>
      </c>
      <c r="H35" s="98">
        <v>29</v>
      </c>
      <c r="I35" s="98">
        <v>15</v>
      </c>
      <c r="J35" s="98">
        <v>9</v>
      </c>
      <c r="K35" s="98">
        <v>5</v>
      </c>
      <c r="L35" s="99">
        <v>90</v>
      </c>
      <c r="M35" s="101">
        <v>93</v>
      </c>
      <c r="N35" s="102">
        <v>0</v>
      </c>
      <c r="O35" s="98">
        <v>0</v>
      </c>
      <c r="P35" s="99">
        <v>0</v>
      </c>
      <c r="Q35" s="100">
        <v>0</v>
      </c>
      <c r="R35" s="98">
        <v>0</v>
      </c>
      <c r="S35" s="98">
        <v>0</v>
      </c>
      <c r="T35" s="98">
        <v>1</v>
      </c>
      <c r="U35" s="98">
        <v>1</v>
      </c>
      <c r="V35" s="98">
        <v>0</v>
      </c>
      <c r="W35" s="99">
        <v>2</v>
      </c>
      <c r="X35" s="101">
        <v>2</v>
      </c>
      <c r="Y35" s="102">
        <v>1</v>
      </c>
      <c r="Z35" s="98">
        <v>2</v>
      </c>
      <c r="AA35" s="99">
        <v>3</v>
      </c>
      <c r="AB35" s="100">
        <v>0</v>
      </c>
      <c r="AC35" s="98">
        <v>32</v>
      </c>
      <c r="AD35" s="98">
        <v>29</v>
      </c>
      <c r="AE35" s="98">
        <v>16</v>
      </c>
      <c r="AF35" s="98">
        <v>10</v>
      </c>
      <c r="AG35" s="98">
        <v>5</v>
      </c>
      <c r="AH35" s="99">
        <v>92</v>
      </c>
      <c r="AI35" s="101">
        <v>95</v>
      </c>
    </row>
    <row r="36" spans="2:35" ht="21" customHeight="1" x14ac:dyDescent="0.2">
      <c r="B36" s="18" t="s">
        <v>35</v>
      </c>
      <c r="C36" s="97">
        <v>2</v>
      </c>
      <c r="D36" s="98">
        <v>2</v>
      </c>
      <c r="E36" s="99">
        <v>4</v>
      </c>
      <c r="F36" s="100">
        <v>0</v>
      </c>
      <c r="G36" s="98">
        <v>38</v>
      </c>
      <c r="H36" s="98">
        <v>42</v>
      </c>
      <c r="I36" s="98">
        <v>32</v>
      </c>
      <c r="J36" s="98">
        <v>24</v>
      </c>
      <c r="K36" s="98">
        <v>9</v>
      </c>
      <c r="L36" s="99">
        <v>145</v>
      </c>
      <c r="M36" s="101">
        <v>149</v>
      </c>
      <c r="N36" s="102">
        <v>0</v>
      </c>
      <c r="O36" s="98">
        <v>0</v>
      </c>
      <c r="P36" s="99">
        <v>0</v>
      </c>
      <c r="Q36" s="100">
        <v>0</v>
      </c>
      <c r="R36" s="98">
        <v>0</v>
      </c>
      <c r="S36" s="98">
        <v>0</v>
      </c>
      <c r="T36" s="98">
        <v>0</v>
      </c>
      <c r="U36" s="98">
        <v>0</v>
      </c>
      <c r="V36" s="98">
        <v>0</v>
      </c>
      <c r="W36" s="99">
        <v>0</v>
      </c>
      <c r="X36" s="101">
        <v>0</v>
      </c>
      <c r="Y36" s="102">
        <v>2</v>
      </c>
      <c r="Z36" s="98">
        <v>2</v>
      </c>
      <c r="AA36" s="99">
        <v>4</v>
      </c>
      <c r="AB36" s="100">
        <v>0</v>
      </c>
      <c r="AC36" s="98">
        <v>38</v>
      </c>
      <c r="AD36" s="98">
        <v>42</v>
      </c>
      <c r="AE36" s="98">
        <v>32</v>
      </c>
      <c r="AF36" s="98">
        <v>24</v>
      </c>
      <c r="AG36" s="98">
        <v>9</v>
      </c>
      <c r="AH36" s="99">
        <v>145</v>
      </c>
      <c r="AI36" s="101">
        <v>149</v>
      </c>
    </row>
    <row r="37" spans="2:35" ht="21" customHeight="1" x14ac:dyDescent="0.2">
      <c r="B37" s="18" t="s">
        <v>36</v>
      </c>
      <c r="C37" s="97">
        <v>2</v>
      </c>
      <c r="D37" s="98">
        <v>1</v>
      </c>
      <c r="E37" s="99">
        <v>3</v>
      </c>
      <c r="F37" s="100">
        <v>0</v>
      </c>
      <c r="G37" s="98">
        <v>76</v>
      </c>
      <c r="H37" s="98">
        <v>59</v>
      </c>
      <c r="I37" s="98">
        <v>51</v>
      </c>
      <c r="J37" s="98">
        <v>20</v>
      </c>
      <c r="K37" s="98">
        <v>11</v>
      </c>
      <c r="L37" s="99">
        <v>217</v>
      </c>
      <c r="M37" s="101">
        <v>220</v>
      </c>
      <c r="N37" s="102">
        <v>0</v>
      </c>
      <c r="O37" s="98">
        <v>0</v>
      </c>
      <c r="P37" s="99">
        <v>0</v>
      </c>
      <c r="Q37" s="100">
        <v>0</v>
      </c>
      <c r="R37" s="98">
        <v>0</v>
      </c>
      <c r="S37" s="98">
        <v>2</v>
      </c>
      <c r="T37" s="98">
        <v>1</v>
      </c>
      <c r="U37" s="98">
        <v>0</v>
      </c>
      <c r="V37" s="98">
        <v>0</v>
      </c>
      <c r="W37" s="99">
        <v>3</v>
      </c>
      <c r="X37" s="101">
        <v>3</v>
      </c>
      <c r="Y37" s="102">
        <v>2</v>
      </c>
      <c r="Z37" s="98">
        <v>1</v>
      </c>
      <c r="AA37" s="99">
        <v>3</v>
      </c>
      <c r="AB37" s="100">
        <v>0</v>
      </c>
      <c r="AC37" s="98">
        <v>76</v>
      </c>
      <c r="AD37" s="98">
        <v>61</v>
      </c>
      <c r="AE37" s="98">
        <v>52</v>
      </c>
      <c r="AF37" s="98">
        <v>20</v>
      </c>
      <c r="AG37" s="98">
        <v>11</v>
      </c>
      <c r="AH37" s="99">
        <v>220</v>
      </c>
      <c r="AI37" s="101">
        <v>223</v>
      </c>
    </row>
    <row r="38" spans="2:35" ht="21" customHeight="1" thickBot="1" x14ac:dyDescent="0.25">
      <c r="B38" s="19" t="s">
        <v>37</v>
      </c>
      <c r="C38" s="103">
        <v>0</v>
      </c>
      <c r="D38" s="104">
        <v>0</v>
      </c>
      <c r="E38" s="105">
        <v>0</v>
      </c>
      <c r="F38" s="106">
        <v>0</v>
      </c>
      <c r="G38" s="104">
        <v>17</v>
      </c>
      <c r="H38" s="104">
        <v>9</v>
      </c>
      <c r="I38" s="104">
        <v>10</v>
      </c>
      <c r="J38" s="104">
        <v>0</v>
      </c>
      <c r="K38" s="104">
        <v>3</v>
      </c>
      <c r="L38" s="105">
        <v>39</v>
      </c>
      <c r="M38" s="107">
        <v>39</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7</v>
      </c>
      <c r="AD38" s="104">
        <v>9</v>
      </c>
      <c r="AE38" s="104">
        <v>10</v>
      </c>
      <c r="AF38" s="104">
        <v>0</v>
      </c>
      <c r="AG38" s="104">
        <v>3</v>
      </c>
      <c r="AH38" s="105">
        <v>39</v>
      </c>
      <c r="AI38" s="107">
        <v>39</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6">
        <f>第１表!F2</f>
        <v>4</v>
      </c>
      <c r="J1" s="526"/>
      <c r="K1" s="248">
        <f>第１表!G2</f>
        <v>10</v>
      </c>
      <c r="L1" s="531">
        <f>IF(K1&lt;3,K1+12-2,K1-2)</f>
        <v>8</v>
      </c>
      <c r="M1" s="531"/>
    </row>
    <row r="2" spans="1:101" s="291" customFormat="1" ht="24" customHeight="1" thickBot="1" x14ac:dyDescent="0.25">
      <c r="A2" s="44"/>
      <c r="B2" s="290" t="s">
        <v>133</v>
      </c>
    </row>
    <row r="3" spans="1:101" ht="23.25" customHeight="1" thickBot="1" x14ac:dyDescent="0.25">
      <c r="B3" s="539"/>
      <c r="C3" s="542" t="s">
        <v>114</v>
      </c>
      <c r="D3" s="543"/>
      <c r="E3" s="543"/>
      <c r="F3" s="543"/>
      <c r="G3" s="543"/>
      <c r="H3" s="543"/>
      <c r="I3" s="543"/>
      <c r="J3" s="543"/>
      <c r="K3" s="543"/>
      <c r="L3" s="543"/>
      <c r="M3" s="544"/>
      <c r="N3" s="542" t="s">
        <v>115</v>
      </c>
      <c r="O3" s="543"/>
      <c r="P3" s="543"/>
      <c r="Q3" s="543"/>
      <c r="R3" s="543"/>
      <c r="S3" s="543"/>
      <c r="T3" s="543"/>
      <c r="U3" s="543"/>
      <c r="V3" s="543"/>
      <c r="W3" s="543"/>
      <c r="X3" s="544"/>
      <c r="Y3" s="542" t="s">
        <v>142</v>
      </c>
      <c r="Z3" s="543"/>
      <c r="AA3" s="543"/>
      <c r="AB3" s="543"/>
      <c r="AC3" s="543"/>
      <c r="AD3" s="543"/>
      <c r="AE3" s="543"/>
      <c r="AF3" s="543"/>
      <c r="AG3" s="543"/>
      <c r="AH3" s="543"/>
      <c r="AI3" s="544"/>
      <c r="AJ3" s="542" t="s">
        <v>90</v>
      </c>
      <c r="AK3" s="543"/>
      <c r="AL3" s="543"/>
      <c r="AM3" s="543"/>
      <c r="AN3" s="543"/>
      <c r="AO3" s="543"/>
      <c r="AP3" s="543"/>
      <c r="AQ3" s="543"/>
      <c r="AR3" s="543"/>
      <c r="AS3" s="543"/>
      <c r="AT3" s="544"/>
      <c r="AU3" s="548" t="s">
        <v>89</v>
      </c>
      <c r="AV3" s="549"/>
      <c r="AW3" s="549"/>
      <c r="AX3" s="549"/>
      <c r="AY3" s="549"/>
      <c r="AZ3" s="549"/>
      <c r="BA3" s="549"/>
      <c r="BB3" s="549"/>
      <c r="BC3" s="549"/>
      <c r="BD3" s="549"/>
      <c r="BE3" s="550"/>
      <c r="BF3" s="548" t="s">
        <v>91</v>
      </c>
      <c r="BG3" s="549"/>
      <c r="BH3" s="549"/>
      <c r="BI3" s="549"/>
      <c r="BJ3" s="549"/>
      <c r="BK3" s="549"/>
      <c r="BL3" s="549"/>
      <c r="BM3" s="549"/>
      <c r="BN3" s="549"/>
      <c r="BO3" s="549"/>
      <c r="BP3" s="550"/>
      <c r="BQ3" s="548" t="s">
        <v>92</v>
      </c>
      <c r="BR3" s="549"/>
      <c r="BS3" s="549"/>
      <c r="BT3" s="549"/>
      <c r="BU3" s="549"/>
      <c r="BV3" s="549"/>
      <c r="BW3" s="549"/>
      <c r="BX3" s="549"/>
      <c r="BY3" s="549"/>
      <c r="BZ3" s="549"/>
      <c r="CA3" s="550"/>
      <c r="CB3" s="548" t="s">
        <v>93</v>
      </c>
      <c r="CC3" s="549"/>
      <c r="CD3" s="549"/>
      <c r="CE3" s="549"/>
      <c r="CF3" s="549"/>
      <c r="CG3" s="549"/>
      <c r="CH3" s="549"/>
      <c r="CI3" s="549"/>
      <c r="CJ3" s="549"/>
      <c r="CK3" s="549"/>
      <c r="CL3" s="550"/>
      <c r="CM3" s="549" t="s">
        <v>141</v>
      </c>
      <c r="CN3" s="549"/>
      <c r="CO3" s="549"/>
      <c r="CP3" s="549"/>
      <c r="CQ3" s="549"/>
      <c r="CR3" s="549"/>
      <c r="CS3" s="549"/>
      <c r="CT3" s="549"/>
      <c r="CU3" s="549"/>
      <c r="CV3" s="549"/>
      <c r="CW3" s="550"/>
    </row>
    <row r="4" spans="1:101" ht="22.5" customHeight="1" x14ac:dyDescent="0.2">
      <c r="B4" s="540"/>
      <c r="C4" s="534" t="s">
        <v>61</v>
      </c>
      <c r="D4" s="535"/>
      <c r="E4" s="536"/>
      <c r="F4" s="537" t="s">
        <v>62</v>
      </c>
      <c r="G4" s="535"/>
      <c r="H4" s="535"/>
      <c r="I4" s="535"/>
      <c r="J4" s="535"/>
      <c r="K4" s="535"/>
      <c r="L4" s="538"/>
      <c r="M4" s="532" t="s">
        <v>52</v>
      </c>
      <c r="N4" s="534" t="s">
        <v>61</v>
      </c>
      <c r="O4" s="535"/>
      <c r="P4" s="536"/>
      <c r="Q4" s="537" t="s">
        <v>62</v>
      </c>
      <c r="R4" s="535"/>
      <c r="S4" s="535"/>
      <c r="T4" s="535"/>
      <c r="U4" s="535"/>
      <c r="V4" s="535"/>
      <c r="W4" s="536"/>
      <c r="X4" s="532" t="s">
        <v>52</v>
      </c>
      <c r="Y4" s="534" t="s">
        <v>61</v>
      </c>
      <c r="Z4" s="535"/>
      <c r="AA4" s="536"/>
      <c r="AB4" s="537" t="s">
        <v>62</v>
      </c>
      <c r="AC4" s="535"/>
      <c r="AD4" s="535"/>
      <c r="AE4" s="535"/>
      <c r="AF4" s="535"/>
      <c r="AG4" s="535"/>
      <c r="AH4" s="536"/>
      <c r="AI4" s="532" t="s">
        <v>52</v>
      </c>
      <c r="AJ4" s="534" t="s">
        <v>61</v>
      </c>
      <c r="AK4" s="535"/>
      <c r="AL4" s="536"/>
      <c r="AM4" s="537" t="s">
        <v>62</v>
      </c>
      <c r="AN4" s="535"/>
      <c r="AO4" s="535"/>
      <c r="AP4" s="535"/>
      <c r="AQ4" s="535"/>
      <c r="AR4" s="535"/>
      <c r="AS4" s="536"/>
      <c r="AT4" s="532" t="s">
        <v>52</v>
      </c>
      <c r="AU4" s="564" t="s">
        <v>61</v>
      </c>
      <c r="AV4" s="562"/>
      <c r="AW4" s="563"/>
      <c r="AX4" s="561" t="s">
        <v>62</v>
      </c>
      <c r="AY4" s="562"/>
      <c r="AZ4" s="562"/>
      <c r="BA4" s="562"/>
      <c r="BB4" s="562"/>
      <c r="BC4" s="562"/>
      <c r="BD4" s="563"/>
      <c r="BE4" s="565" t="s">
        <v>52</v>
      </c>
      <c r="BF4" s="564" t="s">
        <v>61</v>
      </c>
      <c r="BG4" s="562"/>
      <c r="BH4" s="563"/>
      <c r="BI4" s="561" t="s">
        <v>62</v>
      </c>
      <c r="BJ4" s="562"/>
      <c r="BK4" s="562"/>
      <c r="BL4" s="562"/>
      <c r="BM4" s="562"/>
      <c r="BN4" s="562"/>
      <c r="BO4" s="563"/>
      <c r="BP4" s="565" t="s">
        <v>52</v>
      </c>
      <c r="BQ4" s="564" t="s">
        <v>61</v>
      </c>
      <c r="BR4" s="562"/>
      <c r="BS4" s="563"/>
      <c r="BT4" s="561" t="s">
        <v>62</v>
      </c>
      <c r="BU4" s="562"/>
      <c r="BV4" s="562"/>
      <c r="BW4" s="562"/>
      <c r="BX4" s="562"/>
      <c r="BY4" s="562"/>
      <c r="BZ4" s="563"/>
      <c r="CA4" s="565" t="s">
        <v>52</v>
      </c>
      <c r="CB4" s="564" t="s">
        <v>61</v>
      </c>
      <c r="CC4" s="562"/>
      <c r="CD4" s="563"/>
      <c r="CE4" s="561" t="s">
        <v>62</v>
      </c>
      <c r="CF4" s="562"/>
      <c r="CG4" s="562"/>
      <c r="CH4" s="562"/>
      <c r="CI4" s="562"/>
      <c r="CJ4" s="562"/>
      <c r="CK4" s="563"/>
      <c r="CL4" s="565" t="s">
        <v>52</v>
      </c>
      <c r="CM4" s="564" t="s">
        <v>61</v>
      </c>
      <c r="CN4" s="562"/>
      <c r="CO4" s="563"/>
      <c r="CP4" s="561" t="s">
        <v>62</v>
      </c>
      <c r="CQ4" s="562"/>
      <c r="CR4" s="562"/>
      <c r="CS4" s="562"/>
      <c r="CT4" s="562"/>
      <c r="CU4" s="562"/>
      <c r="CV4" s="563"/>
      <c r="CW4" s="565" t="s">
        <v>52</v>
      </c>
    </row>
    <row r="5" spans="1:101" ht="34.5" customHeight="1" thickBot="1" x14ac:dyDescent="0.25">
      <c r="B5" s="541"/>
      <c r="C5" s="263" t="s">
        <v>43</v>
      </c>
      <c r="D5" s="265" t="s">
        <v>44</v>
      </c>
      <c r="E5" s="266" t="s">
        <v>45</v>
      </c>
      <c r="F5" s="267" t="s">
        <v>83</v>
      </c>
      <c r="G5" s="259" t="s">
        <v>47</v>
      </c>
      <c r="H5" s="259" t="s">
        <v>48</v>
      </c>
      <c r="I5" s="259" t="s">
        <v>49</v>
      </c>
      <c r="J5" s="259" t="s">
        <v>50</v>
      </c>
      <c r="K5" s="259" t="s">
        <v>51</v>
      </c>
      <c r="L5" s="268" t="s">
        <v>45</v>
      </c>
      <c r="M5" s="533"/>
      <c r="N5" s="263" t="s">
        <v>43</v>
      </c>
      <c r="O5" s="259" t="s">
        <v>44</v>
      </c>
      <c r="P5" s="265" t="s">
        <v>45</v>
      </c>
      <c r="Q5" s="267" t="s">
        <v>83</v>
      </c>
      <c r="R5" s="259" t="s">
        <v>47</v>
      </c>
      <c r="S5" s="259" t="s">
        <v>48</v>
      </c>
      <c r="T5" s="259" t="s">
        <v>49</v>
      </c>
      <c r="U5" s="259" t="s">
        <v>50</v>
      </c>
      <c r="V5" s="259" t="s">
        <v>51</v>
      </c>
      <c r="W5" s="265" t="s">
        <v>45</v>
      </c>
      <c r="X5" s="533"/>
      <c r="Y5" s="263" t="s">
        <v>43</v>
      </c>
      <c r="Z5" s="259" t="s">
        <v>44</v>
      </c>
      <c r="AA5" s="265" t="s">
        <v>45</v>
      </c>
      <c r="AB5" s="267" t="s">
        <v>83</v>
      </c>
      <c r="AC5" s="259" t="s">
        <v>47</v>
      </c>
      <c r="AD5" s="259" t="s">
        <v>48</v>
      </c>
      <c r="AE5" s="259" t="s">
        <v>49</v>
      </c>
      <c r="AF5" s="259" t="s">
        <v>50</v>
      </c>
      <c r="AG5" s="259" t="s">
        <v>51</v>
      </c>
      <c r="AH5" s="265" t="s">
        <v>45</v>
      </c>
      <c r="AI5" s="533"/>
      <c r="AJ5" s="340" t="s">
        <v>43</v>
      </c>
      <c r="AK5" s="259" t="s">
        <v>44</v>
      </c>
      <c r="AL5" s="265" t="s">
        <v>45</v>
      </c>
      <c r="AM5" s="267" t="s">
        <v>83</v>
      </c>
      <c r="AN5" s="259" t="s">
        <v>47</v>
      </c>
      <c r="AO5" s="259" t="s">
        <v>48</v>
      </c>
      <c r="AP5" s="259" t="s">
        <v>49</v>
      </c>
      <c r="AQ5" s="259" t="s">
        <v>50</v>
      </c>
      <c r="AR5" s="259" t="s">
        <v>51</v>
      </c>
      <c r="AS5" s="265" t="s">
        <v>45</v>
      </c>
      <c r="AT5" s="533"/>
      <c r="AU5" s="340" t="s">
        <v>43</v>
      </c>
      <c r="AV5" s="259" t="s">
        <v>44</v>
      </c>
      <c r="AW5" s="265" t="s">
        <v>45</v>
      </c>
      <c r="AX5" s="267" t="s">
        <v>83</v>
      </c>
      <c r="AY5" s="259" t="s">
        <v>47</v>
      </c>
      <c r="AZ5" s="259" t="s">
        <v>48</v>
      </c>
      <c r="BA5" s="259" t="s">
        <v>49</v>
      </c>
      <c r="BB5" s="259" t="s">
        <v>50</v>
      </c>
      <c r="BC5" s="259" t="s">
        <v>51</v>
      </c>
      <c r="BD5" s="265" t="s">
        <v>45</v>
      </c>
      <c r="BE5" s="566"/>
      <c r="BF5" s="340" t="s">
        <v>43</v>
      </c>
      <c r="BG5" s="259" t="s">
        <v>44</v>
      </c>
      <c r="BH5" s="265" t="s">
        <v>45</v>
      </c>
      <c r="BI5" s="267" t="s">
        <v>83</v>
      </c>
      <c r="BJ5" s="259" t="s">
        <v>47</v>
      </c>
      <c r="BK5" s="259" t="s">
        <v>48</v>
      </c>
      <c r="BL5" s="259" t="s">
        <v>49</v>
      </c>
      <c r="BM5" s="259" t="s">
        <v>50</v>
      </c>
      <c r="BN5" s="259" t="s">
        <v>51</v>
      </c>
      <c r="BO5" s="265" t="s">
        <v>45</v>
      </c>
      <c r="BP5" s="566"/>
      <c r="BQ5" s="340" t="s">
        <v>43</v>
      </c>
      <c r="BR5" s="259" t="s">
        <v>44</v>
      </c>
      <c r="BS5" s="265" t="s">
        <v>45</v>
      </c>
      <c r="BT5" s="267" t="s">
        <v>83</v>
      </c>
      <c r="BU5" s="259" t="s">
        <v>47</v>
      </c>
      <c r="BV5" s="259" t="s">
        <v>48</v>
      </c>
      <c r="BW5" s="259" t="s">
        <v>49</v>
      </c>
      <c r="BX5" s="259" t="s">
        <v>50</v>
      </c>
      <c r="BY5" s="259" t="s">
        <v>51</v>
      </c>
      <c r="BZ5" s="265" t="s">
        <v>45</v>
      </c>
      <c r="CA5" s="566"/>
      <c r="CB5" s="340" t="s">
        <v>43</v>
      </c>
      <c r="CC5" s="259" t="s">
        <v>44</v>
      </c>
      <c r="CD5" s="265" t="s">
        <v>45</v>
      </c>
      <c r="CE5" s="267" t="s">
        <v>83</v>
      </c>
      <c r="CF5" s="259" t="s">
        <v>47</v>
      </c>
      <c r="CG5" s="259" t="s">
        <v>48</v>
      </c>
      <c r="CH5" s="259" t="s">
        <v>49</v>
      </c>
      <c r="CI5" s="259" t="s">
        <v>50</v>
      </c>
      <c r="CJ5" s="259" t="s">
        <v>51</v>
      </c>
      <c r="CK5" s="265" t="s">
        <v>45</v>
      </c>
      <c r="CL5" s="566"/>
      <c r="CM5" s="340" t="s">
        <v>43</v>
      </c>
      <c r="CN5" s="259" t="s">
        <v>44</v>
      </c>
      <c r="CO5" s="265" t="s">
        <v>45</v>
      </c>
      <c r="CP5" s="267" t="s">
        <v>83</v>
      </c>
      <c r="CQ5" s="259" t="s">
        <v>47</v>
      </c>
      <c r="CR5" s="259" t="s">
        <v>48</v>
      </c>
      <c r="CS5" s="259" t="s">
        <v>49</v>
      </c>
      <c r="CT5" s="259" t="s">
        <v>50</v>
      </c>
      <c r="CU5" s="259" t="s">
        <v>51</v>
      </c>
      <c r="CV5" s="265" t="s">
        <v>45</v>
      </c>
      <c r="CW5" s="566"/>
    </row>
    <row r="6" spans="1:101" ht="21" customHeight="1" x14ac:dyDescent="0.2">
      <c r="B6" s="260" t="s">
        <v>4</v>
      </c>
      <c r="C6" s="269">
        <v>0</v>
      </c>
      <c r="D6" s="270">
        <v>0</v>
      </c>
      <c r="E6" s="271">
        <v>0</v>
      </c>
      <c r="F6" s="272">
        <v>0</v>
      </c>
      <c r="G6" s="273">
        <v>325</v>
      </c>
      <c r="H6" s="273">
        <v>374</v>
      </c>
      <c r="I6" s="273">
        <v>337</v>
      </c>
      <c r="J6" s="273">
        <v>390</v>
      </c>
      <c r="K6" s="273">
        <v>347</v>
      </c>
      <c r="L6" s="274">
        <v>1773</v>
      </c>
      <c r="M6" s="275">
        <v>1773</v>
      </c>
      <c r="N6" s="269">
        <v>0</v>
      </c>
      <c r="O6" s="273">
        <v>0</v>
      </c>
      <c r="P6" s="270">
        <v>0</v>
      </c>
      <c r="Q6" s="272">
        <v>0</v>
      </c>
      <c r="R6" s="273">
        <v>196</v>
      </c>
      <c r="S6" s="273">
        <v>542</v>
      </c>
      <c r="T6" s="273">
        <v>474</v>
      </c>
      <c r="U6" s="273">
        <v>470</v>
      </c>
      <c r="V6" s="273">
        <v>401</v>
      </c>
      <c r="W6" s="270">
        <v>2083</v>
      </c>
      <c r="X6" s="275">
        <v>2083</v>
      </c>
      <c r="Y6" s="269">
        <v>0</v>
      </c>
      <c r="Z6" s="273">
        <v>1</v>
      </c>
      <c r="AA6" s="270">
        <v>1</v>
      </c>
      <c r="AB6" s="272">
        <v>0</v>
      </c>
      <c r="AC6" s="273">
        <v>12951</v>
      </c>
      <c r="AD6" s="273">
        <v>11684</v>
      </c>
      <c r="AE6" s="273">
        <v>5660</v>
      </c>
      <c r="AF6" s="273">
        <v>2897</v>
      </c>
      <c r="AG6" s="273">
        <v>1339</v>
      </c>
      <c r="AH6" s="270">
        <v>34531</v>
      </c>
      <c r="AI6" s="275">
        <v>34532</v>
      </c>
      <c r="AJ6" s="269">
        <v>10</v>
      </c>
      <c r="AK6" s="273">
        <v>5</v>
      </c>
      <c r="AL6" s="270">
        <v>15</v>
      </c>
      <c r="AM6" s="272">
        <v>0</v>
      </c>
      <c r="AN6" s="273">
        <v>828</v>
      </c>
      <c r="AO6" s="273">
        <v>931</v>
      </c>
      <c r="AP6" s="273">
        <v>1053</v>
      </c>
      <c r="AQ6" s="273">
        <v>553</v>
      </c>
      <c r="AR6" s="273">
        <v>444</v>
      </c>
      <c r="AS6" s="270">
        <v>3809</v>
      </c>
      <c r="AT6" s="275">
        <v>3824</v>
      </c>
      <c r="AU6" s="269">
        <v>179</v>
      </c>
      <c r="AV6" s="273">
        <v>264</v>
      </c>
      <c r="AW6" s="270">
        <v>443</v>
      </c>
      <c r="AX6" s="272">
        <v>0</v>
      </c>
      <c r="AY6" s="273">
        <v>1390</v>
      </c>
      <c r="AZ6" s="273">
        <v>1601</v>
      </c>
      <c r="BA6" s="273">
        <v>1327</v>
      </c>
      <c r="BB6" s="273">
        <v>978</v>
      </c>
      <c r="BC6" s="273">
        <v>494</v>
      </c>
      <c r="BD6" s="270">
        <v>5790</v>
      </c>
      <c r="BE6" s="275">
        <v>6233</v>
      </c>
      <c r="BF6" s="269">
        <v>0</v>
      </c>
      <c r="BG6" s="273">
        <v>37</v>
      </c>
      <c r="BH6" s="270">
        <v>37</v>
      </c>
      <c r="BI6" s="272">
        <v>0</v>
      </c>
      <c r="BJ6" s="273">
        <v>2625</v>
      </c>
      <c r="BK6" s="273">
        <v>3222</v>
      </c>
      <c r="BL6" s="273">
        <v>3424</v>
      </c>
      <c r="BM6" s="273">
        <v>2279</v>
      </c>
      <c r="BN6" s="273">
        <v>1610</v>
      </c>
      <c r="BO6" s="274">
        <v>13160</v>
      </c>
      <c r="BP6" s="275">
        <v>13197</v>
      </c>
      <c r="BQ6" s="269">
        <v>0</v>
      </c>
      <c r="BR6" s="273">
        <v>0</v>
      </c>
      <c r="BS6" s="270">
        <v>0</v>
      </c>
      <c r="BT6" s="272">
        <v>0</v>
      </c>
      <c r="BU6" s="273">
        <v>35</v>
      </c>
      <c r="BV6" s="273">
        <v>53</v>
      </c>
      <c r="BW6" s="273">
        <v>57</v>
      </c>
      <c r="BX6" s="273">
        <v>69</v>
      </c>
      <c r="BY6" s="273">
        <v>51</v>
      </c>
      <c r="BZ6" s="270">
        <v>265</v>
      </c>
      <c r="CA6" s="275">
        <v>265</v>
      </c>
      <c r="CB6" s="269">
        <v>0</v>
      </c>
      <c r="CC6" s="273">
        <v>0</v>
      </c>
      <c r="CD6" s="270">
        <v>0</v>
      </c>
      <c r="CE6" s="272">
        <v>0</v>
      </c>
      <c r="CF6" s="273">
        <v>9</v>
      </c>
      <c r="CG6" s="273">
        <v>34</v>
      </c>
      <c r="CH6" s="273">
        <v>244</v>
      </c>
      <c r="CI6" s="273">
        <v>326</v>
      </c>
      <c r="CJ6" s="273">
        <v>209</v>
      </c>
      <c r="CK6" s="270">
        <v>822</v>
      </c>
      <c r="CL6" s="275">
        <v>822</v>
      </c>
      <c r="CM6" s="269">
        <v>0</v>
      </c>
      <c r="CN6" s="273">
        <v>0</v>
      </c>
      <c r="CO6" s="270">
        <v>0</v>
      </c>
      <c r="CP6" s="272">
        <v>0</v>
      </c>
      <c r="CQ6" s="273">
        <v>189</v>
      </c>
      <c r="CR6" s="273">
        <v>272</v>
      </c>
      <c r="CS6" s="273">
        <v>278</v>
      </c>
      <c r="CT6" s="273">
        <v>338</v>
      </c>
      <c r="CU6" s="273">
        <v>426</v>
      </c>
      <c r="CV6" s="270">
        <v>1503</v>
      </c>
      <c r="CW6" s="275">
        <v>1503</v>
      </c>
    </row>
    <row r="7" spans="1:101" ht="21" customHeight="1" x14ac:dyDescent="0.2">
      <c r="B7" s="261" t="s">
        <v>5</v>
      </c>
      <c r="C7" s="276">
        <v>0</v>
      </c>
      <c r="D7" s="277">
        <v>0</v>
      </c>
      <c r="E7" s="278">
        <v>0</v>
      </c>
      <c r="F7" s="279">
        <v>0</v>
      </c>
      <c r="G7" s="280">
        <v>127</v>
      </c>
      <c r="H7" s="280">
        <v>178</v>
      </c>
      <c r="I7" s="280">
        <v>169</v>
      </c>
      <c r="J7" s="280">
        <v>178</v>
      </c>
      <c r="K7" s="280">
        <v>165</v>
      </c>
      <c r="L7" s="281">
        <v>817</v>
      </c>
      <c r="M7" s="282">
        <v>817</v>
      </c>
      <c r="N7" s="276">
        <v>0</v>
      </c>
      <c r="O7" s="280">
        <v>0</v>
      </c>
      <c r="P7" s="277">
        <v>0</v>
      </c>
      <c r="Q7" s="279">
        <v>0</v>
      </c>
      <c r="R7" s="280">
        <v>105</v>
      </c>
      <c r="S7" s="280">
        <v>412</v>
      </c>
      <c r="T7" s="280">
        <v>353</v>
      </c>
      <c r="U7" s="280">
        <v>338</v>
      </c>
      <c r="V7" s="280">
        <v>292</v>
      </c>
      <c r="W7" s="277">
        <v>1500</v>
      </c>
      <c r="X7" s="282">
        <v>1500</v>
      </c>
      <c r="Y7" s="276">
        <v>0</v>
      </c>
      <c r="Z7" s="280">
        <v>0</v>
      </c>
      <c r="AA7" s="277">
        <v>0</v>
      </c>
      <c r="AB7" s="279">
        <v>0</v>
      </c>
      <c r="AC7" s="280">
        <v>4434</v>
      </c>
      <c r="AD7" s="280">
        <v>5485</v>
      </c>
      <c r="AE7" s="280">
        <v>2527</v>
      </c>
      <c r="AF7" s="280">
        <v>1302</v>
      </c>
      <c r="AG7" s="280">
        <v>607</v>
      </c>
      <c r="AH7" s="277">
        <v>14355</v>
      </c>
      <c r="AI7" s="282">
        <v>14355</v>
      </c>
      <c r="AJ7" s="276">
        <v>4</v>
      </c>
      <c r="AK7" s="280">
        <v>1</v>
      </c>
      <c r="AL7" s="277">
        <v>5</v>
      </c>
      <c r="AM7" s="279">
        <v>0</v>
      </c>
      <c r="AN7" s="280">
        <v>389</v>
      </c>
      <c r="AO7" s="280">
        <v>491</v>
      </c>
      <c r="AP7" s="280">
        <v>543</v>
      </c>
      <c r="AQ7" s="280">
        <v>300</v>
      </c>
      <c r="AR7" s="280">
        <v>256</v>
      </c>
      <c r="AS7" s="277">
        <v>1979</v>
      </c>
      <c r="AT7" s="282">
        <v>1984</v>
      </c>
      <c r="AU7" s="276">
        <v>77</v>
      </c>
      <c r="AV7" s="280">
        <v>110</v>
      </c>
      <c r="AW7" s="277">
        <v>187</v>
      </c>
      <c r="AX7" s="279">
        <v>0</v>
      </c>
      <c r="AY7" s="280">
        <v>496</v>
      </c>
      <c r="AZ7" s="280">
        <v>674</v>
      </c>
      <c r="BA7" s="280">
        <v>573</v>
      </c>
      <c r="BB7" s="280">
        <v>433</v>
      </c>
      <c r="BC7" s="280">
        <v>240</v>
      </c>
      <c r="BD7" s="277">
        <v>2416</v>
      </c>
      <c r="BE7" s="282">
        <v>2603</v>
      </c>
      <c r="BF7" s="276">
        <v>0</v>
      </c>
      <c r="BG7" s="280">
        <v>13</v>
      </c>
      <c r="BH7" s="277">
        <v>13</v>
      </c>
      <c r="BI7" s="279">
        <v>0</v>
      </c>
      <c r="BJ7" s="280">
        <v>1155</v>
      </c>
      <c r="BK7" s="280">
        <v>1448</v>
      </c>
      <c r="BL7" s="280">
        <v>1428</v>
      </c>
      <c r="BM7" s="280">
        <v>952</v>
      </c>
      <c r="BN7" s="280">
        <v>707</v>
      </c>
      <c r="BO7" s="281">
        <v>5690</v>
      </c>
      <c r="BP7" s="282">
        <v>5703</v>
      </c>
      <c r="BQ7" s="276">
        <v>0</v>
      </c>
      <c r="BR7" s="280">
        <v>0</v>
      </c>
      <c r="BS7" s="277">
        <v>0</v>
      </c>
      <c r="BT7" s="279">
        <v>0</v>
      </c>
      <c r="BU7" s="280">
        <v>2</v>
      </c>
      <c r="BV7" s="280">
        <v>1</v>
      </c>
      <c r="BW7" s="280">
        <v>3</v>
      </c>
      <c r="BX7" s="280">
        <v>1</v>
      </c>
      <c r="BY7" s="280">
        <v>5</v>
      </c>
      <c r="BZ7" s="277">
        <v>12</v>
      </c>
      <c r="CA7" s="282">
        <v>12</v>
      </c>
      <c r="CB7" s="276">
        <v>0</v>
      </c>
      <c r="CC7" s="280">
        <v>0</v>
      </c>
      <c r="CD7" s="277">
        <v>0</v>
      </c>
      <c r="CE7" s="279">
        <v>0</v>
      </c>
      <c r="CF7" s="280">
        <v>5</v>
      </c>
      <c r="CG7" s="280">
        <v>10</v>
      </c>
      <c r="CH7" s="280">
        <v>34</v>
      </c>
      <c r="CI7" s="280">
        <v>41</v>
      </c>
      <c r="CJ7" s="280">
        <v>23</v>
      </c>
      <c r="CK7" s="277">
        <v>113</v>
      </c>
      <c r="CL7" s="282">
        <v>113</v>
      </c>
      <c r="CM7" s="276">
        <v>0</v>
      </c>
      <c r="CN7" s="280">
        <v>0</v>
      </c>
      <c r="CO7" s="277">
        <v>0</v>
      </c>
      <c r="CP7" s="279">
        <v>0</v>
      </c>
      <c r="CQ7" s="280">
        <v>33</v>
      </c>
      <c r="CR7" s="280">
        <v>66</v>
      </c>
      <c r="CS7" s="280">
        <v>74</v>
      </c>
      <c r="CT7" s="280">
        <v>93</v>
      </c>
      <c r="CU7" s="280">
        <v>166</v>
      </c>
      <c r="CV7" s="277">
        <v>432</v>
      </c>
      <c r="CW7" s="282">
        <v>432</v>
      </c>
    </row>
    <row r="8" spans="1:101" ht="21" customHeight="1" x14ac:dyDescent="0.2">
      <c r="B8" s="261" t="s">
        <v>6</v>
      </c>
      <c r="C8" s="276">
        <v>0</v>
      </c>
      <c r="D8" s="277">
        <v>0</v>
      </c>
      <c r="E8" s="278">
        <v>0</v>
      </c>
      <c r="F8" s="279">
        <v>0</v>
      </c>
      <c r="G8" s="280">
        <v>81</v>
      </c>
      <c r="H8" s="280">
        <v>77</v>
      </c>
      <c r="I8" s="280">
        <v>65</v>
      </c>
      <c r="J8" s="280">
        <v>105</v>
      </c>
      <c r="K8" s="280">
        <v>109</v>
      </c>
      <c r="L8" s="281">
        <v>437</v>
      </c>
      <c r="M8" s="282">
        <v>437</v>
      </c>
      <c r="N8" s="276">
        <v>0</v>
      </c>
      <c r="O8" s="280">
        <v>0</v>
      </c>
      <c r="P8" s="277">
        <v>0</v>
      </c>
      <c r="Q8" s="279">
        <v>0</v>
      </c>
      <c r="R8" s="280">
        <v>63</v>
      </c>
      <c r="S8" s="280">
        <v>97</v>
      </c>
      <c r="T8" s="280">
        <v>92</v>
      </c>
      <c r="U8" s="280">
        <v>102</v>
      </c>
      <c r="V8" s="280">
        <v>88</v>
      </c>
      <c r="W8" s="277">
        <v>442</v>
      </c>
      <c r="X8" s="282">
        <v>442</v>
      </c>
      <c r="Y8" s="276">
        <v>0</v>
      </c>
      <c r="Z8" s="280">
        <v>0</v>
      </c>
      <c r="AA8" s="277">
        <v>0</v>
      </c>
      <c r="AB8" s="279">
        <v>0</v>
      </c>
      <c r="AC8" s="280">
        <v>1933</v>
      </c>
      <c r="AD8" s="280">
        <v>1267</v>
      </c>
      <c r="AE8" s="280">
        <v>715</v>
      </c>
      <c r="AF8" s="280">
        <v>418</v>
      </c>
      <c r="AG8" s="280">
        <v>217</v>
      </c>
      <c r="AH8" s="277">
        <v>4550</v>
      </c>
      <c r="AI8" s="282">
        <v>4550</v>
      </c>
      <c r="AJ8" s="276">
        <v>3</v>
      </c>
      <c r="AK8" s="280">
        <v>0</v>
      </c>
      <c r="AL8" s="277">
        <v>3</v>
      </c>
      <c r="AM8" s="279">
        <v>0</v>
      </c>
      <c r="AN8" s="280">
        <v>183</v>
      </c>
      <c r="AO8" s="280">
        <v>190</v>
      </c>
      <c r="AP8" s="280">
        <v>207</v>
      </c>
      <c r="AQ8" s="280">
        <v>131</v>
      </c>
      <c r="AR8" s="280">
        <v>79</v>
      </c>
      <c r="AS8" s="277">
        <v>790</v>
      </c>
      <c r="AT8" s="282">
        <v>793</v>
      </c>
      <c r="AU8" s="276">
        <v>20</v>
      </c>
      <c r="AV8" s="280">
        <v>29</v>
      </c>
      <c r="AW8" s="277">
        <v>49</v>
      </c>
      <c r="AX8" s="279">
        <v>0</v>
      </c>
      <c r="AY8" s="280">
        <v>228</v>
      </c>
      <c r="AZ8" s="280">
        <v>244</v>
      </c>
      <c r="BA8" s="280">
        <v>181</v>
      </c>
      <c r="BB8" s="280">
        <v>134</v>
      </c>
      <c r="BC8" s="280">
        <v>71</v>
      </c>
      <c r="BD8" s="277">
        <v>858</v>
      </c>
      <c r="BE8" s="282">
        <v>907</v>
      </c>
      <c r="BF8" s="276">
        <v>0</v>
      </c>
      <c r="BG8" s="280">
        <v>5</v>
      </c>
      <c r="BH8" s="277">
        <v>5</v>
      </c>
      <c r="BI8" s="279">
        <v>0</v>
      </c>
      <c r="BJ8" s="280">
        <v>469</v>
      </c>
      <c r="BK8" s="280">
        <v>542</v>
      </c>
      <c r="BL8" s="280">
        <v>569</v>
      </c>
      <c r="BM8" s="280">
        <v>370</v>
      </c>
      <c r="BN8" s="280">
        <v>256</v>
      </c>
      <c r="BO8" s="281">
        <v>2206</v>
      </c>
      <c r="BP8" s="282">
        <v>2211</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3</v>
      </c>
      <c r="CG8" s="280">
        <v>7</v>
      </c>
      <c r="CH8" s="280">
        <v>72</v>
      </c>
      <c r="CI8" s="280">
        <v>95</v>
      </c>
      <c r="CJ8" s="280">
        <v>65</v>
      </c>
      <c r="CK8" s="277">
        <v>242</v>
      </c>
      <c r="CL8" s="282">
        <v>242</v>
      </c>
      <c r="CM8" s="276">
        <v>0</v>
      </c>
      <c r="CN8" s="280">
        <v>0</v>
      </c>
      <c r="CO8" s="277">
        <v>0</v>
      </c>
      <c r="CP8" s="279">
        <v>0</v>
      </c>
      <c r="CQ8" s="280">
        <v>53</v>
      </c>
      <c r="CR8" s="280">
        <v>76</v>
      </c>
      <c r="CS8" s="280">
        <v>70</v>
      </c>
      <c r="CT8" s="280">
        <v>82</v>
      </c>
      <c r="CU8" s="280">
        <v>93</v>
      </c>
      <c r="CV8" s="277">
        <v>374</v>
      </c>
      <c r="CW8" s="282">
        <v>374</v>
      </c>
    </row>
    <row r="9" spans="1:101" ht="21" customHeight="1" x14ac:dyDescent="0.2">
      <c r="B9" s="261" t="s">
        <v>14</v>
      </c>
      <c r="C9" s="276">
        <v>0</v>
      </c>
      <c r="D9" s="277">
        <v>0</v>
      </c>
      <c r="E9" s="278">
        <v>0</v>
      </c>
      <c r="F9" s="279">
        <v>0</v>
      </c>
      <c r="G9" s="280">
        <v>21</v>
      </c>
      <c r="H9" s="280">
        <v>15</v>
      </c>
      <c r="I9" s="280">
        <v>22</v>
      </c>
      <c r="J9" s="280">
        <v>17</v>
      </c>
      <c r="K9" s="280">
        <v>12</v>
      </c>
      <c r="L9" s="281">
        <v>87</v>
      </c>
      <c r="M9" s="282">
        <v>87</v>
      </c>
      <c r="N9" s="276">
        <v>0</v>
      </c>
      <c r="O9" s="280">
        <v>0</v>
      </c>
      <c r="P9" s="277">
        <v>0</v>
      </c>
      <c r="Q9" s="279">
        <v>0</v>
      </c>
      <c r="R9" s="280">
        <v>2</v>
      </c>
      <c r="S9" s="280">
        <v>1</v>
      </c>
      <c r="T9" s="280">
        <v>3</v>
      </c>
      <c r="U9" s="280">
        <v>2</v>
      </c>
      <c r="V9" s="280">
        <v>2</v>
      </c>
      <c r="W9" s="277">
        <v>10</v>
      </c>
      <c r="X9" s="282">
        <v>10</v>
      </c>
      <c r="Y9" s="276">
        <v>0</v>
      </c>
      <c r="Z9" s="280">
        <v>0</v>
      </c>
      <c r="AA9" s="277">
        <v>0</v>
      </c>
      <c r="AB9" s="279">
        <v>0</v>
      </c>
      <c r="AC9" s="280">
        <v>967</v>
      </c>
      <c r="AD9" s="280">
        <v>1055</v>
      </c>
      <c r="AE9" s="280">
        <v>503</v>
      </c>
      <c r="AF9" s="280">
        <v>274</v>
      </c>
      <c r="AG9" s="280">
        <v>112</v>
      </c>
      <c r="AH9" s="277">
        <v>2911</v>
      </c>
      <c r="AI9" s="282">
        <v>2911</v>
      </c>
      <c r="AJ9" s="276">
        <v>1</v>
      </c>
      <c r="AK9" s="280">
        <v>0</v>
      </c>
      <c r="AL9" s="277">
        <v>1</v>
      </c>
      <c r="AM9" s="279">
        <v>0</v>
      </c>
      <c r="AN9" s="280">
        <v>23</v>
      </c>
      <c r="AO9" s="280">
        <v>19</v>
      </c>
      <c r="AP9" s="280">
        <v>37</v>
      </c>
      <c r="AQ9" s="280">
        <v>16</v>
      </c>
      <c r="AR9" s="280">
        <v>21</v>
      </c>
      <c r="AS9" s="277">
        <v>116</v>
      </c>
      <c r="AT9" s="282">
        <v>117</v>
      </c>
      <c r="AU9" s="276">
        <v>18</v>
      </c>
      <c r="AV9" s="280">
        <v>25</v>
      </c>
      <c r="AW9" s="277">
        <v>43</v>
      </c>
      <c r="AX9" s="279">
        <v>0</v>
      </c>
      <c r="AY9" s="280">
        <v>120</v>
      </c>
      <c r="AZ9" s="280">
        <v>129</v>
      </c>
      <c r="BA9" s="280">
        <v>111</v>
      </c>
      <c r="BB9" s="280">
        <v>78</v>
      </c>
      <c r="BC9" s="280">
        <v>26</v>
      </c>
      <c r="BD9" s="277">
        <v>464</v>
      </c>
      <c r="BE9" s="282">
        <v>507</v>
      </c>
      <c r="BF9" s="276">
        <v>0</v>
      </c>
      <c r="BG9" s="280">
        <v>1</v>
      </c>
      <c r="BH9" s="277">
        <v>1</v>
      </c>
      <c r="BI9" s="279">
        <v>0</v>
      </c>
      <c r="BJ9" s="280">
        <v>246</v>
      </c>
      <c r="BK9" s="280">
        <v>289</v>
      </c>
      <c r="BL9" s="280">
        <v>338</v>
      </c>
      <c r="BM9" s="280">
        <v>209</v>
      </c>
      <c r="BN9" s="280">
        <v>157</v>
      </c>
      <c r="BO9" s="281">
        <v>1239</v>
      </c>
      <c r="BP9" s="282">
        <v>1240</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2</v>
      </c>
      <c r="CH9" s="280">
        <v>14</v>
      </c>
      <c r="CI9" s="280">
        <v>28</v>
      </c>
      <c r="CJ9" s="280">
        <v>10</v>
      </c>
      <c r="CK9" s="277">
        <v>54</v>
      </c>
      <c r="CL9" s="282">
        <v>54</v>
      </c>
      <c r="CM9" s="276">
        <v>0</v>
      </c>
      <c r="CN9" s="280">
        <v>0</v>
      </c>
      <c r="CO9" s="277">
        <v>0</v>
      </c>
      <c r="CP9" s="279">
        <v>0</v>
      </c>
      <c r="CQ9" s="280">
        <v>12</v>
      </c>
      <c r="CR9" s="280">
        <v>11</v>
      </c>
      <c r="CS9" s="280">
        <v>13</v>
      </c>
      <c r="CT9" s="280">
        <v>16</v>
      </c>
      <c r="CU9" s="280">
        <v>12</v>
      </c>
      <c r="CV9" s="277">
        <v>64</v>
      </c>
      <c r="CW9" s="282">
        <v>64</v>
      </c>
    </row>
    <row r="10" spans="1:101" ht="21" customHeight="1" x14ac:dyDescent="0.2">
      <c r="B10" s="261" t="s">
        <v>7</v>
      </c>
      <c r="C10" s="276">
        <v>0</v>
      </c>
      <c r="D10" s="277">
        <v>0</v>
      </c>
      <c r="E10" s="278">
        <v>0</v>
      </c>
      <c r="F10" s="279">
        <v>0</v>
      </c>
      <c r="G10" s="280">
        <v>3</v>
      </c>
      <c r="H10" s="280">
        <v>9</v>
      </c>
      <c r="I10" s="280">
        <v>9</v>
      </c>
      <c r="J10" s="280">
        <v>9</v>
      </c>
      <c r="K10" s="280">
        <v>5</v>
      </c>
      <c r="L10" s="281">
        <v>35</v>
      </c>
      <c r="M10" s="282">
        <v>35</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1042</v>
      </c>
      <c r="AD10" s="280">
        <v>600</v>
      </c>
      <c r="AE10" s="280">
        <v>292</v>
      </c>
      <c r="AF10" s="280">
        <v>123</v>
      </c>
      <c r="AG10" s="280">
        <v>51</v>
      </c>
      <c r="AH10" s="277">
        <v>2108</v>
      </c>
      <c r="AI10" s="282">
        <v>2108</v>
      </c>
      <c r="AJ10" s="276">
        <v>0</v>
      </c>
      <c r="AK10" s="280">
        <v>0</v>
      </c>
      <c r="AL10" s="277">
        <v>0</v>
      </c>
      <c r="AM10" s="279">
        <v>0</v>
      </c>
      <c r="AN10" s="280">
        <v>94</v>
      </c>
      <c r="AO10" s="280">
        <v>92</v>
      </c>
      <c r="AP10" s="280">
        <v>106</v>
      </c>
      <c r="AQ10" s="280">
        <v>32</v>
      </c>
      <c r="AR10" s="280">
        <v>16</v>
      </c>
      <c r="AS10" s="277">
        <v>340</v>
      </c>
      <c r="AT10" s="282">
        <v>340</v>
      </c>
      <c r="AU10" s="276">
        <v>7</v>
      </c>
      <c r="AV10" s="280">
        <v>12</v>
      </c>
      <c r="AW10" s="277">
        <v>19</v>
      </c>
      <c r="AX10" s="279">
        <v>0</v>
      </c>
      <c r="AY10" s="280">
        <v>52</v>
      </c>
      <c r="AZ10" s="280">
        <v>39</v>
      </c>
      <c r="BA10" s="280">
        <v>31</v>
      </c>
      <c r="BB10" s="280">
        <v>21</v>
      </c>
      <c r="BC10" s="280">
        <v>5</v>
      </c>
      <c r="BD10" s="277">
        <v>148</v>
      </c>
      <c r="BE10" s="282">
        <v>167</v>
      </c>
      <c r="BF10" s="276">
        <v>0</v>
      </c>
      <c r="BG10" s="280">
        <v>0</v>
      </c>
      <c r="BH10" s="277">
        <v>0</v>
      </c>
      <c r="BI10" s="279">
        <v>0</v>
      </c>
      <c r="BJ10" s="280">
        <v>115</v>
      </c>
      <c r="BK10" s="280">
        <v>138</v>
      </c>
      <c r="BL10" s="280">
        <v>188</v>
      </c>
      <c r="BM10" s="280">
        <v>147</v>
      </c>
      <c r="BN10" s="280">
        <v>72</v>
      </c>
      <c r="BO10" s="281">
        <v>660</v>
      </c>
      <c r="BP10" s="282">
        <v>660</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7</v>
      </c>
      <c r="CR10" s="280">
        <v>13</v>
      </c>
      <c r="CS10" s="280">
        <v>9</v>
      </c>
      <c r="CT10" s="280">
        <v>10</v>
      </c>
      <c r="CU10" s="280">
        <v>21</v>
      </c>
      <c r="CV10" s="277">
        <v>60</v>
      </c>
      <c r="CW10" s="282">
        <v>60</v>
      </c>
    </row>
    <row r="11" spans="1:101" ht="21" customHeight="1" x14ac:dyDescent="0.2">
      <c r="B11" s="261" t="s">
        <v>8</v>
      </c>
      <c r="C11" s="276">
        <v>0</v>
      </c>
      <c r="D11" s="277">
        <v>0</v>
      </c>
      <c r="E11" s="278">
        <v>0</v>
      </c>
      <c r="F11" s="279">
        <v>0</v>
      </c>
      <c r="G11" s="280">
        <v>3</v>
      </c>
      <c r="H11" s="280">
        <v>9</v>
      </c>
      <c r="I11" s="280">
        <v>4</v>
      </c>
      <c r="J11" s="280">
        <v>4</v>
      </c>
      <c r="K11" s="280">
        <v>2</v>
      </c>
      <c r="L11" s="281">
        <v>22</v>
      </c>
      <c r="M11" s="282">
        <v>22</v>
      </c>
      <c r="N11" s="276">
        <v>0</v>
      </c>
      <c r="O11" s="280">
        <v>0</v>
      </c>
      <c r="P11" s="277">
        <v>0</v>
      </c>
      <c r="Q11" s="279">
        <v>0</v>
      </c>
      <c r="R11" s="280">
        <v>2</v>
      </c>
      <c r="S11" s="280">
        <v>1</v>
      </c>
      <c r="T11" s="280">
        <v>0</v>
      </c>
      <c r="U11" s="280">
        <v>2</v>
      </c>
      <c r="V11" s="280">
        <v>5</v>
      </c>
      <c r="W11" s="277">
        <v>10</v>
      </c>
      <c r="X11" s="282">
        <v>10</v>
      </c>
      <c r="Y11" s="276">
        <v>0</v>
      </c>
      <c r="Z11" s="280">
        <v>0</v>
      </c>
      <c r="AA11" s="277">
        <v>0</v>
      </c>
      <c r="AB11" s="279">
        <v>0</v>
      </c>
      <c r="AC11" s="280">
        <v>585</v>
      </c>
      <c r="AD11" s="280">
        <v>497</v>
      </c>
      <c r="AE11" s="280">
        <v>232</v>
      </c>
      <c r="AF11" s="280">
        <v>94</v>
      </c>
      <c r="AG11" s="280">
        <v>48</v>
      </c>
      <c r="AH11" s="277">
        <v>1456</v>
      </c>
      <c r="AI11" s="282">
        <v>1456</v>
      </c>
      <c r="AJ11" s="276">
        <v>0</v>
      </c>
      <c r="AK11" s="280">
        <v>0</v>
      </c>
      <c r="AL11" s="277">
        <v>0</v>
      </c>
      <c r="AM11" s="279">
        <v>0</v>
      </c>
      <c r="AN11" s="280">
        <v>9</v>
      </c>
      <c r="AO11" s="280">
        <v>12</v>
      </c>
      <c r="AP11" s="280">
        <v>8</v>
      </c>
      <c r="AQ11" s="280">
        <v>6</v>
      </c>
      <c r="AR11" s="280">
        <v>6</v>
      </c>
      <c r="AS11" s="277">
        <v>41</v>
      </c>
      <c r="AT11" s="282">
        <v>41</v>
      </c>
      <c r="AU11" s="276">
        <v>7</v>
      </c>
      <c r="AV11" s="280">
        <v>11</v>
      </c>
      <c r="AW11" s="277">
        <v>18</v>
      </c>
      <c r="AX11" s="279">
        <v>0</v>
      </c>
      <c r="AY11" s="280">
        <v>74</v>
      </c>
      <c r="AZ11" s="280">
        <v>56</v>
      </c>
      <c r="BA11" s="280">
        <v>53</v>
      </c>
      <c r="BB11" s="280">
        <v>25</v>
      </c>
      <c r="BC11" s="280">
        <v>6</v>
      </c>
      <c r="BD11" s="277">
        <v>214</v>
      </c>
      <c r="BE11" s="282">
        <v>232</v>
      </c>
      <c r="BF11" s="276">
        <v>0</v>
      </c>
      <c r="BG11" s="280">
        <v>0</v>
      </c>
      <c r="BH11" s="277">
        <v>0</v>
      </c>
      <c r="BI11" s="279">
        <v>0</v>
      </c>
      <c r="BJ11" s="280">
        <v>64</v>
      </c>
      <c r="BK11" s="280">
        <v>74</v>
      </c>
      <c r="BL11" s="280">
        <v>73</v>
      </c>
      <c r="BM11" s="280">
        <v>56</v>
      </c>
      <c r="BN11" s="280">
        <v>42</v>
      </c>
      <c r="BO11" s="281">
        <v>309</v>
      </c>
      <c r="BP11" s="282">
        <v>309</v>
      </c>
      <c r="BQ11" s="276">
        <v>0</v>
      </c>
      <c r="BR11" s="280">
        <v>0</v>
      </c>
      <c r="BS11" s="277">
        <v>0</v>
      </c>
      <c r="BT11" s="279">
        <v>0</v>
      </c>
      <c r="BU11" s="280">
        <v>3</v>
      </c>
      <c r="BV11" s="280">
        <v>8</v>
      </c>
      <c r="BW11" s="280">
        <v>12</v>
      </c>
      <c r="BX11" s="280">
        <v>15</v>
      </c>
      <c r="BY11" s="280">
        <v>5</v>
      </c>
      <c r="BZ11" s="277">
        <v>43</v>
      </c>
      <c r="CA11" s="282">
        <v>43</v>
      </c>
      <c r="CB11" s="276">
        <v>0</v>
      </c>
      <c r="CC11" s="280">
        <v>0</v>
      </c>
      <c r="CD11" s="277">
        <v>0</v>
      </c>
      <c r="CE11" s="279">
        <v>0</v>
      </c>
      <c r="CF11" s="280">
        <v>0</v>
      </c>
      <c r="CG11" s="280">
        <v>2</v>
      </c>
      <c r="CH11" s="280">
        <v>14</v>
      </c>
      <c r="CI11" s="280">
        <v>17</v>
      </c>
      <c r="CJ11" s="280">
        <v>14</v>
      </c>
      <c r="CK11" s="277">
        <v>47</v>
      </c>
      <c r="CL11" s="282">
        <v>47</v>
      </c>
      <c r="CM11" s="276">
        <v>0</v>
      </c>
      <c r="CN11" s="280">
        <v>0</v>
      </c>
      <c r="CO11" s="277">
        <v>0</v>
      </c>
      <c r="CP11" s="279">
        <v>0</v>
      </c>
      <c r="CQ11" s="280">
        <v>11</v>
      </c>
      <c r="CR11" s="280">
        <v>14</v>
      </c>
      <c r="CS11" s="280">
        <v>15</v>
      </c>
      <c r="CT11" s="280">
        <v>11</v>
      </c>
      <c r="CU11" s="280">
        <v>9</v>
      </c>
      <c r="CV11" s="277">
        <v>60</v>
      </c>
      <c r="CW11" s="282">
        <v>60</v>
      </c>
    </row>
    <row r="12" spans="1:101" ht="21" customHeight="1" x14ac:dyDescent="0.2">
      <c r="B12" s="261" t="s">
        <v>9</v>
      </c>
      <c r="C12" s="276">
        <v>0</v>
      </c>
      <c r="D12" s="277">
        <v>0</v>
      </c>
      <c r="E12" s="278">
        <v>0</v>
      </c>
      <c r="F12" s="279">
        <v>0</v>
      </c>
      <c r="G12" s="280">
        <v>1</v>
      </c>
      <c r="H12" s="280">
        <v>6</v>
      </c>
      <c r="I12" s="280">
        <v>3</v>
      </c>
      <c r="J12" s="280">
        <v>9</v>
      </c>
      <c r="K12" s="280">
        <v>6</v>
      </c>
      <c r="L12" s="281">
        <v>25</v>
      </c>
      <c r="M12" s="282">
        <v>25</v>
      </c>
      <c r="N12" s="276">
        <v>0</v>
      </c>
      <c r="O12" s="280">
        <v>0</v>
      </c>
      <c r="P12" s="277">
        <v>0</v>
      </c>
      <c r="Q12" s="279">
        <v>0</v>
      </c>
      <c r="R12" s="280">
        <v>0</v>
      </c>
      <c r="S12" s="280">
        <v>0</v>
      </c>
      <c r="T12" s="280">
        <v>0</v>
      </c>
      <c r="U12" s="280">
        <v>0</v>
      </c>
      <c r="V12" s="280">
        <v>0</v>
      </c>
      <c r="W12" s="277">
        <v>0</v>
      </c>
      <c r="X12" s="282">
        <v>0</v>
      </c>
      <c r="Y12" s="276">
        <v>0</v>
      </c>
      <c r="Z12" s="280">
        <v>1</v>
      </c>
      <c r="AA12" s="277">
        <v>1</v>
      </c>
      <c r="AB12" s="279">
        <v>0</v>
      </c>
      <c r="AC12" s="280">
        <v>419</v>
      </c>
      <c r="AD12" s="280">
        <v>275</v>
      </c>
      <c r="AE12" s="280">
        <v>153</v>
      </c>
      <c r="AF12" s="280">
        <v>80</v>
      </c>
      <c r="AG12" s="280">
        <v>27</v>
      </c>
      <c r="AH12" s="277">
        <v>954</v>
      </c>
      <c r="AI12" s="282">
        <v>955</v>
      </c>
      <c r="AJ12" s="276">
        <v>0</v>
      </c>
      <c r="AK12" s="280">
        <v>0</v>
      </c>
      <c r="AL12" s="277">
        <v>0</v>
      </c>
      <c r="AM12" s="279">
        <v>0</v>
      </c>
      <c r="AN12" s="280">
        <v>9</v>
      </c>
      <c r="AO12" s="280">
        <v>6</v>
      </c>
      <c r="AP12" s="280">
        <v>10</v>
      </c>
      <c r="AQ12" s="280">
        <v>7</v>
      </c>
      <c r="AR12" s="280">
        <v>4</v>
      </c>
      <c r="AS12" s="277">
        <v>36</v>
      </c>
      <c r="AT12" s="282">
        <v>36</v>
      </c>
      <c r="AU12" s="276">
        <v>4</v>
      </c>
      <c r="AV12" s="280">
        <v>5</v>
      </c>
      <c r="AW12" s="277">
        <v>9</v>
      </c>
      <c r="AX12" s="279">
        <v>0</v>
      </c>
      <c r="AY12" s="280">
        <v>34</v>
      </c>
      <c r="AZ12" s="280">
        <v>39</v>
      </c>
      <c r="BA12" s="280">
        <v>22</v>
      </c>
      <c r="BB12" s="280">
        <v>25</v>
      </c>
      <c r="BC12" s="280">
        <v>5</v>
      </c>
      <c r="BD12" s="277">
        <v>125</v>
      </c>
      <c r="BE12" s="282">
        <v>134</v>
      </c>
      <c r="BF12" s="276">
        <v>0</v>
      </c>
      <c r="BG12" s="280">
        <v>1</v>
      </c>
      <c r="BH12" s="277">
        <v>1</v>
      </c>
      <c r="BI12" s="279">
        <v>0</v>
      </c>
      <c r="BJ12" s="280">
        <v>32</v>
      </c>
      <c r="BK12" s="280">
        <v>45</v>
      </c>
      <c r="BL12" s="280">
        <v>90</v>
      </c>
      <c r="BM12" s="280">
        <v>46</v>
      </c>
      <c r="BN12" s="280">
        <v>25</v>
      </c>
      <c r="BO12" s="281">
        <v>238</v>
      </c>
      <c r="BP12" s="282">
        <v>239</v>
      </c>
      <c r="BQ12" s="276">
        <v>0</v>
      </c>
      <c r="BR12" s="280">
        <v>0</v>
      </c>
      <c r="BS12" s="277">
        <v>0</v>
      </c>
      <c r="BT12" s="279">
        <v>0</v>
      </c>
      <c r="BU12" s="280">
        <v>5</v>
      </c>
      <c r="BV12" s="280">
        <v>6</v>
      </c>
      <c r="BW12" s="280">
        <v>4</v>
      </c>
      <c r="BX12" s="280">
        <v>5</v>
      </c>
      <c r="BY12" s="280">
        <v>5</v>
      </c>
      <c r="BZ12" s="277">
        <v>25</v>
      </c>
      <c r="CA12" s="282">
        <v>25</v>
      </c>
      <c r="CB12" s="276">
        <v>0</v>
      </c>
      <c r="CC12" s="280">
        <v>0</v>
      </c>
      <c r="CD12" s="277">
        <v>0</v>
      </c>
      <c r="CE12" s="279">
        <v>0</v>
      </c>
      <c r="CF12" s="280">
        <v>0</v>
      </c>
      <c r="CG12" s="280">
        <v>0</v>
      </c>
      <c r="CH12" s="280">
        <v>0</v>
      </c>
      <c r="CI12" s="280">
        <v>1</v>
      </c>
      <c r="CJ12" s="280">
        <v>0</v>
      </c>
      <c r="CK12" s="277">
        <v>1</v>
      </c>
      <c r="CL12" s="282">
        <v>1</v>
      </c>
      <c r="CM12" s="276">
        <v>0</v>
      </c>
      <c r="CN12" s="280">
        <v>0</v>
      </c>
      <c r="CO12" s="277">
        <v>0</v>
      </c>
      <c r="CP12" s="279">
        <v>0</v>
      </c>
      <c r="CQ12" s="280">
        <v>7</v>
      </c>
      <c r="CR12" s="280">
        <v>2</v>
      </c>
      <c r="CS12" s="280">
        <v>13</v>
      </c>
      <c r="CT12" s="280">
        <v>12</v>
      </c>
      <c r="CU12" s="280">
        <v>11</v>
      </c>
      <c r="CV12" s="277">
        <v>45</v>
      </c>
      <c r="CW12" s="282">
        <v>45</v>
      </c>
    </row>
    <row r="13" spans="1:101" ht="21" customHeight="1" x14ac:dyDescent="0.2">
      <c r="B13" s="261" t="s">
        <v>10</v>
      </c>
      <c r="C13" s="276">
        <v>0</v>
      </c>
      <c r="D13" s="277">
        <v>0</v>
      </c>
      <c r="E13" s="278">
        <v>0</v>
      </c>
      <c r="F13" s="279">
        <v>0</v>
      </c>
      <c r="G13" s="280">
        <v>22</v>
      </c>
      <c r="H13" s="280">
        <v>14</v>
      </c>
      <c r="I13" s="280">
        <v>14</v>
      </c>
      <c r="J13" s="280">
        <v>19</v>
      </c>
      <c r="K13" s="280">
        <v>14</v>
      </c>
      <c r="L13" s="281">
        <v>83</v>
      </c>
      <c r="M13" s="282">
        <v>83</v>
      </c>
      <c r="N13" s="276">
        <v>0</v>
      </c>
      <c r="O13" s="280">
        <v>0</v>
      </c>
      <c r="P13" s="277">
        <v>0</v>
      </c>
      <c r="Q13" s="279">
        <v>0</v>
      </c>
      <c r="R13" s="280">
        <v>11</v>
      </c>
      <c r="S13" s="280">
        <v>13</v>
      </c>
      <c r="T13" s="280">
        <v>13</v>
      </c>
      <c r="U13" s="280">
        <v>14</v>
      </c>
      <c r="V13" s="280">
        <v>8</v>
      </c>
      <c r="W13" s="277">
        <v>59</v>
      </c>
      <c r="X13" s="282">
        <v>59</v>
      </c>
      <c r="Y13" s="276">
        <v>0</v>
      </c>
      <c r="Z13" s="280">
        <v>0</v>
      </c>
      <c r="AA13" s="277">
        <v>0</v>
      </c>
      <c r="AB13" s="279">
        <v>0</v>
      </c>
      <c r="AC13" s="280">
        <v>559</v>
      </c>
      <c r="AD13" s="280">
        <v>271</v>
      </c>
      <c r="AE13" s="280">
        <v>135</v>
      </c>
      <c r="AF13" s="280">
        <v>55</v>
      </c>
      <c r="AG13" s="280">
        <v>32</v>
      </c>
      <c r="AH13" s="277">
        <v>1052</v>
      </c>
      <c r="AI13" s="282">
        <v>1052</v>
      </c>
      <c r="AJ13" s="276">
        <v>0</v>
      </c>
      <c r="AK13" s="280">
        <v>1</v>
      </c>
      <c r="AL13" s="277">
        <v>1</v>
      </c>
      <c r="AM13" s="279">
        <v>0</v>
      </c>
      <c r="AN13" s="280">
        <v>12</v>
      </c>
      <c r="AO13" s="280">
        <v>15</v>
      </c>
      <c r="AP13" s="280">
        <v>22</v>
      </c>
      <c r="AQ13" s="280">
        <v>8</v>
      </c>
      <c r="AR13" s="280">
        <v>10</v>
      </c>
      <c r="AS13" s="277">
        <v>67</v>
      </c>
      <c r="AT13" s="282">
        <v>68</v>
      </c>
      <c r="AU13" s="276">
        <v>10</v>
      </c>
      <c r="AV13" s="280">
        <v>22</v>
      </c>
      <c r="AW13" s="277">
        <v>32</v>
      </c>
      <c r="AX13" s="279">
        <v>0</v>
      </c>
      <c r="AY13" s="280">
        <v>91</v>
      </c>
      <c r="AZ13" s="280">
        <v>74</v>
      </c>
      <c r="BA13" s="280">
        <v>79</v>
      </c>
      <c r="BB13" s="280">
        <v>52</v>
      </c>
      <c r="BC13" s="280">
        <v>34</v>
      </c>
      <c r="BD13" s="277">
        <v>330</v>
      </c>
      <c r="BE13" s="282">
        <v>362</v>
      </c>
      <c r="BF13" s="276">
        <v>0</v>
      </c>
      <c r="BG13" s="280">
        <v>3</v>
      </c>
      <c r="BH13" s="277">
        <v>3</v>
      </c>
      <c r="BI13" s="279">
        <v>0</v>
      </c>
      <c r="BJ13" s="280">
        <v>117</v>
      </c>
      <c r="BK13" s="280">
        <v>129</v>
      </c>
      <c r="BL13" s="280">
        <v>94</v>
      </c>
      <c r="BM13" s="280">
        <v>87</v>
      </c>
      <c r="BN13" s="280">
        <v>86</v>
      </c>
      <c r="BO13" s="281">
        <v>513</v>
      </c>
      <c r="BP13" s="282">
        <v>516</v>
      </c>
      <c r="BQ13" s="276">
        <v>0</v>
      </c>
      <c r="BR13" s="280">
        <v>0</v>
      </c>
      <c r="BS13" s="277">
        <v>0</v>
      </c>
      <c r="BT13" s="279">
        <v>0</v>
      </c>
      <c r="BU13" s="280">
        <v>24</v>
      </c>
      <c r="BV13" s="280">
        <v>31</v>
      </c>
      <c r="BW13" s="280">
        <v>31</v>
      </c>
      <c r="BX13" s="280">
        <v>29</v>
      </c>
      <c r="BY13" s="280">
        <v>29</v>
      </c>
      <c r="BZ13" s="277">
        <v>144</v>
      </c>
      <c r="CA13" s="282">
        <v>144</v>
      </c>
      <c r="CB13" s="276">
        <v>0</v>
      </c>
      <c r="CC13" s="280">
        <v>0</v>
      </c>
      <c r="CD13" s="277">
        <v>0</v>
      </c>
      <c r="CE13" s="279">
        <v>0</v>
      </c>
      <c r="CF13" s="280">
        <v>0</v>
      </c>
      <c r="CG13" s="280">
        <v>1</v>
      </c>
      <c r="CH13" s="280">
        <v>5</v>
      </c>
      <c r="CI13" s="280">
        <v>19</v>
      </c>
      <c r="CJ13" s="280">
        <v>16</v>
      </c>
      <c r="CK13" s="277">
        <v>41</v>
      </c>
      <c r="CL13" s="282">
        <v>41</v>
      </c>
      <c r="CM13" s="276">
        <v>0</v>
      </c>
      <c r="CN13" s="280">
        <v>0</v>
      </c>
      <c r="CO13" s="277">
        <v>0</v>
      </c>
      <c r="CP13" s="279">
        <v>0</v>
      </c>
      <c r="CQ13" s="280">
        <v>26</v>
      </c>
      <c r="CR13" s="280">
        <v>36</v>
      </c>
      <c r="CS13" s="280">
        <v>28</v>
      </c>
      <c r="CT13" s="280">
        <v>35</v>
      </c>
      <c r="CU13" s="280">
        <v>38</v>
      </c>
      <c r="CV13" s="277">
        <v>163</v>
      </c>
      <c r="CW13" s="282">
        <v>163</v>
      </c>
    </row>
    <row r="14" spans="1:101" ht="21" customHeight="1" x14ac:dyDescent="0.2">
      <c r="B14" s="261" t="s">
        <v>11</v>
      </c>
      <c r="C14" s="276">
        <v>0</v>
      </c>
      <c r="D14" s="277">
        <v>0</v>
      </c>
      <c r="E14" s="278">
        <v>0</v>
      </c>
      <c r="F14" s="279">
        <v>0</v>
      </c>
      <c r="G14" s="280">
        <v>11</v>
      </c>
      <c r="H14" s="280">
        <v>7</v>
      </c>
      <c r="I14" s="280">
        <v>6</v>
      </c>
      <c r="J14" s="280">
        <v>7</v>
      </c>
      <c r="K14" s="280">
        <v>7</v>
      </c>
      <c r="L14" s="281">
        <v>38</v>
      </c>
      <c r="M14" s="282">
        <v>38</v>
      </c>
      <c r="N14" s="276">
        <v>0</v>
      </c>
      <c r="O14" s="280">
        <v>0</v>
      </c>
      <c r="P14" s="277">
        <v>0</v>
      </c>
      <c r="Q14" s="279">
        <v>0</v>
      </c>
      <c r="R14" s="280">
        <v>12</v>
      </c>
      <c r="S14" s="280">
        <v>14</v>
      </c>
      <c r="T14" s="280">
        <v>7</v>
      </c>
      <c r="U14" s="280">
        <v>8</v>
      </c>
      <c r="V14" s="280">
        <v>5</v>
      </c>
      <c r="W14" s="277">
        <v>46</v>
      </c>
      <c r="X14" s="282">
        <v>46</v>
      </c>
      <c r="Y14" s="276">
        <v>0</v>
      </c>
      <c r="Z14" s="280">
        <v>0</v>
      </c>
      <c r="AA14" s="277">
        <v>0</v>
      </c>
      <c r="AB14" s="279">
        <v>0</v>
      </c>
      <c r="AC14" s="280">
        <v>530</v>
      </c>
      <c r="AD14" s="280">
        <v>252</v>
      </c>
      <c r="AE14" s="280">
        <v>139</v>
      </c>
      <c r="AF14" s="280">
        <v>76</v>
      </c>
      <c r="AG14" s="280">
        <v>31</v>
      </c>
      <c r="AH14" s="277">
        <v>1028</v>
      </c>
      <c r="AI14" s="282">
        <v>1028</v>
      </c>
      <c r="AJ14" s="276">
        <v>0</v>
      </c>
      <c r="AK14" s="280">
        <v>1</v>
      </c>
      <c r="AL14" s="277">
        <v>1</v>
      </c>
      <c r="AM14" s="279">
        <v>0</v>
      </c>
      <c r="AN14" s="280">
        <v>16</v>
      </c>
      <c r="AO14" s="280">
        <v>17</v>
      </c>
      <c r="AP14" s="280">
        <v>11</v>
      </c>
      <c r="AQ14" s="280">
        <v>1</v>
      </c>
      <c r="AR14" s="280">
        <v>1</v>
      </c>
      <c r="AS14" s="277">
        <v>46</v>
      </c>
      <c r="AT14" s="282">
        <v>47</v>
      </c>
      <c r="AU14" s="276">
        <v>4</v>
      </c>
      <c r="AV14" s="280">
        <v>4</v>
      </c>
      <c r="AW14" s="277">
        <v>8</v>
      </c>
      <c r="AX14" s="279">
        <v>0</v>
      </c>
      <c r="AY14" s="280">
        <v>39</v>
      </c>
      <c r="AZ14" s="280">
        <v>43</v>
      </c>
      <c r="BA14" s="280">
        <v>33</v>
      </c>
      <c r="BB14" s="280">
        <v>18</v>
      </c>
      <c r="BC14" s="280">
        <v>9</v>
      </c>
      <c r="BD14" s="277">
        <v>142</v>
      </c>
      <c r="BE14" s="282">
        <v>150</v>
      </c>
      <c r="BF14" s="276">
        <v>0</v>
      </c>
      <c r="BG14" s="280">
        <v>6</v>
      </c>
      <c r="BH14" s="277">
        <v>6</v>
      </c>
      <c r="BI14" s="279">
        <v>0</v>
      </c>
      <c r="BJ14" s="280">
        <v>58</v>
      </c>
      <c r="BK14" s="280">
        <v>80</v>
      </c>
      <c r="BL14" s="280">
        <v>69</v>
      </c>
      <c r="BM14" s="280">
        <v>46</v>
      </c>
      <c r="BN14" s="280">
        <v>31</v>
      </c>
      <c r="BO14" s="281">
        <v>284</v>
      </c>
      <c r="BP14" s="282">
        <v>290</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1</v>
      </c>
      <c r="CH14" s="280">
        <v>0</v>
      </c>
      <c r="CI14" s="280">
        <v>0</v>
      </c>
      <c r="CJ14" s="280">
        <v>0</v>
      </c>
      <c r="CK14" s="277">
        <v>1</v>
      </c>
      <c r="CL14" s="282">
        <v>1</v>
      </c>
      <c r="CM14" s="276">
        <v>0</v>
      </c>
      <c r="CN14" s="280">
        <v>0</v>
      </c>
      <c r="CO14" s="277">
        <v>0</v>
      </c>
      <c r="CP14" s="279">
        <v>0</v>
      </c>
      <c r="CQ14" s="280">
        <v>7</v>
      </c>
      <c r="CR14" s="280">
        <v>4</v>
      </c>
      <c r="CS14" s="280">
        <v>3</v>
      </c>
      <c r="CT14" s="280">
        <v>8</v>
      </c>
      <c r="CU14" s="280">
        <v>3</v>
      </c>
      <c r="CV14" s="277">
        <v>25</v>
      </c>
      <c r="CW14" s="282">
        <v>25</v>
      </c>
    </row>
    <row r="15" spans="1:101" ht="21" customHeight="1" x14ac:dyDescent="0.2">
      <c r="B15" s="261" t="s">
        <v>12</v>
      </c>
      <c r="C15" s="276">
        <v>0</v>
      </c>
      <c r="D15" s="277">
        <v>0</v>
      </c>
      <c r="E15" s="278">
        <v>0</v>
      </c>
      <c r="F15" s="279">
        <v>0</v>
      </c>
      <c r="G15" s="280">
        <v>10</v>
      </c>
      <c r="H15" s="280">
        <v>5</v>
      </c>
      <c r="I15" s="280">
        <v>7</v>
      </c>
      <c r="J15" s="280">
        <v>5</v>
      </c>
      <c r="K15" s="280">
        <v>4</v>
      </c>
      <c r="L15" s="281">
        <v>31</v>
      </c>
      <c r="M15" s="282">
        <v>31</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89</v>
      </c>
      <c r="AD15" s="280">
        <v>245</v>
      </c>
      <c r="AE15" s="280">
        <v>163</v>
      </c>
      <c r="AF15" s="280">
        <v>81</v>
      </c>
      <c r="AG15" s="280">
        <v>37</v>
      </c>
      <c r="AH15" s="277">
        <v>915</v>
      </c>
      <c r="AI15" s="282">
        <v>915</v>
      </c>
      <c r="AJ15" s="276">
        <v>0</v>
      </c>
      <c r="AK15" s="280">
        <v>0</v>
      </c>
      <c r="AL15" s="277">
        <v>0</v>
      </c>
      <c r="AM15" s="279">
        <v>0</v>
      </c>
      <c r="AN15" s="280">
        <v>6</v>
      </c>
      <c r="AO15" s="280">
        <v>3</v>
      </c>
      <c r="AP15" s="280">
        <v>0</v>
      </c>
      <c r="AQ15" s="280">
        <v>0</v>
      </c>
      <c r="AR15" s="280">
        <v>1</v>
      </c>
      <c r="AS15" s="277">
        <v>10</v>
      </c>
      <c r="AT15" s="282">
        <v>10</v>
      </c>
      <c r="AU15" s="276">
        <v>0</v>
      </c>
      <c r="AV15" s="280">
        <v>1</v>
      </c>
      <c r="AW15" s="277">
        <v>1</v>
      </c>
      <c r="AX15" s="279">
        <v>0</v>
      </c>
      <c r="AY15" s="280">
        <v>24</v>
      </c>
      <c r="AZ15" s="280">
        <v>33</v>
      </c>
      <c r="BA15" s="280">
        <v>44</v>
      </c>
      <c r="BB15" s="280">
        <v>51</v>
      </c>
      <c r="BC15" s="280">
        <v>26</v>
      </c>
      <c r="BD15" s="277">
        <v>178</v>
      </c>
      <c r="BE15" s="282">
        <v>179</v>
      </c>
      <c r="BF15" s="276">
        <v>0</v>
      </c>
      <c r="BG15" s="280">
        <v>0</v>
      </c>
      <c r="BH15" s="277">
        <v>0</v>
      </c>
      <c r="BI15" s="279">
        <v>0</v>
      </c>
      <c r="BJ15" s="280">
        <v>46</v>
      </c>
      <c r="BK15" s="280">
        <v>43</v>
      </c>
      <c r="BL15" s="280">
        <v>47</v>
      </c>
      <c r="BM15" s="280">
        <v>35</v>
      </c>
      <c r="BN15" s="280">
        <v>36</v>
      </c>
      <c r="BO15" s="281">
        <v>207</v>
      </c>
      <c r="BP15" s="282">
        <v>207</v>
      </c>
      <c r="BQ15" s="276">
        <v>0</v>
      </c>
      <c r="BR15" s="280">
        <v>0</v>
      </c>
      <c r="BS15" s="277">
        <v>0</v>
      </c>
      <c r="BT15" s="279">
        <v>0</v>
      </c>
      <c r="BU15" s="280">
        <v>1</v>
      </c>
      <c r="BV15" s="280">
        <v>7</v>
      </c>
      <c r="BW15" s="280">
        <v>4</v>
      </c>
      <c r="BX15" s="280">
        <v>10</v>
      </c>
      <c r="BY15" s="280">
        <v>3</v>
      </c>
      <c r="BZ15" s="277">
        <v>25</v>
      </c>
      <c r="CA15" s="282">
        <v>25</v>
      </c>
      <c r="CB15" s="276">
        <v>0</v>
      </c>
      <c r="CC15" s="280">
        <v>0</v>
      </c>
      <c r="CD15" s="277">
        <v>0</v>
      </c>
      <c r="CE15" s="279">
        <v>0</v>
      </c>
      <c r="CF15" s="280">
        <v>0</v>
      </c>
      <c r="CG15" s="280">
        <v>1</v>
      </c>
      <c r="CH15" s="280">
        <v>12</v>
      </c>
      <c r="CI15" s="280">
        <v>10</v>
      </c>
      <c r="CJ15" s="280">
        <v>5</v>
      </c>
      <c r="CK15" s="277">
        <v>28</v>
      </c>
      <c r="CL15" s="282">
        <v>28</v>
      </c>
      <c r="CM15" s="276">
        <v>0</v>
      </c>
      <c r="CN15" s="280">
        <v>0</v>
      </c>
      <c r="CO15" s="277">
        <v>0</v>
      </c>
      <c r="CP15" s="279">
        <v>0</v>
      </c>
      <c r="CQ15" s="280">
        <v>8</v>
      </c>
      <c r="CR15" s="280">
        <v>10</v>
      </c>
      <c r="CS15" s="280">
        <v>19</v>
      </c>
      <c r="CT15" s="280">
        <v>27</v>
      </c>
      <c r="CU15" s="280">
        <v>12</v>
      </c>
      <c r="CV15" s="277">
        <v>76</v>
      </c>
      <c r="CW15" s="282">
        <v>76</v>
      </c>
    </row>
    <row r="16" spans="1:101" ht="21" customHeight="1" x14ac:dyDescent="0.2">
      <c r="B16" s="261" t="s">
        <v>13</v>
      </c>
      <c r="C16" s="276">
        <v>0</v>
      </c>
      <c r="D16" s="277">
        <v>0</v>
      </c>
      <c r="E16" s="278">
        <v>0</v>
      </c>
      <c r="F16" s="279">
        <v>0</v>
      </c>
      <c r="G16" s="280">
        <v>0</v>
      </c>
      <c r="H16" s="280">
        <v>1</v>
      </c>
      <c r="I16" s="280">
        <v>1</v>
      </c>
      <c r="J16" s="280">
        <v>0</v>
      </c>
      <c r="K16" s="280">
        <v>1</v>
      </c>
      <c r="L16" s="281">
        <v>3</v>
      </c>
      <c r="M16" s="282">
        <v>3</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30</v>
      </c>
      <c r="AD16" s="280">
        <v>128</v>
      </c>
      <c r="AE16" s="280">
        <v>56</v>
      </c>
      <c r="AF16" s="280">
        <v>35</v>
      </c>
      <c r="AG16" s="280">
        <v>11</v>
      </c>
      <c r="AH16" s="277">
        <v>360</v>
      </c>
      <c r="AI16" s="282">
        <v>360</v>
      </c>
      <c r="AJ16" s="276">
        <v>0</v>
      </c>
      <c r="AK16" s="280">
        <v>0</v>
      </c>
      <c r="AL16" s="277">
        <v>0</v>
      </c>
      <c r="AM16" s="279">
        <v>0</v>
      </c>
      <c r="AN16" s="280">
        <v>2</v>
      </c>
      <c r="AO16" s="280">
        <v>3</v>
      </c>
      <c r="AP16" s="280">
        <v>7</v>
      </c>
      <c r="AQ16" s="280">
        <v>5</v>
      </c>
      <c r="AR16" s="280">
        <v>5</v>
      </c>
      <c r="AS16" s="277">
        <v>22</v>
      </c>
      <c r="AT16" s="282">
        <v>22</v>
      </c>
      <c r="AU16" s="276">
        <v>1</v>
      </c>
      <c r="AV16" s="280">
        <v>2</v>
      </c>
      <c r="AW16" s="277">
        <v>3</v>
      </c>
      <c r="AX16" s="279">
        <v>0</v>
      </c>
      <c r="AY16" s="280">
        <v>16</v>
      </c>
      <c r="AZ16" s="280">
        <v>8</v>
      </c>
      <c r="BA16" s="280">
        <v>7</v>
      </c>
      <c r="BB16" s="280">
        <v>3</v>
      </c>
      <c r="BC16" s="280">
        <v>2</v>
      </c>
      <c r="BD16" s="277">
        <v>36</v>
      </c>
      <c r="BE16" s="282">
        <v>39</v>
      </c>
      <c r="BF16" s="276">
        <v>0</v>
      </c>
      <c r="BG16" s="280">
        <v>0</v>
      </c>
      <c r="BH16" s="277">
        <v>0</v>
      </c>
      <c r="BI16" s="279">
        <v>0</v>
      </c>
      <c r="BJ16" s="280">
        <v>9</v>
      </c>
      <c r="BK16" s="280">
        <v>16</v>
      </c>
      <c r="BL16" s="280">
        <v>22</v>
      </c>
      <c r="BM16" s="280">
        <v>16</v>
      </c>
      <c r="BN16" s="280">
        <v>11</v>
      </c>
      <c r="BO16" s="281">
        <v>74</v>
      </c>
      <c r="BP16" s="282">
        <v>74</v>
      </c>
      <c r="BQ16" s="276">
        <v>0</v>
      </c>
      <c r="BR16" s="280">
        <v>0</v>
      </c>
      <c r="BS16" s="277">
        <v>0</v>
      </c>
      <c r="BT16" s="279">
        <v>0</v>
      </c>
      <c r="BU16" s="280">
        <v>0</v>
      </c>
      <c r="BV16" s="280">
        <v>0</v>
      </c>
      <c r="BW16" s="280">
        <v>3</v>
      </c>
      <c r="BX16" s="280">
        <v>9</v>
      </c>
      <c r="BY16" s="280">
        <v>4</v>
      </c>
      <c r="BZ16" s="277">
        <v>16</v>
      </c>
      <c r="CA16" s="282">
        <v>16</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3</v>
      </c>
      <c r="H17" s="280">
        <v>5</v>
      </c>
      <c r="I17" s="280">
        <v>2</v>
      </c>
      <c r="J17" s="280">
        <v>7</v>
      </c>
      <c r="K17" s="280">
        <v>8</v>
      </c>
      <c r="L17" s="281">
        <v>25</v>
      </c>
      <c r="M17" s="282">
        <v>25</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144</v>
      </c>
      <c r="AD17" s="280">
        <v>163</v>
      </c>
      <c r="AE17" s="280">
        <v>82</v>
      </c>
      <c r="AF17" s="280">
        <v>40</v>
      </c>
      <c r="AG17" s="280">
        <v>11</v>
      </c>
      <c r="AH17" s="277">
        <v>440</v>
      </c>
      <c r="AI17" s="282">
        <v>440</v>
      </c>
      <c r="AJ17" s="276">
        <v>0</v>
      </c>
      <c r="AK17" s="280">
        <v>0</v>
      </c>
      <c r="AL17" s="277">
        <v>0</v>
      </c>
      <c r="AM17" s="279">
        <v>0</v>
      </c>
      <c r="AN17" s="280">
        <v>5</v>
      </c>
      <c r="AO17" s="280">
        <v>6</v>
      </c>
      <c r="AP17" s="280">
        <v>7</v>
      </c>
      <c r="AQ17" s="280">
        <v>2</v>
      </c>
      <c r="AR17" s="280">
        <v>3</v>
      </c>
      <c r="AS17" s="277">
        <v>23</v>
      </c>
      <c r="AT17" s="282">
        <v>23</v>
      </c>
      <c r="AU17" s="276">
        <v>3</v>
      </c>
      <c r="AV17" s="280">
        <v>13</v>
      </c>
      <c r="AW17" s="277">
        <v>16</v>
      </c>
      <c r="AX17" s="279">
        <v>0</v>
      </c>
      <c r="AY17" s="280">
        <v>19</v>
      </c>
      <c r="AZ17" s="280">
        <v>20</v>
      </c>
      <c r="BA17" s="280">
        <v>9</v>
      </c>
      <c r="BB17" s="280">
        <v>16</v>
      </c>
      <c r="BC17" s="280">
        <v>5</v>
      </c>
      <c r="BD17" s="277">
        <v>69</v>
      </c>
      <c r="BE17" s="282">
        <v>85</v>
      </c>
      <c r="BF17" s="276">
        <v>0</v>
      </c>
      <c r="BG17" s="280">
        <v>2</v>
      </c>
      <c r="BH17" s="277">
        <v>2</v>
      </c>
      <c r="BI17" s="279">
        <v>0</v>
      </c>
      <c r="BJ17" s="280">
        <v>36</v>
      </c>
      <c r="BK17" s="280">
        <v>29</v>
      </c>
      <c r="BL17" s="280">
        <v>41</v>
      </c>
      <c r="BM17" s="280">
        <v>34</v>
      </c>
      <c r="BN17" s="280">
        <v>15</v>
      </c>
      <c r="BO17" s="281">
        <v>155</v>
      </c>
      <c r="BP17" s="282">
        <v>157</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11</v>
      </c>
      <c r="CI17" s="280">
        <v>10</v>
      </c>
      <c r="CJ17" s="280">
        <v>5</v>
      </c>
      <c r="CK17" s="277">
        <v>26</v>
      </c>
      <c r="CL17" s="282">
        <v>26</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8</v>
      </c>
      <c r="H18" s="280">
        <v>13</v>
      </c>
      <c r="I18" s="280">
        <v>17</v>
      </c>
      <c r="J18" s="280">
        <v>12</v>
      </c>
      <c r="K18" s="280">
        <v>7</v>
      </c>
      <c r="L18" s="281">
        <v>57</v>
      </c>
      <c r="M18" s="282">
        <v>57</v>
      </c>
      <c r="N18" s="276">
        <v>0</v>
      </c>
      <c r="O18" s="280">
        <v>0</v>
      </c>
      <c r="P18" s="277">
        <v>0</v>
      </c>
      <c r="Q18" s="279">
        <v>0</v>
      </c>
      <c r="R18" s="280">
        <v>0</v>
      </c>
      <c r="S18" s="280">
        <v>1</v>
      </c>
      <c r="T18" s="280">
        <v>3</v>
      </c>
      <c r="U18" s="280">
        <v>2</v>
      </c>
      <c r="V18" s="280">
        <v>1</v>
      </c>
      <c r="W18" s="277">
        <v>7</v>
      </c>
      <c r="X18" s="282">
        <v>7</v>
      </c>
      <c r="Y18" s="276">
        <v>0</v>
      </c>
      <c r="Z18" s="280">
        <v>0</v>
      </c>
      <c r="AA18" s="277">
        <v>0</v>
      </c>
      <c r="AB18" s="279">
        <v>0</v>
      </c>
      <c r="AC18" s="280">
        <v>167</v>
      </c>
      <c r="AD18" s="280">
        <v>190</v>
      </c>
      <c r="AE18" s="280">
        <v>92</v>
      </c>
      <c r="AF18" s="280">
        <v>43</v>
      </c>
      <c r="AG18" s="280">
        <v>20</v>
      </c>
      <c r="AH18" s="277">
        <v>512</v>
      </c>
      <c r="AI18" s="282">
        <v>512</v>
      </c>
      <c r="AJ18" s="276">
        <v>0</v>
      </c>
      <c r="AK18" s="280">
        <v>0</v>
      </c>
      <c r="AL18" s="277">
        <v>0</v>
      </c>
      <c r="AM18" s="279">
        <v>0</v>
      </c>
      <c r="AN18" s="280">
        <v>7</v>
      </c>
      <c r="AO18" s="280">
        <v>9</v>
      </c>
      <c r="AP18" s="280">
        <v>9</v>
      </c>
      <c r="AQ18" s="280">
        <v>6</v>
      </c>
      <c r="AR18" s="280">
        <v>4</v>
      </c>
      <c r="AS18" s="277">
        <v>35</v>
      </c>
      <c r="AT18" s="282">
        <v>35</v>
      </c>
      <c r="AU18" s="276">
        <v>1</v>
      </c>
      <c r="AV18" s="280">
        <v>1</v>
      </c>
      <c r="AW18" s="277">
        <v>2</v>
      </c>
      <c r="AX18" s="279">
        <v>0</v>
      </c>
      <c r="AY18" s="280">
        <v>11</v>
      </c>
      <c r="AZ18" s="280">
        <v>27</v>
      </c>
      <c r="BA18" s="280">
        <v>12</v>
      </c>
      <c r="BB18" s="280">
        <v>18</v>
      </c>
      <c r="BC18" s="280">
        <v>9</v>
      </c>
      <c r="BD18" s="277">
        <v>77</v>
      </c>
      <c r="BE18" s="282">
        <v>79</v>
      </c>
      <c r="BF18" s="276">
        <v>0</v>
      </c>
      <c r="BG18" s="280">
        <v>0</v>
      </c>
      <c r="BH18" s="277">
        <v>0</v>
      </c>
      <c r="BI18" s="279">
        <v>0</v>
      </c>
      <c r="BJ18" s="280">
        <v>16</v>
      </c>
      <c r="BK18" s="280">
        <v>44</v>
      </c>
      <c r="BL18" s="280">
        <v>59</v>
      </c>
      <c r="BM18" s="280">
        <v>44</v>
      </c>
      <c r="BN18" s="280">
        <v>30</v>
      </c>
      <c r="BO18" s="281">
        <v>193</v>
      </c>
      <c r="BP18" s="282">
        <v>193</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3</v>
      </c>
      <c r="CH18" s="280">
        <v>10</v>
      </c>
      <c r="CI18" s="280">
        <v>11</v>
      </c>
      <c r="CJ18" s="280">
        <v>8</v>
      </c>
      <c r="CK18" s="277">
        <v>32</v>
      </c>
      <c r="CL18" s="282">
        <v>32</v>
      </c>
      <c r="CM18" s="276">
        <v>0</v>
      </c>
      <c r="CN18" s="280">
        <v>0</v>
      </c>
      <c r="CO18" s="277">
        <v>0</v>
      </c>
      <c r="CP18" s="279">
        <v>0</v>
      </c>
      <c r="CQ18" s="280">
        <v>2</v>
      </c>
      <c r="CR18" s="280">
        <v>6</v>
      </c>
      <c r="CS18" s="280">
        <v>6</v>
      </c>
      <c r="CT18" s="280">
        <v>3</v>
      </c>
      <c r="CU18" s="280">
        <v>5</v>
      </c>
      <c r="CV18" s="277">
        <v>22</v>
      </c>
      <c r="CW18" s="282">
        <v>22</v>
      </c>
    </row>
    <row r="19" spans="2:101" ht="21" customHeight="1" x14ac:dyDescent="0.2">
      <c r="B19" s="261" t="s">
        <v>17</v>
      </c>
      <c r="C19" s="276">
        <v>0</v>
      </c>
      <c r="D19" s="277">
        <v>0</v>
      </c>
      <c r="E19" s="278">
        <v>0</v>
      </c>
      <c r="F19" s="279">
        <v>0</v>
      </c>
      <c r="G19" s="280">
        <v>4</v>
      </c>
      <c r="H19" s="280">
        <v>5</v>
      </c>
      <c r="I19" s="280">
        <v>2</v>
      </c>
      <c r="J19" s="280">
        <v>4</v>
      </c>
      <c r="K19" s="280">
        <v>0</v>
      </c>
      <c r="L19" s="281">
        <v>15</v>
      </c>
      <c r="M19" s="282">
        <v>15</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41</v>
      </c>
      <c r="AD19" s="280">
        <v>287</v>
      </c>
      <c r="AE19" s="280">
        <v>129</v>
      </c>
      <c r="AF19" s="280">
        <v>92</v>
      </c>
      <c r="AG19" s="280">
        <v>52</v>
      </c>
      <c r="AH19" s="277">
        <v>801</v>
      </c>
      <c r="AI19" s="282">
        <v>801</v>
      </c>
      <c r="AJ19" s="276">
        <v>2</v>
      </c>
      <c r="AK19" s="280">
        <v>2</v>
      </c>
      <c r="AL19" s="277">
        <v>4</v>
      </c>
      <c r="AM19" s="279">
        <v>0</v>
      </c>
      <c r="AN19" s="280">
        <v>21</v>
      </c>
      <c r="AO19" s="280">
        <v>18</v>
      </c>
      <c r="AP19" s="280">
        <v>21</v>
      </c>
      <c r="AQ19" s="280">
        <v>16</v>
      </c>
      <c r="AR19" s="280">
        <v>6</v>
      </c>
      <c r="AS19" s="277">
        <v>82</v>
      </c>
      <c r="AT19" s="282">
        <v>86</v>
      </c>
      <c r="AU19" s="276">
        <v>2</v>
      </c>
      <c r="AV19" s="280">
        <v>2</v>
      </c>
      <c r="AW19" s="277">
        <v>4</v>
      </c>
      <c r="AX19" s="279">
        <v>0</v>
      </c>
      <c r="AY19" s="280">
        <v>12</v>
      </c>
      <c r="AZ19" s="280">
        <v>27</v>
      </c>
      <c r="BA19" s="280">
        <v>33</v>
      </c>
      <c r="BB19" s="280">
        <v>25</v>
      </c>
      <c r="BC19" s="280">
        <v>13</v>
      </c>
      <c r="BD19" s="277">
        <v>110</v>
      </c>
      <c r="BE19" s="282">
        <v>114</v>
      </c>
      <c r="BF19" s="276">
        <v>0</v>
      </c>
      <c r="BG19" s="280">
        <v>0</v>
      </c>
      <c r="BH19" s="277">
        <v>0</v>
      </c>
      <c r="BI19" s="279">
        <v>0</v>
      </c>
      <c r="BJ19" s="280">
        <v>38</v>
      </c>
      <c r="BK19" s="280">
        <v>63</v>
      </c>
      <c r="BL19" s="280">
        <v>54</v>
      </c>
      <c r="BM19" s="280">
        <v>42</v>
      </c>
      <c r="BN19" s="280">
        <v>21</v>
      </c>
      <c r="BO19" s="281">
        <v>218</v>
      </c>
      <c r="BP19" s="282">
        <v>218</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2</v>
      </c>
      <c r="CH19" s="280">
        <v>28</v>
      </c>
      <c r="CI19" s="280">
        <v>31</v>
      </c>
      <c r="CJ19" s="280">
        <v>39</v>
      </c>
      <c r="CK19" s="277">
        <v>100</v>
      </c>
      <c r="CL19" s="282">
        <v>100</v>
      </c>
      <c r="CM19" s="276">
        <v>0</v>
      </c>
      <c r="CN19" s="280">
        <v>0</v>
      </c>
      <c r="CO19" s="277">
        <v>0</v>
      </c>
      <c r="CP19" s="279">
        <v>0</v>
      </c>
      <c r="CQ19" s="280">
        <v>2</v>
      </c>
      <c r="CR19" s="280">
        <v>0</v>
      </c>
      <c r="CS19" s="280">
        <v>0</v>
      </c>
      <c r="CT19" s="280">
        <v>4</v>
      </c>
      <c r="CU19" s="280">
        <v>10</v>
      </c>
      <c r="CV19" s="277">
        <v>16</v>
      </c>
      <c r="CW19" s="282">
        <v>16</v>
      </c>
    </row>
    <row r="20" spans="2:101" ht="21" customHeight="1" x14ac:dyDescent="0.2">
      <c r="B20" s="261" t="s">
        <v>18</v>
      </c>
      <c r="C20" s="276">
        <v>0</v>
      </c>
      <c r="D20" s="277">
        <v>0</v>
      </c>
      <c r="E20" s="278">
        <v>0</v>
      </c>
      <c r="F20" s="279">
        <v>0</v>
      </c>
      <c r="G20" s="280">
        <v>2</v>
      </c>
      <c r="H20" s="280">
        <v>2</v>
      </c>
      <c r="I20" s="280">
        <v>2</v>
      </c>
      <c r="J20" s="280">
        <v>0</v>
      </c>
      <c r="K20" s="280">
        <v>1</v>
      </c>
      <c r="L20" s="281">
        <v>7</v>
      </c>
      <c r="M20" s="282">
        <v>7</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74</v>
      </c>
      <c r="AD20" s="280">
        <v>183</v>
      </c>
      <c r="AE20" s="280">
        <v>88</v>
      </c>
      <c r="AF20" s="280">
        <v>33</v>
      </c>
      <c r="AG20" s="280">
        <v>12</v>
      </c>
      <c r="AH20" s="277">
        <v>590</v>
      </c>
      <c r="AI20" s="282">
        <v>590</v>
      </c>
      <c r="AJ20" s="276">
        <v>0</v>
      </c>
      <c r="AK20" s="280">
        <v>0</v>
      </c>
      <c r="AL20" s="277">
        <v>0</v>
      </c>
      <c r="AM20" s="279">
        <v>0</v>
      </c>
      <c r="AN20" s="280">
        <v>15</v>
      </c>
      <c r="AO20" s="280">
        <v>6</v>
      </c>
      <c r="AP20" s="280">
        <v>20</v>
      </c>
      <c r="AQ20" s="280">
        <v>11</v>
      </c>
      <c r="AR20" s="280">
        <v>17</v>
      </c>
      <c r="AS20" s="277">
        <v>69</v>
      </c>
      <c r="AT20" s="282">
        <v>69</v>
      </c>
      <c r="AU20" s="276">
        <v>10</v>
      </c>
      <c r="AV20" s="280">
        <v>9</v>
      </c>
      <c r="AW20" s="277">
        <v>19</v>
      </c>
      <c r="AX20" s="279">
        <v>0</v>
      </c>
      <c r="AY20" s="280">
        <v>46</v>
      </c>
      <c r="AZ20" s="280">
        <v>53</v>
      </c>
      <c r="BA20" s="280">
        <v>36</v>
      </c>
      <c r="BB20" s="280">
        <v>24</v>
      </c>
      <c r="BC20" s="280">
        <v>12</v>
      </c>
      <c r="BD20" s="277">
        <v>171</v>
      </c>
      <c r="BE20" s="282">
        <v>190</v>
      </c>
      <c r="BF20" s="276">
        <v>0</v>
      </c>
      <c r="BG20" s="280">
        <v>2</v>
      </c>
      <c r="BH20" s="277">
        <v>2</v>
      </c>
      <c r="BI20" s="279">
        <v>0</v>
      </c>
      <c r="BJ20" s="280">
        <v>47</v>
      </c>
      <c r="BK20" s="280">
        <v>83</v>
      </c>
      <c r="BL20" s="280">
        <v>99</v>
      </c>
      <c r="BM20" s="280">
        <v>51</v>
      </c>
      <c r="BN20" s="280">
        <v>28</v>
      </c>
      <c r="BO20" s="281">
        <v>308</v>
      </c>
      <c r="BP20" s="282">
        <v>310</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1</v>
      </c>
      <c r="CH20" s="280">
        <v>7</v>
      </c>
      <c r="CI20" s="280">
        <v>16</v>
      </c>
      <c r="CJ20" s="280">
        <v>4</v>
      </c>
      <c r="CK20" s="277">
        <v>28</v>
      </c>
      <c r="CL20" s="282">
        <v>28</v>
      </c>
      <c r="CM20" s="276">
        <v>0</v>
      </c>
      <c r="CN20" s="280">
        <v>0</v>
      </c>
      <c r="CO20" s="277">
        <v>0</v>
      </c>
      <c r="CP20" s="279">
        <v>0</v>
      </c>
      <c r="CQ20" s="280">
        <v>9</v>
      </c>
      <c r="CR20" s="280">
        <v>11</v>
      </c>
      <c r="CS20" s="280">
        <v>17</v>
      </c>
      <c r="CT20" s="280">
        <v>21</v>
      </c>
      <c r="CU20" s="280">
        <v>23</v>
      </c>
      <c r="CV20" s="277">
        <v>81</v>
      </c>
      <c r="CW20" s="282">
        <v>81</v>
      </c>
    </row>
    <row r="21" spans="2:101" ht="21" customHeight="1" x14ac:dyDescent="0.2">
      <c r="B21" s="261" t="s">
        <v>19</v>
      </c>
      <c r="C21" s="276">
        <v>0</v>
      </c>
      <c r="D21" s="277">
        <v>0</v>
      </c>
      <c r="E21" s="278">
        <v>0</v>
      </c>
      <c r="F21" s="279">
        <v>0</v>
      </c>
      <c r="G21" s="280">
        <v>17</v>
      </c>
      <c r="H21" s="280">
        <v>9</v>
      </c>
      <c r="I21" s="280">
        <v>2</v>
      </c>
      <c r="J21" s="280">
        <v>4</v>
      </c>
      <c r="K21" s="280">
        <v>4</v>
      </c>
      <c r="L21" s="281">
        <v>36</v>
      </c>
      <c r="M21" s="282">
        <v>36</v>
      </c>
      <c r="N21" s="276">
        <v>0</v>
      </c>
      <c r="O21" s="280">
        <v>0</v>
      </c>
      <c r="P21" s="277">
        <v>0</v>
      </c>
      <c r="Q21" s="279">
        <v>0</v>
      </c>
      <c r="R21" s="280">
        <v>1</v>
      </c>
      <c r="S21" s="280">
        <v>3</v>
      </c>
      <c r="T21" s="280">
        <v>3</v>
      </c>
      <c r="U21" s="280">
        <v>2</v>
      </c>
      <c r="V21" s="280">
        <v>0</v>
      </c>
      <c r="W21" s="277">
        <v>9</v>
      </c>
      <c r="X21" s="282">
        <v>9</v>
      </c>
      <c r="Y21" s="276">
        <v>0</v>
      </c>
      <c r="Z21" s="280">
        <v>0</v>
      </c>
      <c r="AA21" s="277">
        <v>0</v>
      </c>
      <c r="AB21" s="279">
        <v>0</v>
      </c>
      <c r="AC21" s="280">
        <v>141</v>
      </c>
      <c r="AD21" s="280">
        <v>106</v>
      </c>
      <c r="AE21" s="280">
        <v>49</v>
      </c>
      <c r="AF21" s="280">
        <v>17</v>
      </c>
      <c r="AG21" s="280">
        <v>10</v>
      </c>
      <c r="AH21" s="277">
        <v>323</v>
      </c>
      <c r="AI21" s="282">
        <v>323</v>
      </c>
      <c r="AJ21" s="276">
        <v>0</v>
      </c>
      <c r="AK21" s="280">
        <v>0</v>
      </c>
      <c r="AL21" s="277">
        <v>0</v>
      </c>
      <c r="AM21" s="279">
        <v>0</v>
      </c>
      <c r="AN21" s="280">
        <v>13</v>
      </c>
      <c r="AO21" s="280">
        <v>22</v>
      </c>
      <c r="AP21" s="280">
        <v>17</v>
      </c>
      <c r="AQ21" s="280">
        <v>2</v>
      </c>
      <c r="AR21" s="280">
        <v>4</v>
      </c>
      <c r="AS21" s="277">
        <v>58</v>
      </c>
      <c r="AT21" s="282">
        <v>58</v>
      </c>
      <c r="AU21" s="276">
        <v>1</v>
      </c>
      <c r="AV21" s="280">
        <v>2</v>
      </c>
      <c r="AW21" s="277">
        <v>3</v>
      </c>
      <c r="AX21" s="279">
        <v>0</v>
      </c>
      <c r="AY21" s="280">
        <v>19</v>
      </c>
      <c r="AZ21" s="280">
        <v>33</v>
      </c>
      <c r="BA21" s="280">
        <v>26</v>
      </c>
      <c r="BB21" s="280">
        <v>17</v>
      </c>
      <c r="BC21" s="280">
        <v>12</v>
      </c>
      <c r="BD21" s="277">
        <v>107</v>
      </c>
      <c r="BE21" s="282">
        <v>110</v>
      </c>
      <c r="BF21" s="276">
        <v>0</v>
      </c>
      <c r="BG21" s="280">
        <v>1</v>
      </c>
      <c r="BH21" s="277">
        <v>1</v>
      </c>
      <c r="BI21" s="279">
        <v>0</v>
      </c>
      <c r="BJ21" s="280">
        <v>10</v>
      </c>
      <c r="BK21" s="280">
        <v>25</v>
      </c>
      <c r="BL21" s="280">
        <v>28</v>
      </c>
      <c r="BM21" s="280">
        <v>17</v>
      </c>
      <c r="BN21" s="280">
        <v>14</v>
      </c>
      <c r="BO21" s="281">
        <v>94</v>
      </c>
      <c r="BP21" s="282">
        <v>95</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2</v>
      </c>
      <c r="CR21" s="280">
        <v>2</v>
      </c>
      <c r="CS21" s="280">
        <v>0</v>
      </c>
      <c r="CT21" s="280">
        <v>6</v>
      </c>
      <c r="CU21" s="280">
        <v>11</v>
      </c>
      <c r="CV21" s="277">
        <v>21</v>
      </c>
      <c r="CW21" s="282">
        <v>21</v>
      </c>
    </row>
    <row r="22" spans="2:101" ht="21" customHeight="1" x14ac:dyDescent="0.2">
      <c r="B22" s="261" t="s">
        <v>20</v>
      </c>
      <c r="C22" s="276">
        <v>0</v>
      </c>
      <c r="D22" s="277">
        <v>0</v>
      </c>
      <c r="E22" s="278">
        <v>0</v>
      </c>
      <c r="F22" s="279">
        <v>0</v>
      </c>
      <c r="G22" s="280">
        <v>1</v>
      </c>
      <c r="H22" s="280">
        <v>0</v>
      </c>
      <c r="I22" s="280">
        <v>0</v>
      </c>
      <c r="J22" s="280">
        <v>0</v>
      </c>
      <c r="K22" s="280">
        <v>0</v>
      </c>
      <c r="L22" s="281">
        <v>1</v>
      </c>
      <c r="M22" s="282">
        <v>1</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86</v>
      </c>
      <c r="AD22" s="280">
        <v>82</v>
      </c>
      <c r="AE22" s="280">
        <v>50</v>
      </c>
      <c r="AF22" s="280">
        <v>19</v>
      </c>
      <c r="AG22" s="280">
        <v>5</v>
      </c>
      <c r="AH22" s="277">
        <v>342</v>
      </c>
      <c r="AI22" s="282">
        <v>342</v>
      </c>
      <c r="AJ22" s="276">
        <v>0</v>
      </c>
      <c r="AK22" s="280">
        <v>0</v>
      </c>
      <c r="AL22" s="277">
        <v>0</v>
      </c>
      <c r="AM22" s="279">
        <v>0</v>
      </c>
      <c r="AN22" s="280">
        <v>0</v>
      </c>
      <c r="AO22" s="280">
        <v>3</v>
      </c>
      <c r="AP22" s="280">
        <v>4</v>
      </c>
      <c r="AQ22" s="280">
        <v>0</v>
      </c>
      <c r="AR22" s="280">
        <v>1</v>
      </c>
      <c r="AS22" s="277">
        <v>8</v>
      </c>
      <c r="AT22" s="282">
        <v>8</v>
      </c>
      <c r="AU22" s="276">
        <v>1</v>
      </c>
      <c r="AV22" s="280">
        <v>1</v>
      </c>
      <c r="AW22" s="277">
        <v>2</v>
      </c>
      <c r="AX22" s="279">
        <v>0</v>
      </c>
      <c r="AY22" s="280">
        <v>8</v>
      </c>
      <c r="AZ22" s="280">
        <v>10</v>
      </c>
      <c r="BA22" s="280">
        <v>6</v>
      </c>
      <c r="BB22" s="280">
        <v>1</v>
      </c>
      <c r="BC22" s="280">
        <v>0</v>
      </c>
      <c r="BD22" s="277">
        <v>25</v>
      </c>
      <c r="BE22" s="282">
        <v>27</v>
      </c>
      <c r="BF22" s="276">
        <v>0</v>
      </c>
      <c r="BG22" s="280">
        <v>0</v>
      </c>
      <c r="BH22" s="277">
        <v>0</v>
      </c>
      <c r="BI22" s="279">
        <v>0</v>
      </c>
      <c r="BJ22" s="280">
        <v>23</v>
      </c>
      <c r="BK22" s="280">
        <v>26</v>
      </c>
      <c r="BL22" s="280">
        <v>31</v>
      </c>
      <c r="BM22" s="280">
        <v>22</v>
      </c>
      <c r="BN22" s="280">
        <v>13</v>
      </c>
      <c r="BO22" s="281">
        <v>115</v>
      </c>
      <c r="BP22" s="282">
        <v>115</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2</v>
      </c>
      <c r="H23" s="280">
        <v>6</v>
      </c>
      <c r="I23" s="280">
        <v>1</v>
      </c>
      <c r="J23" s="280">
        <v>2</v>
      </c>
      <c r="K23" s="280">
        <v>0</v>
      </c>
      <c r="L23" s="281">
        <v>11</v>
      </c>
      <c r="M23" s="282">
        <v>1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60</v>
      </c>
      <c r="AD23" s="280">
        <v>177</v>
      </c>
      <c r="AE23" s="280">
        <v>65</v>
      </c>
      <c r="AF23" s="280">
        <v>30</v>
      </c>
      <c r="AG23" s="280">
        <v>12</v>
      </c>
      <c r="AH23" s="277">
        <v>444</v>
      </c>
      <c r="AI23" s="282">
        <v>444</v>
      </c>
      <c r="AJ23" s="276">
        <v>0</v>
      </c>
      <c r="AK23" s="280">
        <v>0</v>
      </c>
      <c r="AL23" s="277">
        <v>0</v>
      </c>
      <c r="AM23" s="279">
        <v>0</v>
      </c>
      <c r="AN23" s="280">
        <v>0</v>
      </c>
      <c r="AO23" s="280">
        <v>0</v>
      </c>
      <c r="AP23" s="280">
        <v>1</v>
      </c>
      <c r="AQ23" s="280">
        <v>0</v>
      </c>
      <c r="AR23" s="280">
        <v>0</v>
      </c>
      <c r="AS23" s="277">
        <v>1</v>
      </c>
      <c r="AT23" s="282">
        <v>1</v>
      </c>
      <c r="AU23" s="276">
        <v>0</v>
      </c>
      <c r="AV23" s="280">
        <v>0</v>
      </c>
      <c r="AW23" s="277">
        <v>0</v>
      </c>
      <c r="AX23" s="279">
        <v>0</v>
      </c>
      <c r="AY23" s="280">
        <v>6</v>
      </c>
      <c r="AZ23" s="280">
        <v>6</v>
      </c>
      <c r="BA23" s="280">
        <v>13</v>
      </c>
      <c r="BB23" s="280">
        <v>10</v>
      </c>
      <c r="BC23" s="280">
        <v>3</v>
      </c>
      <c r="BD23" s="277">
        <v>38</v>
      </c>
      <c r="BE23" s="282">
        <v>38</v>
      </c>
      <c r="BF23" s="276">
        <v>0</v>
      </c>
      <c r="BG23" s="280">
        <v>0</v>
      </c>
      <c r="BH23" s="277">
        <v>0</v>
      </c>
      <c r="BI23" s="279">
        <v>0</v>
      </c>
      <c r="BJ23" s="280">
        <v>18</v>
      </c>
      <c r="BK23" s="280">
        <v>36</v>
      </c>
      <c r="BL23" s="280">
        <v>34</v>
      </c>
      <c r="BM23" s="280">
        <v>14</v>
      </c>
      <c r="BN23" s="280">
        <v>11</v>
      </c>
      <c r="BO23" s="281">
        <v>113</v>
      </c>
      <c r="BP23" s="282">
        <v>113</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2</v>
      </c>
      <c r="CR23" s="280">
        <v>2</v>
      </c>
      <c r="CS23" s="280">
        <v>1</v>
      </c>
      <c r="CT23" s="280">
        <v>1</v>
      </c>
      <c r="CU23" s="280">
        <v>7</v>
      </c>
      <c r="CV23" s="277">
        <v>13</v>
      </c>
      <c r="CW23" s="282">
        <v>13</v>
      </c>
    </row>
    <row r="24" spans="2:101" ht="21" customHeight="1" x14ac:dyDescent="0.2">
      <c r="B24" s="261" t="s">
        <v>22</v>
      </c>
      <c r="C24" s="276">
        <v>0</v>
      </c>
      <c r="D24" s="277">
        <v>0</v>
      </c>
      <c r="E24" s="278">
        <v>0</v>
      </c>
      <c r="F24" s="279">
        <v>0</v>
      </c>
      <c r="G24" s="280">
        <v>3</v>
      </c>
      <c r="H24" s="280">
        <v>5</v>
      </c>
      <c r="I24" s="280">
        <v>5</v>
      </c>
      <c r="J24" s="280">
        <v>1</v>
      </c>
      <c r="K24" s="280">
        <v>0</v>
      </c>
      <c r="L24" s="281">
        <v>14</v>
      </c>
      <c r="M24" s="282">
        <v>1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37</v>
      </c>
      <c r="AD24" s="280">
        <v>99</v>
      </c>
      <c r="AE24" s="280">
        <v>34</v>
      </c>
      <c r="AF24" s="280">
        <v>17</v>
      </c>
      <c r="AG24" s="280">
        <v>6</v>
      </c>
      <c r="AH24" s="277">
        <v>293</v>
      </c>
      <c r="AI24" s="282">
        <v>293</v>
      </c>
      <c r="AJ24" s="276">
        <v>0</v>
      </c>
      <c r="AK24" s="280">
        <v>0</v>
      </c>
      <c r="AL24" s="277">
        <v>0</v>
      </c>
      <c r="AM24" s="279">
        <v>0</v>
      </c>
      <c r="AN24" s="280">
        <v>6</v>
      </c>
      <c r="AO24" s="280">
        <v>3</v>
      </c>
      <c r="AP24" s="280">
        <v>3</v>
      </c>
      <c r="AQ24" s="280">
        <v>3</v>
      </c>
      <c r="AR24" s="280">
        <v>2</v>
      </c>
      <c r="AS24" s="277">
        <v>17</v>
      </c>
      <c r="AT24" s="282">
        <v>17</v>
      </c>
      <c r="AU24" s="276">
        <v>3</v>
      </c>
      <c r="AV24" s="280">
        <v>5</v>
      </c>
      <c r="AW24" s="277">
        <v>8</v>
      </c>
      <c r="AX24" s="279">
        <v>0</v>
      </c>
      <c r="AY24" s="280">
        <v>15</v>
      </c>
      <c r="AZ24" s="280">
        <v>21</v>
      </c>
      <c r="BA24" s="280">
        <v>13</v>
      </c>
      <c r="BB24" s="280">
        <v>10</v>
      </c>
      <c r="BC24" s="280">
        <v>4</v>
      </c>
      <c r="BD24" s="277">
        <v>63</v>
      </c>
      <c r="BE24" s="282">
        <v>71</v>
      </c>
      <c r="BF24" s="276">
        <v>0</v>
      </c>
      <c r="BG24" s="280">
        <v>0</v>
      </c>
      <c r="BH24" s="277">
        <v>0</v>
      </c>
      <c r="BI24" s="279">
        <v>0</v>
      </c>
      <c r="BJ24" s="280">
        <v>13</v>
      </c>
      <c r="BK24" s="280">
        <v>18</v>
      </c>
      <c r="BL24" s="280">
        <v>13</v>
      </c>
      <c r="BM24" s="280">
        <v>7</v>
      </c>
      <c r="BN24" s="280">
        <v>2</v>
      </c>
      <c r="BO24" s="281">
        <v>53</v>
      </c>
      <c r="BP24" s="282">
        <v>53</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5</v>
      </c>
      <c r="CI24" s="280">
        <v>19</v>
      </c>
      <c r="CJ24" s="280">
        <v>7</v>
      </c>
      <c r="CK24" s="277">
        <v>31</v>
      </c>
      <c r="CL24" s="282">
        <v>31</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1</v>
      </c>
      <c r="H25" s="280">
        <v>1</v>
      </c>
      <c r="I25" s="280">
        <v>0</v>
      </c>
      <c r="J25" s="280">
        <v>0</v>
      </c>
      <c r="K25" s="280">
        <v>1</v>
      </c>
      <c r="L25" s="281">
        <v>3</v>
      </c>
      <c r="M25" s="282">
        <v>3</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54</v>
      </c>
      <c r="AD25" s="280">
        <v>39</v>
      </c>
      <c r="AE25" s="280">
        <v>17</v>
      </c>
      <c r="AF25" s="280">
        <v>10</v>
      </c>
      <c r="AG25" s="280">
        <v>4</v>
      </c>
      <c r="AH25" s="277">
        <v>124</v>
      </c>
      <c r="AI25" s="282">
        <v>124</v>
      </c>
      <c r="AJ25" s="276">
        <v>0</v>
      </c>
      <c r="AK25" s="280">
        <v>0</v>
      </c>
      <c r="AL25" s="277">
        <v>0</v>
      </c>
      <c r="AM25" s="279">
        <v>0</v>
      </c>
      <c r="AN25" s="280">
        <v>0</v>
      </c>
      <c r="AO25" s="280">
        <v>1</v>
      </c>
      <c r="AP25" s="280">
        <v>2</v>
      </c>
      <c r="AQ25" s="280">
        <v>1</v>
      </c>
      <c r="AR25" s="280">
        <v>1</v>
      </c>
      <c r="AS25" s="277">
        <v>5</v>
      </c>
      <c r="AT25" s="282">
        <v>5</v>
      </c>
      <c r="AU25" s="276">
        <v>0</v>
      </c>
      <c r="AV25" s="280">
        <v>0</v>
      </c>
      <c r="AW25" s="277">
        <v>0</v>
      </c>
      <c r="AX25" s="279">
        <v>0</v>
      </c>
      <c r="AY25" s="280">
        <v>5</v>
      </c>
      <c r="AZ25" s="280">
        <v>3</v>
      </c>
      <c r="BA25" s="280">
        <v>5</v>
      </c>
      <c r="BB25" s="280">
        <v>1</v>
      </c>
      <c r="BC25" s="280">
        <v>1</v>
      </c>
      <c r="BD25" s="277">
        <v>15</v>
      </c>
      <c r="BE25" s="282">
        <v>15</v>
      </c>
      <c r="BF25" s="276">
        <v>0</v>
      </c>
      <c r="BG25" s="280">
        <v>1</v>
      </c>
      <c r="BH25" s="277">
        <v>1</v>
      </c>
      <c r="BI25" s="279">
        <v>0</v>
      </c>
      <c r="BJ25" s="280">
        <v>27</v>
      </c>
      <c r="BK25" s="280">
        <v>17</v>
      </c>
      <c r="BL25" s="280">
        <v>19</v>
      </c>
      <c r="BM25" s="280">
        <v>14</v>
      </c>
      <c r="BN25" s="280">
        <v>8</v>
      </c>
      <c r="BO25" s="281">
        <v>85</v>
      </c>
      <c r="BP25" s="282">
        <v>86</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1</v>
      </c>
      <c r="CU25" s="280">
        <v>0</v>
      </c>
      <c r="CV25" s="277">
        <v>1</v>
      </c>
      <c r="CW25" s="282">
        <v>1</v>
      </c>
    </row>
    <row r="26" spans="2:101" ht="21" customHeight="1" x14ac:dyDescent="0.2">
      <c r="B26" s="261" t="s">
        <v>24</v>
      </c>
      <c r="C26" s="276">
        <v>0</v>
      </c>
      <c r="D26" s="277">
        <v>0</v>
      </c>
      <c r="E26" s="278">
        <v>0</v>
      </c>
      <c r="F26" s="279">
        <v>0</v>
      </c>
      <c r="G26" s="280">
        <v>2</v>
      </c>
      <c r="H26" s="280">
        <v>2</v>
      </c>
      <c r="I26" s="280">
        <v>2</v>
      </c>
      <c r="J26" s="280">
        <v>2</v>
      </c>
      <c r="K26" s="280">
        <v>1</v>
      </c>
      <c r="L26" s="281">
        <v>9</v>
      </c>
      <c r="M26" s="282">
        <v>9</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9</v>
      </c>
      <c r="AD26" s="280">
        <v>14</v>
      </c>
      <c r="AE26" s="280">
        <v>14</v>
      </c>
      <c r="AF26" s="280">
        <v>5</v>
      </c>
      <c r="AG26" s="280">
        <v>2</v>
      </c>
      <c r="AH26" s="277">
        <v>64</v>
      </c>
      <c r="AI26" s="282">
        <v>64</v>
      </c>
      <c r="AJ26" s="276">
        <v>0</v>
      </c>
      <c r="AK26" s="280">
        <v>0</v>
      </c>
      <c r="AL26" s="277">
        <v>0</v>
      </c>
      <c r="AM26" s="279">
        <v>0</v>
      </c>
      <c r="AN26" s="280">
        <v>9</v>
      </c>
      <c r="AO26" s="280">
        <v>7</v>
      </c>
      <c r="AP26" s="280">
        <v>3</v>
      </c>
      <c r="AQ26" s="280">
        <v>2</v>
      </c>
      <c r="AR26" s="280">
        <v>1</v>
      </c>
      <c r="AS26" s="277">
        <v>22</v>
      </c>
      <c r="AT26" s="282">
        <v>22</v>
      </c>
      <c r="AU26" s="276">
        <v>1</v>
      </c>
      <c r="AV26" s="280">
        <v>1</v>
      </c>
      <c r="AW26" s="277">
        <v>2</v>
      </c>
      <c r="AX26" s="279">
        <v>0</v>
      </c>
      <c r="AY26" s="280">
        <v>13</v>
      </c>
      <c r="AZ26" s="280">
        <v>8</v>
      </c>
      <c r="BA26" s="280">
        <v>5</v>
      </c>
      <c r="BB26" s="280">
        <v>5</v>
      </c>
      <c r="BC26" s="280">
        <v>3</v>
      </c>
      <c r="BD26" s="277">
        <v>34</v>
      </c>
      <c r="BE26" s="282">
        <v>36</v>
      </c>
      <c r="BF26" s="276">
        <v>0</v>
      </c>
      <c r="BG26" s="280">
        <v>0</v>
      </c>
      <c r="BH26" s="277">
        <v>0</v>
      </c>
      <c r="BI26" s="279">
        <v>0</v>
      </c>
      <c r="BJ26" s="280">
        <v>1</v>
      </c>
      <c r="BK26" s="280">
        <v>5</v>
      </c>
      <c r="BL26" s="280">
        <v>12</v>
      </c>
      <c r="BM26" s="280">
        <v>6</v>
      </c>
      <c r="BN26" s="280">
        <v>4</v>
      </c>
      <c r="BO26" s="281">
        <v>28</v>
      </c>
      <c r="BP26" s="282">
        <v>28</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78</v>
      </c>
      <c r="AD27" s="280">
        <v>31</v>
      </c>
      <c r="AE27" s="280">
        <v>15</v>
      </c>
      <c r="AF27" s="280">
        <v>4</v>
      </c>
      <c r="AG27" s="280">
        <v>2</v>
      </c>
      <c r="AH27" s="277">
        <v>130</v>
      </c>
      <c r="AI27" s="282">
        <v>130</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5</v>
      </c>
      <c r="AZ27" s="280">
        <v>5</v>
      </c>
      <c r="BA27" s="280">
        <v>3</v>
      </c>
      <c r="BB27" s="280">
        <v>0</v>
      </c>
      <c r="BC27" s="280">
        <v>0</v>
      </c>
      <c r="BD27" s="277">
        <v>13</v>
      </c>
      <c r="BE27" s="282">
        <v>14</v>
      </c>
      <c r="BF27" s="276">
        <v>0</v>
      </c>
      <c r="BG27" s="280">
        <v>0</v>
      </c>
      <c r="BH27" s="277">
        <v>0</v>
      </c>
      <c r="BI27" s="279">
        <v>0</v>
      </c>
      <c r="BJ27" s="280">
        <v>14</v>
      </c>
      <c r="BK27" s="280">
        <v>6</v>
      </c>
      <c r="BL27" s="280">
        <v>6</v>
      </c>
      <c r="BM27" s="280">
        <v>5</v>
      </c>
      <c r="BN27" s="280">
        <v>1</v>
      </c>
      <c r="BO27" s="281">
        <v>32</v>
      </c>
      <c r="BP27" s="282">
        <v>32</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3</v>
      </c>
      <c r="AD28" s="280">
        <v>40</v>
      </c>
      <c r="AE28" s="280">
        <v>19</v>
      </c>
      <c r="AF28" s="280">
        <v>12</v>
      </c>
      <c r="AG28" s="280">
        <v>9</v>
      </c>
      <c r="AH28" s="277">
        <v>123</v>
      </c>
      <c r="AI28" s="282">
        <v>123</v>
      </c>
      <c r="AJ28" s="276">
        <v>0</v>
      </c>
      <c r="AK28" s="280">
        <v>0</v>
      </c>
      <c r="AL28" s="277">
        <v>0</v>
      </c>
      <c r="AM28" s="279">
        <v>0</v>
      </c>
      <c r="AN28" s="280">
        <v>0</v>
      </c>
      <c r="AO28" s="280">
        <v>2</v>
      </c>
      <c r="AP28" s="280">
        <v>4</v>
      </c>
      <c r="AQ28" s="280">
        <v>1</v>
      </c>
      <c r="AR28" s="280">
        <v>2</v>
      </c>
      <c r="AS28" s="277">
        <v>9</v>
      </c>
      <c r="AT28" s="282">
        <v>9</v>
      </c>
      <c r="AU28" s="276">
        <v>1</v>
      </c>
      <c r="AV28" s="280">
        <v>0</v>
      </c>
      <c r="AW28" s="277">
        <v>1</v>
      </c>
      <c r="AX28" s="279">
        <v>0</v>
      </c>
      <c r="AY28" s="280">
        <v>7</v>
      </c>
      <c r="AZ28" s="280">
        <v>5</v>
      </c>
      <c r="BA28" s="280">
        <v>3</v>
      </c>
      <c r="BB28" s="280">
        <v>1</v>
      </c>
      <c r="BC28" s="280">
        <v>3</v>
      </c>
      <c r="BD28" s="277">
        <v>19</v>
      </c>
      <c r="BE28" s="282">
        <v>20</v>
      </c>
      <c r="BF28" s="276">
        <v>0</v>
      </c>
      <c r="BG28" s="280">
        <v>0</v>
      </c>
      <c r="BH28" s="277">
        <v>0</v>
      </c>
      <c r="BI28" s="279">
        <v>0</v>
      </c>
      <c r="BJ28" s="280">
        <v>11</v>
      </c>
      <c r="BK28" s="280">
        <v>11</v>
      </c>
      <c r="BL28" s="280">
        <v>17</v>
      </c>
      <c r="BM28" s="280">
        <v>11</v>
      </c>
      <c r="BN28" s="280">
        <v>5</v>
      </c>
      <c r="BO28" s="281">
        <v>55</v>
      </c>
      <c r="BP28" s="282">
        <v>55</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1</v>
      </c>
      <c r="CI28" s="280">
        <v>0</v>
      </c>
      <c r="CJ28" s="280">
        <v>0</v>
      </c>
      <c r="CK28" s="277">
        <v>1</v>
      </c>
      <c r="CL28" s="282">
        <v>1</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1</v>
      </c>
      <c r="I29" s="280">
        <v>1</v>
      </c>
      <c r="J29" s="280">
        <v>0</v>
      </c>
      <c r="K29" s="280">
        <v>0</v>
      </c>
      <c r="L29" s="281">
        <v>2</v>
      </c>
      <c r="M29" s="282">
        <v>2</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34</v>
      </c>
      <c r="AD29" s="280">
        <v>15</v>
      </c>
      <c r="AE29" s="280">
        <v>9</v>
      </c>
      <c r="AF29" s="280">
        <v>2</v>
      </c>
      <c r="AG29" s="280">
        <v>1</v>
      </c>
      <c r="AH29" s="277">
        <v>61</v>
      </c>
      <c r="AI29" s="282">
        <v>61</v>
      </c>
      <c r="AJ29" s="276">
        <v>0</v>
      </c>
      <c r="AK29" s="280">
        <v>0</v>
      </c>
      <c r="AL29" s="277">
        <v>0</v>
      </c>
      <c r="AM29" s="279">
        <v>0</v>
      </c>
      <c r="AN29" s="280">
        <v>3</v>
      </c>
      <c r="AO29" s="280">
        <v>2</v>
      </c>
      <c r="AP29" s="280">
        <v>2</v>
      </c>
      <c r="AQ29" s="280">
        <v>1</v>
      </c>
      <c r="AR29" s="280">
        <v>0</v>
      </c>
      <c r="AS29" s="277">
        <v>8</v>
      </c>
      <c r="AT29" s="282">
        <v>8</v>
      </c>
      <c r="AU29" s="276">
        <v>0</v>
      </c>
      <c r="AV29" s="280">
        <v>0</v>
      </c>
      <c r="AW29" s="277">
        <v>0</v>
      </c>
      <c r="AX29" s="279">
        <v>0</v>
      </c>
      <c r="AY29" s="280">
        <v>0</v>
      </c>
      <c r="AZ29" s="280">
        <v>1</v>
      </c>
      <c r="BA29" s="280">
        <v>0</v>
      </c>
      <c r="BB29" s="280">
        <v>0</v>
      </c>
      <c r="BC29" s="280">
        <v>0</v>
      </c>
      <c r="BD29" s="277">
        <v>1</v>
      </c>
      <c r="BE29" s="282">
        <v>1</v>
      </c>
      <c r="BF29" s="276">
        <v>0</v>
      </c>
      <c r="BG29" s="280">
        <v>0</v>
      </c>
      <c r="BH29" s="277">
        <v>0</v>
      </c>
      <c r="BI29" s="279">
        <v>0</v>
      </c>
      <c r="BJ29" s="280">
        <v>19</v>
      </c>
      <c r="BK29" s="280">
        <v>5</v>
      </c>
      <c r="BL29" s="280">
        <v>9</v>
      </c>
      <c r="BM29" s="280">
        <v>2</v>
      </c>
      <c r="BN29" s="280">
        <v>3</v>
      </c>
      <c r="BO29" s="281">
        <v>38</v>
      </c>
      <c r="BP29" s="282">
        <v>38</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9</v>
      </c>
      <c r="CI29" s="280">
        <v>11</v>
      </c>
      <c r="CJ29" s="280">
        <v>4</v>
      </c>
      <c r="CK29" s="277">
        <v>24</v>
      </c>
      <c r="CL29" s="282">
        <v>24</v>
      </c>
      <c r="CM29" s="276">
        <v>0</v>
      </c>
      <c r="CN29" s="280">
        <v>0</v>
      </c>
      <c r="CO29" s="277">
        <v>0</v>
      </c>
      <c r="CP29" s="279">
        <v>0</v>
      </c>
      <c r="CQ29" s="280">
        <v>0</v>
      </c>
      <c r="CR29" s="280">
        <v>0</v>
      </c>
      <c r="CS29" s="280">
        <v>1</v>
      </c>
      <c r="CT29" s="280">
        <v>0</v>
      </c>
      <c r="CU29" s="280">
        <v>0</v>
      </c>
      <c r="CV29" s="277">
        <v>1</v>
      </c>
      <c r="CW29" s="282">
        <v>1</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1</v>
      </c>
      <c r="AD30" s="280">
        <v>14</v>
      </c>
      <c r="AE30" s="280">
        <v>1</v>
      </c>
      <c r="AF30" s="280">
        <v>3</v>
      </c>
      <c r="AG30" s="280">
        <v>2</v>
      </c>
      <c r="AH30" s="277">
        <v>41</v>
      </c>
      <c r="AI30" s="282">
        <v>41</v>
      </c>
      <c r="AJ30" s="276">
        <v>0</v>
      </c>
      <c r="AK30" s="280">
        <v>0</v>
      </c>
      <c r="AL30" s="277">
        <v>0</v>
      </c>
      <c r="AM30" s="279">
        <v>0</v>
      </c>
      <c r="AN30" s="280">
        <v>1</v>
      </c>
      <c r="AO30" s="280">
        <v>1</v>
      </c>
      <c r="AP30" s="280">
        <v>2</v>
      </c>
      <c r="AQ30" s="280">
        <v>0</v>
      </c>
      <c r="AR30" s="280">
        <v>1</v>
      </c>
      <c r="AS30" s="277">
        <v>5</v>
      </c>
      <c r="AT30" s="282">
        <v>5</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4</v>
      </c>
      <c r="BL30" s="280">
        <v>6</v>
      </c>
      <c r="BM30" s="280">
        <v>1</v>
      </c>
      <c r="BN30" s="280">
        <v>4</v>
      </c>
      <c r="BO30" s="281">
        <v>15</v>
      </c>
      <c r="BP30" s="282">
        <v>15</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1</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7</v>
      </c>
      <c r="AD31" s="280">
        <v>21</v>
      </c>
      <c r="AE31" s="280">
        <v>2</v>
      </c>
      <c r="AF31" s="280">
        <v>3</v>
      </c>
      <c r="AG31" s="280">
        <v>0</v>
      </c>
      <c r="AH31" s="277">
        <v>43</v>
      </c>
      <c r="AI31" s="282">
        <v>43</v>
      </c>
      <c r="AJ31" s="276">
        <v>0</v>
      </c>
      <c r="AK31" s="280">
        <v>0</v>
      </c>
      <c r="AL31" s="277">
        <v>0</v>
      </c>
      <c r="AM31" s="279">
        <v>0</v>
      </c>
      <c r="AN31" s="280">
        <v>0</v>
      </c>
      <c r="AO31" s="280">
        <v>1</v>
      </c>
      <c r="AP31" s="280">
        <v>2</v>
      </c>
      <c r="AQ31" s="280">
        <v>0</v>
      </c>
      <c r="AR31" s="280">
        <v>0</v>
      </c>
      <c r="AS31" s="277">
        <v>3</v>
      </c>
      <c r="AT31" s="282">
        <v>3</v>
      </c>
      <c r="AU31" s="276">
        <v>0</v>
      </c>
      <c r="AV31" s="280">
        <v>2</v>
      </c>
      <c r="AW31" s="277">
        <v>2</v>
      </c>
      <c r="AX31" s="279">
        <v>0</v>
      </c>
      <c r="AY31" s="280">
        <v>9</v>
      </c>
      <c r="AZ31" s="280">
        <v>6</v>
      </c>
      <c r="BA31" s="280">
        <v>5</v>
      </c>
      <c r="BB31" s="280">
        <v>3</v>
      </c>
      <c r="BC31" s="280">
        <v>1</v>
      </c>
      <c r="BD31" s="277">
        <v>24</v>
      </c>
      <c r="BE31" s="282">
        <v>26</v>
      </c>
      <c r="BF31" s="276">
        <v>0</v>
      </c>
      <c r="BG31" s="280">
        <v>0</v>
      </c>
      <c r="BH31" s="277">
        <v>0</v>
      </c>
      <c r="BI31" s="279">
        <v>0</v>
      </c>
      <c r="BJ31" s="280">
        <v>3</v>
      </c>
      <c r="BK31" s="280">
        <v>3</v>
      </c>
      <c r="BL31" s="280">
        <v>3</v>
      </c>
      <c r="BM31" s="280">
        <v>0</v>
      </c>
      <c r="BN31" s="280">
        <v>3</v>
      </c>
      <c r="BO31" s="281">
        <v>12</v>
      </c>
      <c r="BP31" s="282">
        <v>12</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3</v>
      </c>
      <c r="CH31" s="280">
        <v>7</v>
      </c>
      <c r="CI31" s="280">
        <v>7</v>
      </c>
      <c r="CJ31" s="280">
        <v>7</v>
      </c>
      <c r="CK31" s="277">
        <v>24</v>
      </c>
      <c r="CL31" s="282">
        <v>24</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1</v>
      </c>
      <c r="H32" s="280">
        <v>0</v>
      </c>
      <c r="I32" s="280">
        <v>1</v>
      </c>
      <c r="J32" s="280">
        <v>0</v>
      </c>
      <c r="K32" s="280">
        <v>0</v>
      </c>
      <c r="L32" s="281">
        <v>2</v>
      </c>
      <c r="M32" s="282">
        <v>2</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4</v>
      </c>
      <c r="AD32" s="280">
        <v>12</v>
      </c>
      <c r="AE32" s="280">
        <v>9</v>
      </c>
      <c r="AF32" s="280">
        <v>4</v>
      </c>
      <c r="AG32" s="280">
        <v>0</v>
      </c>
      <c r="AH32" s="277">
        <v>49</v>
      </c>
      <c r="AI32" s="282">
        <v>49</v>
      </c>
      <c r="AJ32" s="276">
        <v>0</v>
      </c>
      <c r="AK32" s="280">
        <v>0</v>
      </c>
      <c r="AL32" s="277">
        <v>0</v>
      </c>
      <c r="AM32" s="279">
        <v>0</v>
      </c>
      <c r="AN32" s="280">
        <v>1</v>
      </c>
      <c r="AO32" s="280">
        <v>2</v>
      </c>
      <c r="AP32" s="280">
        <v>1</v>
      </c>
      <c r="AQ32" s="280">
        <v>0</v>
      </c>
      <c r="AR32" s="280">
        <v>0</v>
      </c>
      <c r="AS32" s="277">
        <v>4</v>
      </c>
      <c r="AT32" s="282">
        <v>4</v>
      </c>
      <c r="AU32" s="276">
        <v>0</v>
      </c>
      <c r="AV32" s="280">
        <v>0</v>
      </c>
      <c r="AW32" s="277">
        <v>0</v>
      </c>
      <c r="AX32" s="279">
        <v>0</v>
      </c>
      <c r="AY32" s="280">
        <v>0</v>
      </c>
      <c r="AZ32" s="280">
        <v>1</v>
      </c>
      <c r="BA32" s="280">
        <v>0</v>
      </c>
      <c r="BB32" s="280">
        <v>1</v>
      </c>
      <c r="BC32" s="280">
        <v>0</v>
      </c>
      <c r="BD32" s="277">
        <v>2</v>
      </c>
      <c r="BE32" s="282">
        <v>2</v>
      </c>
      <c r="BF32" s="276">
        <v>0</v>
      </c>
      <c r="BG32" s="280">
        <v>0</v>
      </c>
      <c r="BH32" s="277">
        <v>0</v>
      </c>
      <c r="BI32" s="279">
        <v>0</v>
      </c>
      <c r="BJ32" s="280">
        <v>10</v>
      </c>
      <c r="BK32" s="280">
        <v>3</v>
      </c>
      <c r="BL32" s="280">
        <v>5</v>
      </c>
      <c r="BM32" s="280">
        <v>4</v>
      </c>
      <c r="BN32" s="280">
        <v>2</v>
      </c>
      <c r="BO32" s="281">
        <v>24</v>
      </c>
      <c r="BP32" s="282">
        <v>24</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2</v>
      </c>
      <c r="I33" s="280">
        <v>0</v>
      </c>
      <c r="J33" s="280">
        <v>1</v>
      </c>
      <c r="K33" s="280">
        <v>0</v>
      </c>
      <c r="L33" s="281">
        <v>3</v>
      </c>
      <c r="M33" s="282">
        <v>3</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37</v>
      </c>
      <c r="AD33" s="280">
        <v>21</v>
      </c>
      <c r="AE33" s="280">
        <v>7</v>
      </c>
      <c r="AF33" s="280">
        <v>1</v>
      </c>
      <c r="AG33" s="280">
        <v>1</v>
      </c>
      <c r="AH33" s="277">
        <v>67</v>
      </c>
      <c r="AI33" s="282">
        <v>67</v>
      </c>
      <c r="AJ33" s="276">
        <v>0</v>
      </c>
      <c r="AK33" s="280">
        <v>0</v>
      </c>
      <c r="AL33" s="277">
        <v>0</v>
      </c>
      <c r="AM33" s="279">
        <v>0</v>
      </c>
      <c r="AN33" s="280">
        <v>0</v>
      </c>
      <c r="AO33" s="280">
        <v>0</v>
      </c>
      <c r="AP33" s="280">
        <v>1</v>
      </c>
      <c r="AQ33" s="280">
        <v>0</v>
      </c>
      <c r="AR33" s="280">
        <v>1</v>
      </c>
      <c r="AS33" s="277">
        <v>2</v>
      </c>
      <c r="AT33" s="282">
        <v>2</v>
      </c>
      <c r="AU33" s="276">
        <v>0</v>
      </c>
      <c r="AV33" s="280">
        <v>2</v>
      </c>
      <c r="AW33" s="277">
        <v>2</v>
      </c>
      <c r="AX33" s="279">
        <v>0</v>
      </c>
      <c r="AY33" s="280">
        <v>8</v>
      </c>
      <c r="AZ33" s="280">
        <v>8</v>
      </c>
      <c r="BA33" s="280">
        <v>6</v>
      </c>
      <c r="BB33" s="280">
        <v>1</v>
      </c>
      <c r="BC33" s="280">
        <v>1</v>
      </c>
      <c r="BD33" s="277">
        <v>24</v>
      </c>
      <c r="BE33" s="282">
        <v>26</v>
      </c>
      <c r="BF33" s="276">
        <v>0</v>
      </c>
      <c r="BG33" s="280">
        <v>0</v>
      </c>
      <c r="BH33" s="277">
        <v>0</v>
      </c>
      <c r="BI33" s="279">
        <v>0</v>
      </c>
      <c r="BJ33" s="280">
        <v>7</v>
      </c>
      <c r="BK33" s="280">
        <v>9</v>
      </c>
      <c r="BL33" s="280">
        <v>13</v>
      </c>
      <c r="BM33" s="280">
        <v>8</v>
      </c>
      <c r="BN33" s="280">
        <v>4</v>
      </c>
      <c r="BO33" s="281">
        <v>41</v>
      </c>
      <c r="BP33" s="282">
        <v>4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2</v>
      </c>
      <c r="H34" s="280">
        <v>1</v>
      </c>
      <c r="I34" s="280">
        <v>0</v>
      </c>
      <c r="J34" s="280">
        <v>3</v>
      </c>
      <c r="K34" s="280">
        <v>0</v>
      </c>
      <c r="L34" s="281">
        <v>6</v>
      </c>
      <c r="M34" s="282">
        <v>6</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37</v>
      </c>
      <c r="AD34" s="280">
        <v>30</v>
      </c>
      <c r="AE34" s="280">
        <v>6</v>
      </c>
      <c r="AF34" s="280">
        <v>3</v>
      </c>
      <c r="AG34" s="280">
        <v>3</v>
      </c>
      <c r="AH34" s="277">
        <v>79</v>
      </c>
      <c r="AI34" s="282">
        <v>79</v>
      </c>
      <c r="AJ34" s="276">
        <v>0</v>
      </c>
      <c r="AK34" s="280">
        <v>0</v>
      </c>
      <c r="AL34" s="277">
        <v>0</v>
      </c>
      <c r="AM34" s="279">
        <v>0</v>
      </c>
      <c r="AN34" s="280">
        <v>3</v>
      </c>
      <c r="AO34" s="280">
        <v>0</v>
      </c>
      <c r="AP34" s="280">
        <v>2</v>
      </c>
      <c r="AQ34" s="280">
        <v>1</v>
      </c>
      <c r="AR34" s="280">
        <v>1</v>
      </c>
      <c r="AS34" s="277">
        <v>7</v>
      </c>
      <c r="AT34" s="282">
        <v>7</v>
      </c>
      <c r="AU34" s="276">
        <v>2</v>
      </c>
      <c r="AV34" s="280">
        <v>0</v>
      </c>
      <c r="AW34" s="277">
        <v>2</v>
      </c>
      <c r="AX34" s="279">
        <v>0</v>
      </c>
      <c r="AY34" s="280">
        <v>3</v>
      </c>
      <c r="AZ34" s="280">
        <v>1</v>
      </c>
      <c r="BA34" s="280">
        <v>1</v>
      </c>
      <c r="BB34" s="280">
        <v>1</v>
      </c>
      <c r="BC34" s="280">
        <v>0</v>
      </c>
      <c r="BD34" s="277">
        <v>6</v>
      </c>
      <c r="BE34" s="282">
        <v>8</v>
      </c>
      <c r="BF34" s="276">
        <v>0</v>
      </c>
      <c r="BG34" s="280">
        <v>0</v>
      </c>
      <c r="BH34" s="277">
        <v>0</v>
      </c>
      <c r="BI34" s="279">
        <v>0</v>
      </c>
      <c r="BJ34" s="280">
        <v>3</v>
      </c>
      <c r="BK34" s="280">
        <v>5</v>
      </c>
      <c r="BL34" s="280">
        <v>11</v>
      </c>
      <c r="BM34" s="280">
        <v>8</v>
      </c>
      <c r="BN34" s="280">
        <v>6</v>
      </c>
      <c r="BO34" s="281">
        <v>33</v>
      </c>
      <c r="BP34" s="282">
        <v>33</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1</v>
      </c>
      <c r="CG34" s="280">
        <v>1</v>
      </c>
      <c r="CH34" s="280">
        <v>14</v>
      </c>
      <c r="CI34" s="280">
        <v>10</v>
      </c>
      <c r="CJ34" s="280">
        <v>2</v>
      </c>
      <c r="CK34" s="277">
        <v>28</v>
      </c>
      <c r="CL34" s="282">
        <v>28</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9</v>
      </c>
      <c r="AD35" s="280">
        <v>13</v>
      </c>
      <c r="AE35" s="280">
        <v>10</v>
      </c>
      <c r="AF35" s="280">
        <v>2</v>
      </c>
      <c r="AG35" s="280">
        <v>2</v>
      </c>
      <c r="AH35" s="277">
        <v>56</v>
      </c>
      <c r="AI35" s="282">
        <v>56</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2</v>
      </c>
      <c r="BH35" s="277">
        <v>2</v>
      </c>
      <c r="BI35" s="279">
        <v>0</v>
      </c>
      <c r="BJ35" s="280">
        <v>2</v>
      </c>
      <c r="BK35" s="280">
        <v>3</v>
      </c>
      <c r="BL35" s="280">
        <v>9</v>
      </c>
      <c r="BM35" s="280">
        <v>1</v>
      </c>
      <c r="BN35" s="280">
        <v>1</v>
      </c>
      <c r="BO35" s="281">
        <v>16</v>
      </c>
      <c r="BP35" s="282">
        <v>18</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3</v>
      </c>
      <c r="CR35" s="280">
        <v>6</v>
      </c>
      <c r="CS35" s="280">
        <v>4</v>
      </c>
      <c r="CT35" s="280">
        <v>3</v>
      </c>
      <c r="CU35" s="280">
        <v>4</v>
      </c>
      <c r="CV35" s="277">
        <v>20</v>
      </c>
      <c r="CW35" s="282">
        <v>20</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6</v>
      </c>
      <c r="AD36" s="280">
        <v>5</v>
      </c>
      <c r="AE36" s="280">
        <v>5</v>
      </c>
      <c r="AF36" s="280">
        <v>2</v>
      </c>
      <c r="AG36" s="280">
        <v>0</v>
      </c>
      <c r="AH36" s="277">
        <v>28</v>
      </c>
      <c r="AI36" s="282">
        <v>28</v>
      </c>
      <c r="AJ36" s="276">
        <v>0</v>
      </c>
      <c r="AK36" s="280">
        <v>0</v>
      </c>
      <c r="AL36" s="277">
        <v>0</v>
      </c>
      <c r="AM36" s="279">
        <v>0</v>
      </c>
      <c r="AN36" s="280">
        <v>0</v>
      </c>
      <c r="AO36" s="280">
        <v>0</v>
      </c>
      <c r="AP36" s="280">
        <v>0</v>
      </c>
      <c r="AQ36" s="280">
        <v>1</v>
      </c>
      <c r="AR36" s="280">
        <v>0</v>
      </c>
      <c r="AS36" s="277">
        <v>1</v>
      </c>
      <c r="AT36" s="282">
        <v>1</v>
      </c>
      <c r="AU36" s="276">
        <v>1</v>
      </c>
      <c r="AV36" s="280">
        <v>2</v>
      </c>
      <c r="AW36" s="277">
        <v>3</v>
      </c>
      <c r="AX36" s="279">
        <v>0</v>
      </c>
      <c r="AY36" s="280">
        <v>10</v>
      </c>
      <c r="AZ36" s="280">
        <v>8</v>
      </c>
      <c r="BA36" s="280">
        <v>4</v>
      </c>
      <c r="BB36" s="280">
        <v>1</v>
      </c>
      <c r="BC36" s="280">
        <v>1</v>
      </c>
      <c r="BD36" s="277">
        <v>24</v>
      </c>
      <c r="BE36" s="282">
        <v>27</v>
      </c>
      <c r="BF36" s="276">
        <v>0</v>
      </c>
      <c r="BG36" s="280">
        <v>0</v>
      </c>
      <c r="BH36" s="277">
        <v>0</v>
      </c>
      <c r="BI36" s="279">
        <v>0</v>
      </c>
      <c r="BJ36" s="280">
        <v>2</v>
      </c>
      <c r="BK36" s="280">
        <v>3</v>
      </c>
      <c r="BL36" s="280">
        <v>2</v>
      </c>
      <c r="BM36" s="280">
        <v>2</v>
      </c>
      <c r="BN36" s="280">
        <v>4</v>
      </c>
      <c r="BO36" s="281">
        <v>13</v>
      </c>
      <c r="BP36" s="282">
        <v>13</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5</v>
      </c>
      <c r="CR36" s="280">
        <v>13</v>
      </c>
      <c r="CS36" s="280">
        <v>5</v>
      </c>
      <c r="CT36" s="280">
        <v>5</v>
      </c>
      <c r="CU36" s="280">
        <v>1</v>
      </c>
      <c r="CV36" s="277">
        <v>29</v>
      </c>
      <c r="CW36" s="282">
        <v>29</v>
      </c>
    </row>
    <row r="37" spans="2:101" ht="21" customHeight="1" x14ac:dyDescent="0.2">
      <c r="B37" s="261" t="s">
        <v>35</v>
      </c>
      <c r="C37" s="276">
        <v>0</v>
      </c>
      <c r="D37" s="277">
        <v>0</v>
      </c>
      <c r="E37" s="278">
        <v>0</v>
      </c>
      <c r="F37" s="279">
        <v>0</v>
      </c>
      <c r="G37" s="280">
        <v>0</v>
      </c>
      <c r="H37" s="280">
        <v>1</v>
      </c>
      <c r="I37" s="280">
        <v>1</v>
      </c>
      <c r="J37" s="280">
        <v>1</v>
      </c>
      <c r="K37" s="280">
        <v>0</v>
      </c>
      <c r="L37" s="281">
        <v>3</v>
      </c>
      <c r="M37" s="282">
        <v>3</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7</v>
      </c>
      <c r="AD37" s="280">
        <v>15</v>
      </c>
      <c r="AE37" s="280">
        <v>8</v>
      </c>
      <c r="AF37" s="280">
        <v>7</v>
      </c>
      <c r="AG37" s="280">
        <v>1</v>
      </c>
      <c r="AH37" s="277">
        <v>48</v>
      </c>
      <c r="AI37" s="282">
        <v>48</v>
      </c>
      <c r="AJ37" s="276">
        <v>0</v>
      </c>
      <c r="AK37" s="280">
        <v>0</v>
      </c>
      <c r="AL37" s="277">
        <v>0</v>
      </c>
      <c r="AM37" s="279">
        <v>0</v>
      </c>
      <c r="AN37" s="280">
        <v>0</v>
      </c>
      <c r="AO37" s="280">
        <v>0</v>
      </c>
      <c r="AP37" s="280">
        <v>0</v>
      </c>
      <c r="AQ37" s="280">
        <v>0</v>
      </c>
      <c r="AR37" s="280">
        <v>0</v>
      </c>
      <c r="AS37" s="277">
        <v>0</v>
      </c>
      <c r="AT37" s="282">
        <v>0</v>
      </c>
      <c r="AU37" s="276">
        <v>2</v>
      </c>
      <c r="AV37" s="280">
        <v>2</v>
      </c>
      <c r="AW37" s="277">
        <v>4</v>
      </c>
      <c r="AX37" s="279">
        <v>0</v>
      </c>
      <c r="AY37" s="280">
        <v>10</v>
      </c>
      <c r="AZ37" s="280">
        <v>10</v>
      </c>
      <c r="BA37" s="280">
        <v>7</v>
      </c>
      <c r="BB37" s="280">
        <v>1</v>
      </c>
      <c r="BC37" s="280">
        <v>2</v>
      </c>
      <c r="BD37" s="277">
        <v>30</v>
      </c>
      <c r="BE37" s="282">
        <v>34</v>
      </c>
      <c r="BF37" s="276">
        <v>0</v>
      </c>
      <c r="BG37" s="280">
        <v>0</v>
      </c>
      <c r="BH37" s="277">
        <v>0</v>
      </c>
      <c r="BI37" s="279">
        <v>0</v>
      </c>
      <c r="BJ37" s="280">
        <v>11</v>
      </c>
      <c r="BK37" s="280">
        <v>14</v>
      </c>
      <c r="BL37" s="280">
        <v>16</v>
      </c>
      <c r="BM37" s="280">
        <v>15</v>
      </c>
      <c r="BN37" s="280">
        <v>6</v>
      </c>
      <c r="BO37" s="281">
        <v>62</v>
      </c>
      <c r="BP37" s="282">
        <v>62</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62</v>
      </c>
      <c r="AD38" s="280">
        <v>44</v>
      </c>
      <c r="AE38" s="280">
        <v>28</v>
      </c>
      <c r="AF38" s="280">
        <v>10</v>
      </c>
      <c r="AG38" s="280">
        <v>9</v>
      </c>
      <c r="AH38" s="277">
        <v>153</v>
      </c>
      <c r="AI38" s="282">
        <v>153</v>
      </c>
      <c r="AJ38" s="276">
        <v>0</v>
      </c>
      <c r="AK38" s="280">
        <v>0</v>
      </c>
      <c r="AL38" s="277">
        <v>0</v>
      </c>
      <c r="AM38" s="279">
        <v>0</v>
      </c>
      <c r="AN38" s="280">
        <v>0</v>
      </c>
      <c r="AO38" s="280">
        <v>0</v>
      </c>
      <c r="AP38" s="280">
        <v>0</v>
      </c>
      <c r="AQ38" s="280">
        <v>0</v>
      </c>
      <c r="AR38" s="280">
        <v>0</v>
      </c>
      <c r="AS38" s="277">
        <v>0</v>
      </c>
      <c r="AT38" s="282">
        <v>0</v>
      </c>
      <c r="AU38" s="276">
        <v>2</v>
      </c>
      <c r="AV38" s="280">
        <v>1</v>
      </c>
      <c r="AW38" s="277">
        <v>3</v>
      </c>
      <c r="AX38" s="279">
        <v>0</v>
      </c>
      <c r="AY38" s="280">
        <v>10</v>
      </c>
      <c r="AZ38" s="280">
        <v>9</v>
      </c>
      <c r="BA38" s="280">
        <v>6</v>
      </c>
      <c r="BB38" s="280">
        <v>2</v>
      </c>
      <c r="BC38" s="280">
        <v>0</v>
      </c>
      <c r="BD38" s="277">
        <v>27</v>
      </c>
      <c r="BE38" s="282">
        <v>30</v>
      </c>
      <c r="BF38" s="276">
        <v>0</v>
      </c>
      <c r="BG38" s="280">
        <v>0</v>
      </c>
      <c r="BH38" s="277">
        <v>0</v>
      </c>
      <c r="BI38" s="279">
        <v>0</v>
      </c>
      <c r="BJ38" s="280">
        <v>2</v>
      </c>
      <c r="BK38" s="280">
        <v>5</v>
      </c>
      <c r="BL38" s="280">
        <v>17</v>
      </c>
      <c r="BM38" s="280">
        <v>7</v>
      </c>
      <c r="BN38" s="280">
        <v>2</v>
      </c>
      <c r="BO38" s="281">
        <v>33</v>
      </c>
      <c r="BP38" s="282">
        <v>33</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1</v>
      </c>
      <c r="J39" s="287">
        <v>0</v>
      </c>
      <c r="K39" s="287">
        <v>0</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5</v>
      </c>
      <c r="AD39" s="287">
        <v>8</v>
      </c>
      <c r="AE39" s="287">
        <v>6</v>
      </c>
      <c r="AF39" s="287">
        <v>0</v>
      </c>
      <c r="AG39" s="287">
        <v>2</v>
      </c>
      <c r="AH39" s="284">
        <v>31</v>
      </c>
      <c r="AI39" s="289">
        <v>31</v>
      </c>
      <c r="AJ39" s="283">
        <v>0</v>
      </c>
      <c r="AK39" s="287">
        <v>0</v>
      </c>
      <c r="AL39" s="284">
        <v>0</v>
      </c>
      <c r="AM39" s="286">
        <v>0</v>
      </c>
      <c r="AN39" s="287">
        <v>1</v>
      </c>
      <c r="AO39" s="287">
        <v>0</v>
      </c>
      <c r="AP39" s="287">
        <v>1</v>
      </c>
      <c r="AQ39" s="287">
        <v>0</v>
      </c>
      <c r="AR39" s="287">
        <v>1</v>
      </c>
      <c r="AS39" s="284">
        <v>3</v>
      </c>
      <c r="AT39" s="289">
        <v>3</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1</v>
      </c>
      <c r="BK39" s="287">
        <v>1</v>
      </c>
      <c r="BL39" s="287">
        <v>2</v>
      </c>
      <c r="BM39" s="287">
        <v>0</v>
      </c>
      <c r="BN39" s="287">
        <v>0</v>
      </c>
      <c r="BO39" s="288">
        <v>4</v>
      </c>
      <c r="BP39" s="289">
        <v>4</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8.554687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6">
        <f>第１表!F2</f>
        <v>4</v>
      </c>
      <c r="J1" s="526"/>
      <c r="K1" s="248">
        <f>第１表!G2</f>
        <v>10</v>
      </c>
      <c r="L1" s="531">
        <f>IF(K1&lt;3,K1+12-2,K1-2)</f>
        <v>8</v>
      </c>
      <c r="M1" s="531"/>
    </row>
    <row r="2" spans="1:101" s="291" customFormat="1" ht="24" customHeight="1" thickBot="1" x14ac:dyDescent="0.25">
      <c r="A2" s="44"/>
      <c r="B2" s="290" t="s">
        <v>131</v>
      </c>
    </row>
    <row r="3" spans="1:101" ht="23.25" customHeight="1" thickBot="1" x14ac:dyDescent="0.25">
      <c r="B3" s="539"/>
      <c r="C3" s="542" t="s">
        <v>94</v>
      </c>
      <c r="D3" s="543"/>
      <c r="E3" s="543"/>
      <c r="F3" s="543"/>
      <c r="G3" s="543"/>
      <c r="H3" s="543"/>
      <c r="I3" s="543"/>
      <c r="J3" s="543"/>
      <c r="K3" s="543"/>
      <c r="L3" s="543"/>
      <c r="M3" s="544"/>
      <c r="N3" s="542" t="s">
        <v>88</v>
      </c>
      <c r="O3" s="543"/>
      <c r="P3" s="543"/>
      <c r="Q3" s="543"/>
      <c r="R3" s="543"/>
      <c r="S3" s="543"/>
      <c r="T3" s="543"/>
      <c r="U3" s="543"/>
      <c r="V3" s="543"/>
      <c r="W3" s="543"/>
      <c r="X3" s="544"/>
      <c r="Y3" s="542" t="s">
        <v>142</v>
      </c>
      <c r="Z3" s="543"/>
      <c r="AA3" s="543"/>
      <c r="AB3" s="543"/>
      <c r="AC3" s="543"/>
      <c r="AD3" s="543"/>
      <c r="AE3" s="543"/>
      <c r="AF3" s="543"/>
      <c r="AG3" s="543"/>
      <c r="AH3" s="543"/>
      <c r="AI3" s="544"/>
      <c r="AJ3" s="542" t="s">
        <v>90</v>
      </c>
      <c r="AK3" s="543"/>
      <c r="AL3" s="543"/>
      <c r="AM3" s="543"/>
      <c r="AN3" s="543"/>
      <c r="AO3" s="543"/>
      <c r="AP3" s="543"/>
      <c r="AQ3" s="543"/>
      <c r="AR3" s="543"/>
      <c r="AS3" s="543"/>
      <c r="AT3" s="544"/>
      <c r="AU3" s="548" t="s">
        <v>89</v>
      </c>
      <c r="AV3" s="549"/>
      <c r="AW3" s="549"/>
      <c r="AX3" s="549"/>
      <c r="AY3" s="549"/>
      <c r="AZ3" s="549"/>
      <c r="BA3" s="549"/>
      <c r="BB3" s="549"/>
      <c r="BC3" s="549"/>
      <c r="BD3" s="549"/>
      <c r="BE3" s="550"/>
      <c r="BF3" s="548" t="s">
        <v>91</v>
      </c>
      <c r="BG3" s="549"/>
      <c r="BH3" s="549"/>
      <c r="BI3" s="549"/>
      <c r="BJ3" s="549"/>
      <c r="BK3" s="549"/>
      <c r="BL3" s="549"/>
      <c r="BM3" s="549"/>
      <c r="BN3" s="549"/>
      <c r="BO3" s="549"/>
      <c r="BP3" s="550"/>
      <c r="BQ3" s="548" t="s">
        <v>92</v>
      </c>
      <c r="BR3" s="549"/>
      <c r="BS3" s="549"/>
      <c r="BT3" s="549"/>
      <c r="BU3" s="549"/>
      <c r="BV3" s="549"/>
      <c r="BW3" s="549"/>
      <c r="BX3" s="549"/>
      <c r="BY3" s="549"/>
      <c r="BZ3" s="549"/>
      <c r="CA3" s="550"/>
      <c r="CB3" s="548" t="s">
        <v>93</v>
      </c>
      <c r="CC3" s="549"/>
      <c r="CD3" s="549"/>
      <c r="CE3" s="549"/>
      <c r="CF3" s="549"/>
      <c r="CG3" s="549"/>
      <c r="CH3" s="549"/>
      <c r="CI3" s="549"/>
      <c r="CJ3" s="549"/>
      <c r="CK3" s="549"/>
      <c r="CL3" s="550"/>
      <c r="CM3" s="549" t="s">
        <v>141</v>
      </c>
      <c r="CN3" s="549"/>
      <c r="CO3" s="549"/>
      <c r="CP3" s="549"/>
      <c r="CQ3" s="549"/>
      <c r="CR3" s="549"/>
      <c r="CS3" s="549"/>
      <c r="CT3" s="549"/>
      <c r="CU3" s="549"/>
      <c r="CV3" s="549"/>
      <c r="CW3" s="550"/>
    </row>
    <row r="4" spans="1:101" ht="22.5" customHeight="1" x14ac:dyDescent="0.2">
      <c r="B4" s="540"/>
      <c r="C4" s="534" t="s">
        <v>61</v>
      </c>
      <c r="D4" s="535"/>
      <c r="E4" s="536"/>
      <c r="F4" s="537" t="s">
        <v>62</v>
      </c>
      <c r="G4" s="535"/>
      <c r="H4" s="535"/>
      <c r="I4" s="535"/>
      <c r="J4" s="535"/>
      <c r="K4" s="535"/>
      <c r="L4" s="538"/>
      <c r="M4" s="532" t="s">
        <v>52</v>
      </c>
      <c r="N4" s="534" t="s">
        <v>61</v>
      </c>
      <c r="O4" s="535"/>
      <c r="P4" s="536"/>
      <c r="Q4" s="537" t="s">
        <v>62</v>
      </c>
      <c r="R4" s="535"/>
      <c r="S4" s="535"/>
      <c r="T4" s="535"/>
      <c r="U4" s="535"/>
      <c r="V4" s="535"/>
      <c r="W4" s="536"/>
      <c r="X4" s="532" t="s">
        <v>52</v>
      </c>
      <c r="Y4" s="534" t="s">
        <v>61</v>
      </c>
      <c r="Z4" s="535"/>
      <c r="AA4" s="536"/>
      <c r="AB4" s="537" t="s">
        <v>62</v>
      </c>
      <c r="AC4" s="535"/>
      <c r="AD4" s="535"/>
      <c r="AE4" s="535"/>
      <c r="AF4" s="535"/>
      <c r="AG4" s="535"/>
      <c r="AH4" s="536"/>
      <c r="AI4" s="532" t="s">
        <v>52</v>
      </c>
      <c r="AJ4" s="534" t="s">
        <v>61</v>
      </c>
      <c r="AK4" s="535"/>
      <c r="AL4" s="536"/>
      <c r="AM4" s="537" t="s">
        <v>62</v>
      </c>
      <c r="AN4" s="535"/>
      <c r="AO4" s="535"/>
      <c r="AP4" s="535"/>
      <c r="AQ4" s="535"/>
      <c r="AR4" s="535"/>
      <c r="AS4" s="536"/>
      <c r="AT4" s="532" t="s">
        <v>52</v>
      </c>
      <c r="AU4" s="564" t="s">
        <v>61</v>
      </c>
      <c r="AV4" s="562"/>
      <c r="AW4" s="563"/>
      <c r="AX4" s="561" t="s">
        <v>62</v>
      </c>
      <c r="AY4" s="562"/>
      <c r="AZ4" s="562"/>
      <c r="BA4" s="562"/>
      <c r="BB4" s="562"/>
      <c r="BC4" s="562"/>
      <c r="BD4" s="563"/>
      <c r="BE4" s="565" t="s">
        <v>52</v>
      </c>
      <c r="BF4" s="564" t="s">
        <v>61</v>
      </c>
      <c r="BG4" s="562"/>
      <c r="BH4" s="563"/>
      <c r="BI4" s="561" t="s">
        <v>62</v>
      </c>
      <c r="BJ4" s="562"/>
      <c r="BK4" s="562"/>
      <c r="BL4" s="562"/>
      <c r="BM4" s="562"/>
      <c r="BN4" s="562"/>
      <c r="BO4" s="563"/>
      <c r="BP4" s="565" t="s">
        <v>52</v>
      </c>
      <c r="BQ4" s="564" t="s">
        <v>61</v>
      </c>
      <c r="BR4" s="562"/>
      <c r="BS4" s="563"/>
      <c r="BT4" s="561" t="s">
        <v>62</v>
      </c>
      <c r="BU4" s="562"/>
      <c r="BV4" s="562"/>
      <c r="BW4" s="562"/>
      <c r="BX4" s="562"/>
      <c r="BY4" s="562"/>
      <c r="BZ4" s="563"/>
      <c r="CA4" s="565" t="s">
        <v>52</v>
      </c>
      <c r="CB4" s="564" t="s">
        <v>61</v>
      </c>
      <c r="CC4" s="562"/>
      <c r="CD4" s="563"/>
      <c r="CE4" s="561" t="s">
        <v>62</v>
      </c>
      <c r="CF4" s="562"/>
      <c r="CG4" s="562"/>
      <c r="CH4" s="562"/>
      <c r="CI4" s="562"/>
      <c r="CJ4" s="562"/>
      <c r="CK4" s="563"/>
      <c r="CL4" s="565" t="s">
        <v>52</v>
      </c>
      <c r="CM4" s="564" t="s">
        <v>61</v>
      </c>
      <c r="CN4" s="562"/>
      <c r="CO4" s="563"/>
      <c r="CP4" s="561" t="s">
        <v>62</v>
      </c>
      <c r="CQ4" s="562"/>
      <c r="CR4" s="562"/>
      <c r="CS4" s="562"/>
      <c r="CT4" s="562"/>
      <c r="CU4" s="562"/>
      <c r="CV4" s="563"/>
      <c r="CW4" s="565" t="s">
        <v>52</v>
      </c>
    </row>
    <row r="5" spans="1:101" ht="34.5" customHeight="1" thickBot="1" x14ac:dyDescent="0.25">
      <c r="B5" s="541"/>
      <c r="C5" s="323" t="s">
        <v>43</v>
      </c>
      <c r="D5" s="265" t="s">
        <v>44</v>
      </c>
      <c r="E5" s="266" t="s">
        <v>45</v>
      </c>
      <c r="F5" s="267" t="s">
        <v>83</v>
      </c>
      <c r="G5" s="259" t="s">
        <v>47</v>
      </c>
      <c r="H5" s="259" t="s">
        <v>48</v>
      </c>
      <c r="I5" s="259" t="s">
        <v>49</v>
      </c>
      <c r="J5" s="259" t="s">
        <v>50</v>
      </c>
      <c r="K5" s="259" t="s">
        <v>51</v>
      </c>
      <c r="L5" s="268" t="s">
        <v>45</v>
      </c>
      <c r="M5" s="533"/>
      <c r="N5" s="323" t="s">
        <v>43</v>
      </c>
      <c r="O5" s="259" t="s">
        <v>44</v>
      </c>
      <c r="P5" s="265" t="s">
        <v>45</v>
      </c>
      <c r="Q5" s="267" t="s">
        <v>83</v>
      </c>
      <c r="R5" s="259" t="s">
        <v>47</v>
      </c>
      <c r="S5" s="259" t="s">
        <v>48</v>
      </c>
      <c r="T5" s="259" t="s">
        <v>49</v>
      </c>
      <c r="U5" s="259" t="s">
        <v>50</v>
      </c>
      <c r="V5" s="259" t="s">
        <v>51</v>
      </c>
      <c r="W5" s="265" t="s">
        <v>45</v>
      </c>
      <c r="X5" s="533"/>
      <c r="Y5" s="323" t="s">
        <v>43</v>
      </c>
      <c r="Z5" s="259" t="s">
        <v>44</v>
      </c>
      <c r="AA5" s="265" t="s">
        <v>45</v>
      </c>
      <c r="AB5" s="267" t="s">
        <v>83</v>
      </c>
      <c r="AC5" s="259" t="s">
        <v>47</v>
      </c>
      <c r="AD5" s="259" t="s">
        <v>48</v>
      </c>
      <c r="AE5" s="259" t="s">
        <v>49</v>
      </c>
      <c r="AF5" s="259" t="s">
        <v>50</v>
      </c>
      <c r="AG5" s="259" t="s">
        <v>51</v>
      </c>
      <c r="AH5" s="265" t="s">
        <v>45</v>
      </c>
      <c r="AI5" s="533"/>
      <c r="AJ5" s="340" t="s">
        <v>43</v>
      </c>
      <c r="AK5" s="259" t="s">
        <v>44</v>
      </c>
      <c r="AL5" s="265" t="s">
        <v>45</v>
      </c>
      <c r="AM5" s="267" t="s">
        <v>83</v>
      </c>
      <c r="AN5" s="259" t="s">
        <v>47</v>
      </c>
      <c r="AO5" s="259" t="s">
        <v>48</v>
      </c>
      <c r="AP5" s="259" t="s">
        <v>49</v>
      </c>
      <c r="AQ5" s="259" t="s">
        <v>50</v>
      </c>
      <c r="AR5" s="259" t="s">
        <v>51</v>
      </c>
      <c r="AS5" s="265" t="s">
        <v>45</v>
      </c>
      <c r="AT5" s="533"/>
      <c r="AU5" s="340" t="s">
        <v>43</v>
      </c>
      <c r="AV5" s="259" t="s">
        <v>44</v>
      </c>
      <c r="AW5" s="265" t="s">
        <v>45</v>
      </c>
      <c r="AX5" s="267" t="s">
        <v>83</v>
      </c>
      <c r="AY5" s="259" t="s">
        <v>47</v>
      </c>
      <c r="AZ5" s="259" t="s">
        <v>48</v>
      </c>
      <c r="BA5" s="259" t="s">
        <v>49</v>
      </c>
      <c r="BB5" s="259" t="s">
        <v>50</v>
      </c>
      <c r="BC5" s="259" t="s">
        <v>51</v>
      </c>
      <c r="BD5" s="265" t="s">
        <v>45</v>
      </c>
      <c r="BE5" s="566"/>
      <c r="BF5" s="340" t="s">
        <v>43</v>
      </c>
      <c r="BG5" s="259" t="s">
        <v>44</v>
      </c>
      <c r="BH5" s="265" t="s">
        <v>45</v>
      </c>
      <c r="BI5" s="267" t="s">
        <v>83</v>
      </c>
      <c r="BJ5" s="259" t="s">
        <v>47</v>
      </c>
      <c r="BK5" s="259" t="s">
        <v>48</v>
      </c>
      <c r="BL5" s="259" t="s">
        <v>49</v>
      </c>
      <c r="BM5" s="259" t="s">
        <v>50</v>
      </c>
      <c r="BN5" s="259" t="s">
        <v>51</v>
      </c>
      <c r="BO5" s="265" t="s">
        <v>45</v>
      </c>
      <c r="BP5" s="566"/>
      <c r="BQ5" s="340" t="s">
        <v>43</v>
      </c>
      <c r="BR5" s="259" t="s">
        <v>44</v>
      </c>
      <c r="BS5" s="265" t="s">
        <v>45</v>
      </c>
      <c r="BT5" s="267" t="s">
        <v>83</v>
      </c>
      <c r="BU5" s="259" t="s">
        <v>47</v>
      </c>
      <c r="BV5" s="259" t="s">
        <v>48</v>
      </c>
      <c r="BW5" s="259" t="s">
        <v>49</v>
      </c>
      <c r="BX5" s="259" t="s">
        <v>50</v>
      </c>
      <c r="BY5" s="259" t="s">
        <v>51</v>
      </c>
      <c r="BZ5" s="265" t="s">
        <v>45</v>
      </c>
      <c r="CA5" s="566"/>
      <c r="CB5" s="340" t="s">
        <v>43</v>
      </c>
      <c r="CC5" s="259" t="s">
        <v>44</v>
      </c>
      <c r="CD5" s="265" t="s">
        <v>45</v>
      </c>
      <c r="CE5" s="267" t="s">
        <v>83</v>
      </c>
      <c r="CF5" s="259" t="s">
        <v>47</v>
      </c>
      <c r="CG5" s="259" t="s">
        <v>48</v>
      </c>
      <c r="CH5" s="259" t="s">
        <v>49</v>
      </c>
      <c r="CI5" s="259" t="s">
        <v>50</v>
      </c>
      <c r="CJ5" s="259" t="s">
        <v>51</v>
      </c>
      <c r="CK5" s="265" t="s">
        <v>45</v>
      </c>
      <c r="CL5" s="566"/>
      <c r="CM5" s="340" t="s">
        <v>43</v>
      </c>
      <c r="CN5" s="259" t="s">
        <v>44</v>
      </c>
      <c r="CO5" s="265" t="s">
        <v>45</v>
      </c>
      <c r="CP5" s="267" t="s">
        <v>83</v>
      </c>
      <c r="CQ5" s="259" t="s">
        <v>47</v>
      </c>
      <c r="CR5" s="259" t="s">
        <v>48</v>
      </c>
      <c r="CS5" s="259" t="s">
        <v>49</v>
      </c>
      <c r="CT5" s="259" t="s">
        <v>50</v>
      </c>
      <c r="CU5" s="259" t="s">
        <v>51</v>
      </c>
      <c r="CV5" s="265" t="s">
        <v>45</v>
      </c>
      <c r="CW5" s="566"/>
    </row>
    <row r="6" spans="1:101" ht="21" customHeight="1" x14ac:dyDescent="0.2">
      <c r="B6" s="260" t="s">
        <v>4</v>
      </c>
      <c r="C6" s="269">
        <v>0</v>
      </c>
      <c r="D6" s="270">
        <v>0</v>
      </c>
      <c r="E6" s="271">
        <v>0</v>
      </c>
      <c r="F6" s="272">
        <v>0</v>
      </c>
      <c r="G6" s="273">
        <v>18</v>
      </c>
      <c r="H6" s="273">
        <v>27</v>
      </c>
      <c r="I6" s="273">
        <v>21</v>
      </c>
      <c r="J6" s="273">
        <v>24</v>
      </c>
      <c r="K6" s="273">
        <v>14</v>
      </c>
      <c r="L6" s="274">
        <v>104</v>
      </c>
      <c r="M6" s="275">
        <v>104</v>
      </c>
      <c r="N6" s="269">
        <v>0</v>
      </c>
      <c r="O6" s="273">
        <v>0</v>
      </c>
      <c r="P6" s="270">
        <v>0</v>
      </c>
      <c r="Q6" s="272">
        <v>0</v>
      </c>
      <c r="R6" s="273">
        <v>11</v>
      </c>
      <c r="S6" s="273">
        <v>29</v>
      </c>
      <c r="T6" s="273">
        <v>36</v>
      </c>
      <c r="U6" s="273">
        <v>34</v>
      </c>
      <c r="V6" s="273">
        <v>33</v>
      </c>
      <c r="W6" s="270">
        <v>143</v>
      </c>
      <c r="X6" s="275">
        <v>143</v>
      </c>
      <c r="Y6" s="269">
        <v>0</v>
      </c>
      <c r="Z6" s="273">
        <v>0</v>
      </c>
      <c r="AA6" s="270">
        <v>0</v>
      </c>
      <c r="AB6" s="272">
        <v>0</v>
      </c>
      <c r="AC6" s="273">
        <v>918</v>
      </c>
      <c r="AD6" s="273">
        <v>713</v>
      </c>
      <c r="AE6" s="273">
        <v>344</v>
      </c>
      <c r="AF6" s="273">
        <v>163</v>
      </c>
      <c r="AG6" s="273">
        <v>60</v>
      </c>
      <c r="AH6" s="270">
        <v>2198</v>
      </c>
      <c r="AI6" s="275">
        <v>2198</v>
      </c>
      <c r="AJ6" s="269">
        <v>1</v>
      </c>
      <c r="AK6" s="273">
        <v>0</v>
      </c>
      <c r="AL6" s="270">
        <v>1</v>
      </c>
      <c r="AM6" s="272">
        <v>0</v>
      </c>
      <c r="AN6" s="273">
        <v>71</v>
      </c>
      <c r="AO6" s="273">
        <v>79</v>
      </c>
      <c r="AP6" s="273">
        <v>78</v>
      </c>
      <c r="AQ6" s="273">
        <v>29</v>
      </c>
      <c r="AR6" s="273">
        <v>21</v>
      </c>
      <c r="AS6" s="270">
        <v>278</v>
      </c>
      <c r="AT6" s="275">
        <v>279</v>
      </c>
      <c r="AU6" s="269">
        <v>14</v>
      </c>
      <c r="AV6" s="273">
        <v>12</v>
      </c>
      <c r="AW6" s="270">
        <v>26</v>
      </c>
      <c r="AX6" s="272">
        <v>0</v>
      </c>
      <c r="AY6" s="273">
        <v>81</v>
      </c>
      <c r="AZ6" s="273">
        <v>82</v>
      </c>
      <c r="BA6" s="273">
        <v>69</v>
      </c>
      <c r="BB6" s="273">
        <v>50</v>
      </c>
      <c r="BC6" s="273">
        <v>19</v>
      </c>
      <c r="BD6" s="270">
        <v>301</v>
      </c>
      <c r="BE6" s="275">
        <v>327</v>
      </c>
      <c r="BF6" s="269">
        <v>0</v>
      </c>
      <c r="BG6" s="273">
        <v>0</v>
      </c>
      <c r="BH6" s="270">
        <v>0</v>
      </c>
      <c r="BI6" s="272">
        <v>0</v>
      </c>
      <c r="BJ6" s="273">
        <v>103</v>
      </c>
      <c r="BK6" s="273">
        <v>148</v>
      </c>
      <c r="BL6" s="273">
        <v>155</v>
      </c>
      <c r="BM6" s="273">
        <v>126</v>
      </c>
      <c r="BN6" s="273">
        <v>59</v>
      </c>
      <c r="BO6" s="274">
        <v>591</v>
      </c>
      <c r="BP6" s="275">
        <v>591</v>
      </c>
      <c r="BQ6" s="269">
        <v>0</v>
      </c>
      <c r="BR6" s="273">
        <v>0</v>
      </c>
      <c r="BS6" s="270">
        <v>0</v>
      </c>
      <c r="BT6" s="272">
        <v>0</v>
      </c>
      <c r="BU6" s="273">
        <v>2</v>
      </c>
      <c r="BV6" s="273">
        <v>5</v>
      </c>
      <c r="BW6" s="273">
        <v>4</v>
      </c>
      <c r="BX6" s="273">
        <v>9</v>
      </c>
      <c r="BY6" s="273">
        <v>4</v>
      </c>
      <c r="BZ6" s="270">
        <v>24</v>
      </c>
      <c r="CA6" s="275">
        <v>24</v>
      </c>
      <c r="CB6" s="269">
        <v>0</v>
      </c>
      <c r="CC6" s="273">
        <v>0</v>
      </c>
      <c r="CD6" s="270">
        <v>0</v>
      </c>
      <c r="CE6" s="272">
        <v>0</v>
      </c>
      <c r="CF6" s="273">
        <v>0</v>
      </c>
      <c r="CG6" s="273">
        <v>2</v>
      </c>
      <c r="CH6" s="273">
        <v>20</v>
      </c>
      <c r="CI6" s="273">
        <v>15</v>
      </c>
      <c r="CJ6" s="273">
        <v>9</v>
      </c>
      <c r="CK6" s="270">
        <v>46</v>
      </c>
      <c r="CL6" s="275">
        <v>46</v>
      </c>
      <c r="CM6" s="269">
        <v>0</v>
      </c>
      <c r="CN6" s="273">
        <v>0</v>
      </c>
      <c r="CO6" s="270">
        <v>0</v>
      </c>
      <c r="CP6" s="272">
        <v>0</v>
      </c>
      <c r="CQ6" s="273">
        <v>17</v>
      </c>
      <c r="CR6" s="273">
        <v>12</v>
      </c>
      <c r="CS6" s="273">
        <v>28</v>
      </c>
      <c r="CT6" s="273">
        <v>30</v>
      </c>
      <c r="CU6" s="273">
        <v>34</v>
      </c>
      <c r="CV6" s="270">
        <v>121</v>
      </c>
      <c r="CW6" s="275">
        <v>121</v>
      </c>
    </row>
    <row r="7" spans="1:101" ht="21" customHeight="1" x14ac:dyDescent="0.2">
      <c r="B7" s="261" t="s">
        <v>5</v>
      </c>
      <c r="C7" s="276">
        <v>0</v>
      </c>
      <c r="D7" s="277">
        <v>0</v>
      </c>
      <c r="E7" s="278">
        <v>0</v>
      </c>
      <c r="F7" s="279">
        <v>0</v>
      </c>
      <c r="G7" s="280">
        <v>5</v>
      </c>
      <c r="H7" s="280">
        <v>14</v>
      </c>
      <c r="I7" s="280">
        <v>9</v>
      </c>
      <c r="J7" s="280">
        <v>8</v>
      </c>
      <c r="K7" s="280">
        <v>8</v>
      </c>
      <c r="L7" s="281">
        <v>44</v>
      </c>
      <c r="M7" s="282">
        <v>44</v>
      </c>
      <c r="N7" s="276">
        <v>0</v>
      </c>
      <c r="O7" s="280">
        <v>0</v>
      </c>
      <c r="P7" s="277">
        <v>0</v>
      </c>
      <c r="Q7" s="279">
        <v>0</v>
      </c>
      <c r="R7" s="280">
        <v>7</v>
      </c>
      <c r="S7" s="280">
        <v>24</v>
      </c>
      <c r="T7" s="280">
        <v>29</v>
      </c>
      <c r="U7" s="280">
        <v>27</v>
      </c>
      <c r="V7" s="280">
        <v>28</v>
      </c>
      <c r="W7" s="277">
        <v>115</v>
      </c>
      <c r="X7" s="282">
        <v>115</v>
      </c>
      <c r="Y7" s="276">
        <v>0</v>
      </c>
      <c r="Z7" s="280">
        <v>0</v>
      </c>
      <c r="AA7" s="277">
        <v>0</v>
      </c>
      <c r="AB7" s="279">
        <v>0</v>
      </c>
      <c r="AC7" s="280">
        <v>381</v>
      </c>
      <c r="AD7" s="280">
        <v>357</v>
      </c>
      <c r="AE7" s="280">
        <v>170</v>
      </c>
      <c r="AF7" s="280">
        <v>78</v>
      </c>
      <c r="AG7" s="280">
        <v>31</v>
      </c>
      <c r="AH7" s="277">
        <v>1017</v>
      </c>
      <c r="AI7" s="282">
        <v>1017</v>
      </c>
      <c r="AJ7" s="276">
        <v>1</v>
      </c>
      <c r="AK7" s="280">
        <v>0</v>
      </c>
      <c r="AL7" s="277">
        <v>1</v>
      </c>
      <c r="AM7" s="279">
        <v>0</v>
      </c>
      <c r="AN7" s="280">
        <v>33</v>
      </c>
      <c r="AO7" s="280">
        <v>41</v>
      </c>
      <c r="AP7" s="280">
        <v>44</v>
      </c>
      <c r="AQ7" s="280">
        <v>15</v>
      </c>
      <c r="AR7" s="280">
        <v>13</v>
      </c>
      <c r="AS7" s="277">
        <v>146</v>
      </c>
      <c r="AT7" s="282">
        <v>147</v>
      </c>
      <c r="AU7" s="276">
        <v>3</v>
      </c>
      <c r="AV7" s="280">
        <v>8</v>
      </c>
      <c r="AW7" s="277">
        <v>11</v>
      </c>
      <c r="AX7" s="279">
        <v>0</v>
      </c>
      <c r="AY7" s="280">
        <v>29</v>
      </c>
      <c r="AZ7" s="280">
        <v>31</v>
      </c>
      <c r="BA7" s="280">
        <v>30</v>
      </c>
      <c r="BB7" s="280">
        <v>16</v>
      </c>
      <c r="BC7" s="280">
        <v>8</v>
      </c>
      <c r="BD7" s="277">
        <v>114</v>
      </c>
      <c r="BE7" s="282">
        <v>125</v>
      </c>
      <c r="BF7" s="276">
        <v>0</v>
      </c>
      <c r="BG7" s="280">
        <v>0</v>
      </c>
      <c r="BH7" s="277">
        <v>0</v>
      </c>
      <c r="BI7" s="279">
        <v>0</v>
      </c>
      <c r="BJ7" s="280">
        <v>38</v>
      </c>
      <c r="BK7" s="280">
        <v>61</v>
      </c>
      <c r="BL7" s="280">
        <v>60</v>
      </c>
      <c r="BM7" s="280">
        <v>48</v>
      </c>
      <c r="BN7" s="280">
        <v>16</v>
      </c>
      <c r="BO7" s="281">
        <v>223</v>
      </c>
      <c r="BP7" s="282">
        <v>223</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6</v>
      </c>
      <c r="CI7" s="280">
        <v>3</v>
      </c>
      <c r="CJ7" s="280">
        <v>1</v>
      </c>
      <c r="CK7" s="277">
        <v>11</v>
      </c>
      <c r="CL7" s="282">
        <v>11</v>
      </c>
      <c r="CM7" s="276">
        <v>0</v>
      </c>
      <c r="CN7" s="280">
        <v>0</v>
      </c>
      <c r="CO7" s="277">
        <v>0</v>
      </c>
      <c r="CP7" s="279">
        <v>0</v>
      </c>
      <c r="CQ7" s="280">
        <v>4</v>
      </c>
      <c r="CR7" s="280">
        <v>4</v>
      </c>
      <c r="CS7" s="280">
        <v>7</v>
      </c>
      <c r="CT7" s="280">
        <v>9</v>
      </c>
      <c r="CU7" s="280">
        <v>20</v>
      </c>
      <c r="CV7" s="277">
        <v>44</v>
      </c>
      <c r="CW7" s="282">
        <v>44</v>
      </c>
    </row>
    <row r="8" spans="1:101" ht="21" customHeight="1" x14ac:dyDescent="0.2">
      <c r="B8" s="261" t="s">
        <v>6</v>
      </c>
      <c r="C8" s="276">
        <v>0</v>
      </c>
      <c r="D8" s="277">
        <v>0</v>
      </c>
      <c r="E8" s="278">
        <v>0</v>
      </c>
      <c r="F8" s="279">
        <v>0</v>
      </c>
      <c r="G8" s="280">
        <v>4</v>
      </c>
      <c r="H8" s="280">
        <v>5</v>
      </c>
      <c r="I8" s="280">
        <v>5</v>
      </c>
      <c r="J8" s="280">
        <v>9</v>
      </c>
      <c r="K8" s="280">
        <v>3</v>
      </c>
      <c r="L8" s="281">
        <v>26</v>
      </c>
      <c r="M8" s="282">
        <v>26</v>
      </c>
      <c r="N8" s="276">
        <v>0</v>
      </c>
      <c r="O8" s="280">
        <v>0</v>
      </c>
      <c r="P8" s="277">
        <v>0</v>
      </c>
      <c r="Q8" s="279">
        <v>0</v>
      </c>
      <c r="R8" s="280">
        <v>3</v>
      </c>
      <c r="S8" s="280">
        <v>4</v>
      </c>
      <c r="T8" s="280">
        <v>4</v>
      </c>
      <c r="U8" s="280">
        <v>6</v>
      </c>
      <c r="V8" s="280">
        <v>5</v>
      </c>
      <c r="W8" s="277">
        <v>22</v>
      </c>
      <c r="X8" s="282">
        <v>22</v>
      </c>
      <c r="Y8" s="276">
        <v>0</v>
      </c>
      <c r="Z8" s="280">
        <v>0</v>
      </c>
      <c r="AA8" s="277">
        <v>0</v>
      </c>
      <c r="AB8" s="279">
        <v>0</v>
      </c>
      <c r="AC8" s="280">
        <v>88</v>
      </c>
      <c r="AD8" s="280">
        <v>56</v>
      </c>
      <c r="AE8" s="280">
        <v>40</v>
      </c>
      <c r="AF8" s="280">
        <v>22</v>
      </c>
      <c r="AG8" s="280">
        <v>7</v>
      </c>
      <c r="AH8" s="277">
        <v>213</v>
      </c>
      <c r="AI8" s="282">
        <v>213</v>
      </c>
      <c r="AJ8" s="276">
        <v>0</v>
      </c>
      <c r="AK8" s="280">
        <v>0</v>
      </c>
      <c r="AL8" s="277">
        <v>0</v>
      </c>
      <c r="AM8" s="279">
        <v>0</v>
      </c>
      <c r="AN8" s="280">
        <v>14</v>
      </c>
      <c r="AO8" s="280">
        <v>11</v>
      </c>
      <c r="AP8" s="280">
        <v>12</v>
      </c>
      <c r="AQ8" s="280">
        <v>4</v>
      </c>
      <c r="AR8" s="280">
        <v>3</v>
      </c>
      <c r="AS8" s="277">
        <v>44</v>
      </c>
      <c r="AT8" s="282">
        <v>44</v>
      </c>
      <c r="AU8" s="276">
        <v>1</v>
      </c>
      <c r="AV8" s="280">
        <v>0</v>
      </c>
      <c r="AW8" s="277">
        <v>1</v>
      </c>
      <c r="AX8" s="279">
        <v>0</v>
      </c>
      <c r="AY8" s="280">
        <v>8</v>
      </c>
      <c r="AZ8" s="280">
        <v>12</v>
      </c>
      <c r="BA8" s="280">
        <v>7</v>
      </c>
      <c r="BB8" s="280">
        <v>9</v>
      </c>
      <c r="BC8" s="280">
        <v>2</v>
      </c>
      <c r="BD8" s="277">
        <v>38</v>
      </c>
      <c r="BE8" s="282">
        <v>39</v>
      </c>
      <c r="BF8" s="276">
        <v>0</v>
      </c>
      <c r="BG8" s="280">
        <v>0</v>
      </c>
      <c r="BH8" s="277">
        <v>0</v>
      </c>
      <c r="BI8" s="279">
        <v>0</v>
      </c>
      <c r="BJ8" s="280">
        <v>16</v>
      </c>
      <c r="BK8" s="280">
        <v>22</v>
      </c>
      <c r="BL8" s="280">
        <v>29</v>
      </c>
      <c r="BM8" s="280">
        <v>15</v>
      </c>
      <c r="BN8" s="280">
        <v>12</v>
      </c>
      <c r="BO8" s="281">
        <v>94</v>
      </c>
      <c r="BP8" s="282">
        <v>94</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0</v>
      </c>
      <c r="CG8" s="280">
        <v>0</v>
      </c>
      <c r="CH8" s="280">
        <v>7</v>
      </c>
      <c r="CI8" s="280">
        <v>4</v>
      </c>
      <c r="CJ8" s="280">
        <v>2</v>
      </c>
      <c r="CK8" s="277">
        <v>13</v>
      </c>
      <c r="CL8" s="282">
        <v>13</v>
      </c>
      <c r="CM8" s="276">
        <v>0</v>
      </c>
      <c r="CN8" s="280">
        <v>0</v>
      </c>
      <c r="CO8" s="277">
        <v>0</v>
      </c>
      <c r="CP8" s="279">
        <v>0</v>
      </c>
      <c r="CQ8" s="280">
        <v>3</v>
      </c>
      <c r="CR8" s="280">
        <v>2</v>
      </c>
      <c r="CS8" s="280">
        <v>3</v>
      </c>
      <c r="CT8" s="280">
        <v>8</v>
      </c>
      <c r="CU8" s="280">
        <v>6</v>
      </c>
      <c r="CV8" s="277">
        <v>22</v>
      </c>
      <c r="CW8" s="282">
        <v>22</v>
      </c>
    </row>
    <row r="9" spans="1:101" ht="21" customHeight="1" x14ac:dyDescent="0.2">
      <c r="B9" s="261" t="s">
        <v>14</v>
      </c>
      <c r="C9" s="276">
        <v>0</v>
      </c>
      <c r="D9" s="277">
        <v>0</v>
      </c>
      <c r="E9" s="278">
        <v>0</v>
      </c>
      <c r="F9" s="279">
        <v>0</v>
      </c>
      <c r="G9" s="280">
        <v>2</v>
      </c>
      <c r="H9" s="280">
        <v>2</v>
      </c>
      <c r="I9" s="280">
        <v>0</v>
      </c>
      <c r="J9" s="280">
        <v>3</v>
      </c>
      <c r="K9" s="280">
        <v>1</v>
      </c>
      <c r="L9" s="281">
        <v>8</v>
      </c>
      <c r="M9" s="282">
        <v>8</v>
      </c>
      <c r="N9" s="276">
        <v>0</v>
      </c>
      <c r="O9" s="280">
        <v>0</v>
      </c>
      <c r="P9" s="277">
        <v>0</v>
      </c>
      <c r="Q9" s="279">
        <v>0</v>
      </c>
      <c r="R9" s="280">
        <v>0</v>
      </c>
      <c r="S9" s="280">
        <v>0</v>
      </c>
      <c r="T9" s="280">
        <v>0</v>
      </c>
      <c r="U9" s="280">
        <v>0</v>
      </c>
      <c r="V9" s="280">
        <v>0</v>
      </c>
      <c r="W9" s="277">
        <v>0</v>
      </c>
      <c r="X9" s="282">
        <v>0</v>
      </c>
      <c r="Y9" s="276">
        <v>0</v>
      </c>
      <c r="Z9" s="280">
        <v>0</v>
      </c>
      <c r="AA9" s="277">
        <v>0</v>
      </c>
      <c r="AB9" s="279">
        <v>0</v>
      </c>
      <c r="AC9" s="280">
        <v>70</v>
      </c>
      <c r="AD9" s="280">
        <v>63</v>
      </c>
      <c r="AE9" s="280">
        <v>29</v>
      </c>
      <c r="AF9" s="280">
        <v>11</v>
      </c>
      <c r="AG9" s="280">
        <v>4</v>
      </c>
      <c r="AH9" s="277">
        <v>177</v>
      </c>
      <c r="AI9" s="282">
        <v>177</v>
      </c>
      <c r="AJ9" s="276">
        <v>0</v>
      </c>
      <c r="AK9" s="280">
        <v>0</v>
      </c>
      <c r="AL9" s="277">
        <v>0</v>
      </c>
      <c r="AM9" s="279">
        <v>0</v>
      </c>
      <c r="AN9" s="280">
        <v>1</v>
      </c>
      <c r="AO9" s="280">
        <v>2</v>
      </c>
      <c r="AP9" s="280">
        <v>1</v>
      </c>
      <c r="AQ9" s="280">
        <v>1</v>
      </c>
      <c r="AR9" s="280">
        <v>0</v>
      </c>
      <c r="AS9" s="277">
        <v>5</v>
      </c>
      <c r="AT9" s="282">
        <v>5</v>
      </c>
      <c r="AU9" s="276">
        <v>1</v>
      </c>
      <c r="AV9" s="280">
        <v>1</v>
      </c>
      <c r="AW9" s="277">
        <v>2</v>
      </c>
      <c r="AX9" s="279">
        <v>0</v>
      </c>
      <c r="AY9" s="280">
        <v>9</v>
      </c>
      <c r="AZ9" s="280">
        <v>5</v>
      </c>
      <c r="BA9" s="280">
        <v>5</v>
      </c>
      <c r="BB9" s="280">
        <v>4</v>
      </c>
      <c r="BC9" s="280">
        <v>2</v>
      </c>
      <c r="BD9" s="277">
        <v>25</v>
      </c>
      <c r="BE9" s="282">
        <v>27</v>
      </c>
      <c r="BF9" s="276">
        <v>0</v>
      </c>
      <c r="BG9" s="280">
        <v>0</v>
      </c>
      <c r="BH9" s="277">
        <v>0</v>
      </c>
      <c r="BI9" s="279">
        <v>0</v>
      </c>
      <c r="BJ9" s="280">
        <v>8</v>
      </c>
      <c r="BK9" s="280">
        <v>8</v>
      </c>
      <c r="BL9" s="280">
        <v>14</v>
      </c>
      <c r="BM9" s="280">
        <v>10</v>
      </c>
      <c r="BN9" s="280">
        <v>10</v>
      </c>
      <c r="BO9" s="281">
        <v>50</v>
      </c>
      <c r="BP9" s="282">
        <v>50</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0</v>
      </c>
      <c r="CH9" s="280">
        <v>0</v>
      </c>
      <c r="CI9" s="280">
        <v>1</v>
      </c>
      <c r="CJ9" s="280">
        <v>0</v>
      </c>
      <c r="CK9" s="277">
        <v>1</v>
      </c>
      <c r="CL9" s="282">
        <v>1</v>
      </c>
      <c r="CM9" s="276">
        <v>0</v>
      </c>
      <c r="CN9" s="280">
        <v>0</v>
      </c>
      <c r="CO9" s="277">
        <v>0</v>
      </c>
      <c r="CP9" s="279">
        <v>0</v>
      </c>
      <c r="CQ9" s="280">
        <v>1</v>
      </c>
      <c r="CR9" s="280">
        <v>1</v>
      </c>
      <c r="CS9" s="280">
        <v>1</v>
      </c>
      <c r="CT9" s="280">
        <v>0</v>
      </c>
      <c r="CU9" s="280">
        <v>1</v>
      </c>
      <c r="CV9" s="277">
        <v>4</v>
      </c>
      <c r="CW9" s="282">
        <v>4</v>
      </c>
    </row>
    <row r="10" spans="1:101" ht="21" customHeight="1" x14ac:dyDescent="0.2">
      <c r="B10" s="261" t="s">
        <v>7</v>
      </c>
      <c r="C10" s="276">
        <v>0</v>
      </c>
      <c r="D10" s="277">
        <v>0</v>
      </c>
      <c r="E10" s="278">
        <v>0</v>
      </c>
      <c r="F10" s="279">
        <v>0</v>
      </c>
      <c r="G10" s="280">
        <v>0</v>
      </c>
      <c r="H10" s="280">
        <v>0</v>
      </c>
      <c r="I10" s="280">
        <v>0</v>
      </c>
      <c r="J10" s="280">
        <v>0</v>
      </c>
      <c r="K10" s="280">
        <v>0</v>
      </c>
      <c r="L10" s="281">
        <v>0</v>
      </c>
      <c r="M10" s="282">
        <v>0</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80</v>
      </c>
      <c r="AD10" s="280">
        <v>35</v>
      </c>
      <c r="AE10" s="280">
        <v>15</v>
      </c>
      <c r="AF10" s="280">
        <v>5</v>
      </c>
      <c r="AG10" s="280">
        <v>4</v>
      </c>
      <c r="AH10" s="277">
        <v>139</v>
      </c>
      <c r="AI10" s="282">
        <v>139</v>
      </c>
      <c r="AJ10" s="276">
        <v>0</v>
      </c>
      <c r="AK10" s="280">
        <v>0</v>
      </c>
      <c r="AL10" s="277">
        <v>0</v>
      </c>
      <c r="AM10" s="279">
        <v>0</v>
      </c>
      <c r="AN10" s="280">
        <v>9</v>
      </c>
      <c r="AO10" s="280">
        <v>11</v>
      </c>
      <c r="AP10" s="280">
        <v>7</v>
      </c>
      <c r="AQ10" s="280">
        <v>3</v>
      </c>
      <c r="AR10" s="280">
        <v>1</v>
      </c>
      <c r="AS10" s="277">
        <v>31</v>
      </c>
      <c r="AT10" s="282">
        <v>31</v>
      </c>
      <c r="AU10" s="276">
        <v>3</v>
      </c>
      <c r="AV10" s="280">
        <v>1</v>
      </c>
      <c r="AW10" s="277">
        <v>4</v>
      </c>
      <c r="AX10" s="279">
        <v>0</v>
      </c>
      <c r="AY10" s="280">
        <v>3</v>
      </c>
      <c r="AZ10" s="280">
        <v>3</v>
      </c>
      <c r="BA10" s="280">
        <v>0</v>
      </c>
      <c r="BB10" s="280">
        <v>1</v>
      </c>
      <c r="BC10" s="280">
        <v>0</v>
      </c>
      <c r="BD10" s="277">
        <v>7</v>
      </c>
      <c r="BE10" s="282">
        <v>11</v>
      </c>
      <c r="BF10" s="276">
        <v>0</v>
      </c>
      <c r="BG10" s="280">
        <v>0</v>
      </c>
      <c r="BH10" s="277">
        <v>0</v>
      </c>
      <c r="BI10" s="279">
        <v>0</v>
      </c>
      <c r="BJ10" s="280">
        <v>11</v>
      </c>
      <c r="BK10" s="280">
        <v>3</v>
      </c>
      <c r="BL10" s="280">
        <v>13</v>
      </c>
      <c r="BM10" s="280">
        <v>12</v>
      </c>
      <c r="BN10" s="280">
        <v>2</v>
      </c>
      <c r="BO10" s="281">
        <v>41</v>
      </c>
      <c r="BP10" s="282">
        <v>41</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v>
      </c>
      <c r="CR10" s="280">
        <v>1</v>
      </c>
      <c r="CS10" s="280">
        <v>1</v>
      </c>
      <c r="CT10" s="280">
        <v>2</v>
      </c>
      <c r="CU10" s="280">
        <v>1</v>
      </c>
      <c r="CV10" s="277">
        <v>6</v>
      </c>
      <c r="CW10" s="282">
        <v>6</v>
      </c>
    </row>
    <row r="11" spans="1:101" ht="21" customHeight="1" x14ac:dyDescent="0.2">
      <c r="B11" s="261" t="s">
        <v>8</v>
      </c>
      <c r="C11" s="276">
        <v>0</v>
      </c>
      <c r="D11" s="277">
        <v>0</v>
      </c>
      <c r="E11" s="278">
        <v>0</v>
      </c>
      <c r="F11" s="279">
        <v>0</v>
      </c>
      <c r="G11" s="280">
        <v>0</v>
      </c>
      <c r="H11" s="280">
        <v>0</v>
      </c>
      <c r="I11" s="280">
        <v>0</v>
      </c>
      <c r="J11" s="280">
        <v>0</v>
      </c>
      <c r="K11" s="280">
        <v>0</v>
      </c>
      <c r="L11" s="281">
        <v>0</v>
      </c>
      <c r="M11" s="282">
        <v>0</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39</v>
      </c>
      <c r="AD11" s="280">
        <v>28</v>
      </c>
      <c r="AE11" s="280">
        <v>9</v>
      </c>
      <c r="AF11" s="280">
        <v>5</v>
      </c>
      <c r="AG11" s="280">
        <v>2</v>
      </c>
      <c r="AH11" s="277">
        <v>83</v>
      </c>
      <c r="AI11" s="282">
        <v>83</v>
      </c>
      <c r="AJ11" s="276">
        <v>0</v>
      </c>
      <c r="AK11" s="280">
        <v>0</v>
      </c>
      <c r="AL11" s="277">
        <v>0</v>
      </c>
      <c r="AM11" s="279">
        <v>0</v>
      </c>
      <c r="AN11" s="280">
        <v>0</v>
      </c>
      <c r="AO11" s="280">
        <v>0</v>
      </c>
      <c r="AP11" s="280">
        <v>0</v>
      </c>
      <c r="AQ11" s="280">
        <v>1</v>
      </c>
      <c r="AR11" s="280">
        <v>0</v>
      </c>
      <c r="AS11" s="277">
        <v>1</v>
      </c>
      <c r="AT11" s="282">
        <v>1</v>
      </c>
      <c r="AU11" s="276">
        <v>2</v>
      </c>
      <c r="AV11" s="280">
        <v>0</v>
      </c>
      <c r="AW11" s="277">
        <v>2</v>
      </c>
      <c r="AX11" s="279">
        <v>0</v>
      </c>
      <c r="AY11" s="280">
        <v>3</v>
      </c>
      <c r="AZ11" s="280">
        <v>2</v>
      </c>
      <c r="BA11" s="280">
        <v>2</v>
      </c>
      <c r="BB11" s="280">
        <v>1</v>
      </c>
      <c r="BC11" s="280">
        <v>0</v>
      </c>
      <c r="BD11" s="277">
        <v>8</v>
      </c>
      <c r="BE11" s="282">
        <v>10</v>
      </c>
      <c r="BF11" s="276">
        <v>0</v>
      </c>
      <c r="BG11" s="280">
        <v>0</v>
      </c>
      <c r="BH11" s="277">
        <v>0</v>
      </c>
      <c r="BI11" s="279">
        <v>0</v>
      </c>
      <c r="BJ11" s="280">
        <v>4</v>
      </c>
      <c r="BK11" s="280">
        <v>4</v>
      </c>
      <c r="BL11" s="280">
        <v>3</v>
      </c>
      <c r="BM11" s="280">
        <v>4</v>
      </c>
      <c r="BN11" s="280">
        <v>2</v>
      </c>
      <c r="BO11" s="281">
        <v>17</v>
      </c>
      <c r="BP11" s="282">
        <v>17</v>
      </c>
      <c r="BQ11" s="276">
        <v>0</v>
      </c>
      <c r="BR11" s="280">
        <v>0</v>
      </c>
      <c r="BS11" s="277">
        <v>0</v>
      </c>
      <c r="BT11" s="279">
        <v>0</v>
      </c>
      <c r="BU11" s="280">
        <v>0</v>
      </c>
      <c r="BV11" s="280">
        <v>0</v>
      </c>
      <c r="BW11" s="280">
        <v>1</v>
      </c>
      <c r="BX11" s="280">
        <v>2</v>
      </c>
      <c r="BY11" s="280">
        <v>0</v>
      </c>
      <c r="BZ11" s="277">
        <v>3</v>
      </c>
      <c r="CA11" s="282">
        <v>3</v>
      </c>
      <c r="CB11" s="276">
        <v>0</v>
      </c>
      <c r="CC11" s="280">
        <v>0</v>
      </c>
      <c r="CD11" s="277">
        <v>0</v>
      </c>
      <c r="CE11" s="279">
        <v>0</v>
      </c>
      <c r="CF11" s="280">
        <v>0</v>
      </c>
      <c r="CG11" s="280">
        <v>0</v>
      </c>
      <c r="CH11" s="280">
        <v>0</v>
      </c>
      <c r="CI11" s="280">
        <v>0</v>
      </c>
      <c r="CJ11" s="280">
        <v>0</v>
      </c>
      <c r="CK11" s="277">
        <v>0</v>
      </c>
      <c r="CL11" s="282">
        <v>0</v>
      </c>
      <c r="CM11" s="276">
        <v>0</v>
      </c>
      <c r="CN11" s="280">
        <v>0</v>
      </c>
      <c r="CO11" s="277">
        <v>0</v>
      </c>
      <c r="CP11" s="279">
        <v>0</v>
      </c>
      <c r="CQ11" s="280">
        <v>3</v>
      </c>
      <c r="CR11" s="280">
        <v>0</v>
      </c>
      <c r="CS11" s="280">
        <v>1</v>
      </c>
      <c r="CT11" s="280">
        <v>1</v>
      </c>
      <c r="CU11" s="280">
        <v>2</v>
      </c>
      <c r="CV11" s="277">
        <v>7</v>
      </c>
      <c r="CW11" s="282">
        <v>7</v>
      </c>
    </row>
    <row r="12" spans="1:101" ht="21" customHeight="1" x14ac:dyDescent="0.2">
      <c r="B12" s="261" t="s">
        <v>9</v>
      </c>
      <c r="C12" s="276">
        <v>0</v>
      </c>
      <c r="D12" s="277">
        <v>0</v>
      </c>
      <c r="E12" s="278">
        <v>0</v>
      </c>
      <c r="F12" s="279">
        <v>0</v>
      </c>
      <c r="G12" s="280">
        <v>0</v>
      </c>
      <c r="H12" s="280">
        <v>0</v>
      </c>
      <c r="I12" s="280">
        <v>0</v>
      </c>
      <c r="J12" s="280">
        <v>0</v>
      </c>
      <c r="K12" s="280">
        <v>0</v>
      </c>
      <c r="L12" s="281">
        <v>0</v>
      </c>
      <c r="M12" s="282">
        <v>0</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36</v>
      </c>
      <c r="AD12" s="280">
        <v>26</v>
      </c>
      <c r="AE12" s="280">
        <v>11</v>
      </c>
      <c r="AF12" s="280">
        <v>12</v>
      </c>
      <c r="AG12" s="280">
        <v>2</v>
      </c>
      <c r="AH12" s="277">
        <v>87</v>
      </c>
      <c r="AI12" s="282">
        <v>87</v>
      </c>
      <c r="AJ12" s="276">
        <v>0</v>
      </c>
      <c r="AK12" s="280">
        <v>0</v>
      </c>
      <c r="AL12" s="277">
        <v>0</v>
      </c>
      <c r="AM12" s="279">
        <v>0</v>
      </c>
      <c r="AN12" s="280">
        <v>0</v>
      </c>
      <c r="AO12" s="280">
        <v>2</v>
      </c>
      <c r="AP12" s="280">
        <v>1</v>
      </c>
      <c r="AQ12" s="280">
        <v>2</v>
      </c>
      <c r="AR12" s="280">
        <v>0</v>
      </c>
      <c r="AS12" s="277">
        <v>5</v>
      </c>
      <c r="AT12" s="282">
        <v>5</v>
      </c>
      <c r="AU12" s="276">
        <v>1</v>
      </c>
      <c r="AV12" s="280">
        <v>0</v>
      </c>
      <c r="AW12" s="277">
        <v>1</v>
      </c>
      <c r="AX12" s="279">
        <v>0</v>
      </c>
      <c r="AY12" s="280">
        <v>4</v>
      </c>
      <c r="AZ12" s="280">
        <v>2</v>
      </c>
      <c r="BA12" s="280">
        <v>2</v>
      </c>
      <c r="BB12" s="280">
        <v>1</v>
      </c>
      <c r="BC12" s="280">
        <v>0</v>
      </c>
      <c r="BD12" s="277">
        <v>9</v>
      </c>
      <c r="BE12" s="282">
        <v>10</v>
      </c>
      <c r="BF12" s="276">
        <v>0</v>
      </c>
      <c r="BG12" s="280">
        <v>0</v>
      </c>
      <c r="BH12" s="277">
        <v>0</v>
      </c>
      <c r="BI12" s="279">
        <v>0</v>
      </c>
      <c r="BJ12" s="280">
        <v>4</v>
      </c>
      <c r="BK12" s="280">
        <v>3</v>
      </c>
      <c r="BL12" s="280">
        <v>4</v>
      </c>
      <c r="BM12" s="280">
        <v>3</v>
      </c>
      <c r="BN12" s="280">
        <v>5</v>
      </c>
      <c r="BO12" s="281">
        <v>19</v>
      </c>
      <c r="BP12" s="282">
        <v>19</v>
      </c>
      <c r="BQ12" s="276">
        <v>0</v>
      </c>
      <c r="BR12" s="280">
        <v>0</v>
      </c>
      <c r="BS12" s="277">
        <v>0</v>
      </c>
      <c r="BT12" s="279">
        <v>0</v>
      </c>
      <c r="BU12" s="280">
        <v>1</v>
      </c>
      <c r="BV12" s="280">
        <v>0</v>
      </c>
      <c r="BW12" s="280">
        <v>0</v>
      </c>
      <c r="BX12" s="280">
        <v>0</v>
      </c>
      <c r="BY12" s="280">
        <v>0</v>
      </c>
      <c r="BZ12" s="277">
        <v>1</v>
      </c>
      <c r="CA12" s="282">
        <v>1</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4</v>
      </c>
      <c r="CT12" s="280">
        <v>0</v>
      </c>
      <c r="CU12" s="280">
        <v>0</v>
      </c>
      <c r="CV12" s="277">
        <v>5</v>
      </c>
      <c r="CW12" s="282">
        <v>5</v>
      </c>
    </row>
    <row r="13" spans="1:101" ht="21" customHeight="1" x14ac:dyDescent="0.2">
      <c r="B13" s="261" t="s">
        <v>10</v>
      </c>
      <c r="C13" s="276">
        <v>0</v>
      </c>
      <c r="D13" s="277">
        <v>0</v>
      </c>
      <c r="E13" s="278">
        <v>0</v>
      </c>
      <c r="F13" s="279">
        <v>0</v>
      </c>
      <c r="G13" s="280">
        <v>4</v>
      </c>
      <c r="H13" s="280">
        <v>2</v>
      </c>
      <c r="I13" s="280">
        <v>0</v>
      </c>
      <c r="J13" s="280">
        <v>1</v>
      </c>
      <c r="K13" s="280">
        <v>1</v>
      </c>
      <c r="L13" s="281">
        <v>8</v>
      </c>
      <c r="M13" s="282">
        <v>8</v>
      </c>
      <c r="N13" s="276">
        <v>0</v>
      </c>
      <c r="O13" s="280">
        <v>0</v>
      </c>
      <c r="P13" s="277">
        <v>0</v>
      </c>
      <c r="Q13" s="279">
        <v>0</v>
      </c>
      <c r="R13" s="280">
        <v>1</v>
      </c>
      <c r="S13" s="280">
        <v>1</v>
      </c>
      <c r="T13" s="280">
        <v>3</v>
      </c>
      <c r="U13" s="280">
        <v>0</v>
      </c>
      <c r="V13" s="280">
        <v>0</v>
      </c>
      <c r="W13" s="277">
        <v>5</v>
      </c>
      <c r="X13" s="282">
        <v>5</v>
      </c>
      <c r="Y13" s="276">
        <v>0</v>
      </c>
      <c r="Z13" s="280">
        <v>0</v>
      </c>
      <c r="AA13" s="277">
        <v>0</v>
      </c>
      <c r="AB13" s="279">
        <v>0</v>
      </c>
      <c r="AC13" s="280">
        <v>40</v>
      </c>
      <c r="AD13" s="280">
        <v>26</v>
      </c>
      <c r="AE13" s="280">
        <v>5</v>
      </c>
      <c r="AF13" s="280">
        <v>3</v>
      </c>
      <c r="AG13" s="280">
        <v>1</v>
      </c>
      <c r="AH13" s="277">
        <v>75</v>
      </c>
      <c r="AI13" s="282">
        <v>75</v>
      </c>
      <c r="AJ13" s="276">
        <v>0</v>
      </c>
      <c r="AK13" s="280">
        <v>0</v>
      </c>
      <c r="AL13" s="277">
        <v>0</v>
      </c>
      <c r="AM13" s="279">
        <v>0</v>
      </c>
      <c r="AN13" s="280">
        <v>2</v>
      </c>
      <c r="AO13" s="280">
        <v>1</v>
      </c>
      <c r="AP13" s="280">
        <v>4</v>
      </c>
      <c r="AQ13" s="280">
        <v>0</v>
      </c>
      <c r="AR13" s="280">
        <v>1</v>
      </c>
      <c r="AS13" s="277">
        <v>8</v>
      </c>
      <c r="AT13" s="282">
        <v>8</v>
      </c>
      <c r="AU13" s="276">
        <v>0</v>
      </c>
      <c r="AV13" s="280">
        <v>0</v>
      </c>
      <c r="AW13" s="277">
        <v>0</v>
      </c>
      <c r="AX13" s="279">
        <v>0</v>
      </c>
      <c r="AY13" s="280">
        <v>3</v>
      </c>
      <c r="AZ13" s="280">
        <v>4</v>
      </c>
      <c r="BA13" s="280">
        <v>2</v>
      </c>
      <c r="BB13" s="280">
        <v>5</v>
      </c>
      <c r="BC13" s="280">
        <v>0</v>
      </c>
      <c r="BD13" s="277">
        <v>14</v>
      </c>
      <c r="BE13" s="282">
        <v>14</v>
      </c>
      <c r="BF13" s="276">
        <v>0</v>
      </c>
      <c r="BG13" s="280">
        <v>0</v>
      </c>
      <c r="BH13" s="277">
        <v>0</v>
      </c>
      <c r="BI13" s="279">
        <v>0</v>
      </c>
      <c r="BJ13" s="280">
        <v>4</v>
      </c>
      <c r="BK13" s="280">
        <v>12</v>
      </c>
      <c r="BL13" s="280">
        <v>5</v>
      </c>
      <c r="BM13" s="280">
        <v>7</v>
      </c>
      <c r="BN13" s="280">
        <v>3</v>
      </c>
      <c r="BO13" s="281">
        <v>31</v>
      </c>
      <c r="BP13" s="282">
        <v>31</v>
      </c>
      <c r="BQ13" s="276">
        <v>0</v>
      </c>
      <c r="BR13" s="280">
        <v>0</v>
      </c>
      <c r="BS13" s="277">
        <v>0</v>
      </c>
      <c r="BT13" s="279">
        <v>0</v>
      </c>
      <c r="BU13" s="280">
        <v>1</v>
      </c>
      <c r="BV13" s="280">
        <v>3</v>
      </c>
      <c r="BW13" s="280">
        <v>3</v>
      </c>
      <c r="BX13" s="280">
        <v>2</v>
      </c>
      <c r="BY13" s="280">
        <v>4</v>
      </c>
      <c r="BZ13" s="277">
        <v>13</v>
      </c>
      <c r="CA13" s="282">
        <v>13</v>
      </c>
      <c r="CB13" s="276">
        <v>0</v>
      </c>
      <c r="CC13" s="280">
        <v>0</v>
      </c>
      <c r="CD13" s="277">
        <v>0</v>
      </c>
      <c r="CE13" s="279">
        <v>0</v>
      </c>
      <c r="CF13" s="280">
        <v>0</v>
      </c>
      <c r="CG13" s="280">
        <v>1</v>
      </c>
      <c r="CH13" s="280">
        <v>1</v>
      </c>
      <c r="CI13" s="280">
        <v>1</v>
      </c>
      <c r="CJ13" s="280">
        <v>4</v>
      </c>
      <c r="CK13" s="277">
        <v>7</v>
      </c>
      <c r="CL13" s="282">
        <v>7</v>
      </c>
      <c r="CM13" s="276">
        <v>0</v>
      </c>
      <c r="CN13" s="280">
        <v>0</v>
      </c>
      <c r="CO13" s="277">
        <v>0</v>
      </c>
      <c r="CP13" s="279">
        <v>0</v>
      </c>
      <c r="CQ13" s="280">
        <v>2</v>
      </c>
      <c r="CR13" s="280">
        <v>1</v>
      </c>
      <c r="CS13" s="280">
        <v>4</v>
      </c>
      <c r="CT13" s="280">
        <v>2</v>
      </c>
      <c r="CU13" s="280">
        <v>1</v>
      </c>
      <c r="CV13" s="277">
        <v>10</v>
      </c>
      <c r="CW13" s="282">
        <v>10</v>
      </c>
    </row>
    <row r="14" spans="1:101" ht="21" customHeight="1" x14ac:dyDescent="0.2">
      <c r="B14" s="261" t="s">
        <v>11</v>
      </c>
      <c r="C14" s="276">
        <v>0</v>
      </c>
      <c r="D14" s="277">
        <v>0</v>
      </c>
      <c r="E14" s="278">
        <v>0</v>
      </c>
      <c r="F14" s="279">
        <v>0</v>
      </c>
      <c r="G14" s="280">
        <v>1</v>
      </c>
      <c r="H14" s="280">
        <v>0</v>
      </c>
      <c r="I14" s="280">
        <v>2</v>
      </c>
      <c r="J14" s="280">
        <v>0</v>
      </c>
      <c r="K14" s="280">
        <v>1</v>
      </c>
      <c r="L14" s="281">
        <v>4</v>
      </c>
      <c r="M14" s="282">
        <v>4</v>
      </c>
      <c r="N14" s="276">
        <v>0</v>
      </c>
      <c r="O14" s="280">
        <v>0</v>
      </c>
      <c r="P14" s="277">
        <v>0</v>
      </c>
      <c r="Q14" s="279">
        <v>0</v>
      </c>
      <c r="R14" s="280">
        <v>0</v>
      </c>
      <c r="S14" s="280">
        <v>0</v>
      </c>
      <c r="T14" s="280">
        <v>0</v>
      </c>
      <c r="U14" s="280">
        <v>1</v>
      </c>
      <c r="V14" s="280">
        <v>0</v>
      </c>
      <c r="W14" s="277">
        <v>1</v>
      </c>
      <c r="X14" s="282">
        <v>1</v>
      </c>
      <c r="Y14" s="276">
        <v>0</v>
      </c>
      <c r="Z14" s="280">
        <v>0</v>
      </c>
      <c r="AA14" s="277">
        <v>0</v>
      </c>
      <c r="AB14" s="279">
        <v>0</v>
      </c>
      <c r="AC14" s="280">
        <v>21</v>
      </c>
      <c r="AD14" s="280">
        <v>7</v>
      </c>
      <c r="AE14" s="280">
        <v>9</v>
      </c>
      <c r="AF14" s="280">
        <v>4</v>
      </c>
      <c r="AG14" s="280">
        <v>1</v>
      </c>
      <c r="AH14" s="277">
        <v>42</v>
      </c>
      <c r="AI14" s="282">
        <v>42</v>
      </c>
      <c r="AJ14" s="276">
        <v>0</v>
      </c>
      <c r="AK14" s="280">
        <v>0</v>
      </c>
      <c r="AL14" s="277">
        <v>0</v>
      </c>
      <c r="AM14" s="279">
        <v>0</v>
      </c>
      <c r="AN14" s="280">
        <v>1</v>
      </c>
      <c r="AO14" s="280">
        <v>3</v>
      </c>
      <c r="AP14" s="280">
        <v>1</v>
      </c>
      <c r="AQ14" s="280">
        <v>0</v>
      </c>
      <c r="AR14" s="280">
        <v>0</v>
      </c>
      <c r="AS14" s="277">
        <v>5</v>
      </c>
      <c r="AT14" s="282">
        <v>5</v>
      </c>
      <c r="AU14" s="276">
        <v>0</v>
      </c>
      <c r="AV14" s="280">
        <v>0</v>
      </c>
      <c r="AW14" s="277">
        <v>0</v>
      </c>
      <c r="AX14" s="279">
        <v>0</v>
      </c>
      <c r="AY14" s="280">
        <v>2</v>
      </c>
      <c r="AZ14" s="280">
        <v>2</v>
      </c>
      <c r="BA14" s="280">
        <v>3</v>
      </c>
      <c r="BB14" s="280">
        <v>2</v>
      </c>
      <c r="BC14" s="280">
        <v>1</v>
      </c>
      <c r="BD14" s="277">
        <v>10</v>
      </c>
      <c r="BE14" s="282">
        <v>10</v>
      </c>
      <c r="BF14" s="276">
        <v>0</v>
      </c>
      <c r="BG14" s="280">
        <v>0</v>
      </c>
      <c r="BH14" s="277">
        <v>0</v>
      </c>
      <c r="BI14" s="279">
        <v>0</v>
      </c>
      <c r="BJ14" s="280">
        <v>0</v>
      </c>
      <c r="BK14" s="280">
        <v>2</v>
      </c>
      <c r="BL14" s="280">
        <v>2</v>
      </c>
      <c r="BM14" s="280">
        <v>3</v>
      </c>
      <c r="BN14" s="280">
        <v>0</v>
      </c>
      <c r="BO14" s="281">
        <v>7</v>
      </c>
      <c r="BP14" s="282">
        <v>7</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1</v>
      </c>
      <c r="CS14" s="280">
        <v>0</v>
      </c>
      <c r="CT14" s="280">
        <v>1</v>
      </c>
      <c r="CU14" s="280">
        <v>0</v>
      </c>
      <c r="CV14" s="277">
        <v>2</v>
      </c>
      <c r="CW14" s="282">
        <v>2</v>
      </c>
    </row>
    <row r="15" spans="1:101" ht="21" customHeight="1" x14ac:dyDescent="0.2">
      <c r="B15" s="261" t="s">
        <v>12</v>
      </c>
      <c r="C15" s="276">
        <v>0</v>
      </c>
      <c r="D15" s="277">
        <v>0</v>
      </c>
      <c r="E15" s="278">
        <v>0</v>
      </c>
      <c r="F15" s="279">
        <v>0</v>
      </c>
      <c r="G15" s="280">
        <v>1</v>
      </c>
      <c r="H15" s="280">
        <v>1</v>
      </c>
      <c r="I15" s="280">
        <v>0</v>
      </c>
      <c r="J15" s="280">
        <v>1</v>
      </c>
      <c r="K15" s="280">
        <v>0</v>
      </c>
      <c r="L15" s="281">
        <v>3</v>
      </c>
      <c r="M15" s="282">
        <v>3</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2</v>
      </c>
      <c r="AD15" s="280">
        <v>19</v>
      </c>
      <c r="AE15" s="280">
        <v>17</v>
      </c>
      <c r="AF15" s="280">
        <v>2</v>
      </c>
      <c r="AG15" s="280">
        <v>1</v>
      </c>
      <c r="AH15" s="277">
        <v>71</v>
      </c>
      <c r="AI15" s="282">
        <v>71</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3</v>
      </c>
      <c r="AZ15" s="280">
        <v>1</v>
      </c>
      <c r="BA15" s="280">
        <v>4</v>
      </c>
      <c r="BB15" s="280">
        <v>6</v>
      </c>
      <c r="BC15" s="280">
        <v>2</v>
      </c>
      <c r="BD15" s="277">
        <v>16</v>
      </c>
      <c r="BE15" s="282">
        <v>16</v>
      </c>
      <c r="BF15" s="276">
        <v>0</v>
      </c>
      <c r="BG15" s="280">
        <v>0</v>
      </c>
      <c r="BH15" s="277">
        <v>0</v>
      </c>
      <c r="BI15" s="279">
        <v>0</v>
      </c>
      <c r="BJ15" s="280">
        <v>6</v>
      </c>
      <c r="BK15" s="280">
        <v>3</v>
      </c>
      <c r="BL15" s="280">
        <v>3</v>
      </c>
      <c r="BM15" s="280">
        <v>4</v>
      </c>
      <c r="BN15" s="280">
        <v>1</v>
      </c>
      <c r="BO15" s="281">
        <v>17</v>
      </c>
      <c r="BP15" s="282">
        <v>17</v>
      </c>
      <c r="BQ15" s="276">
        <v>0</v>
      </c>
      <c r="BR15" s="280">
        <v>0</v>
      </c>
      <c r="BS15" s="277">
        <v>0</v>
      </c>
      <c r="BT15" s="279">
        <v>0</v>
      </c>
      <c r="BU15" s="280">
        <v>0</v>
      </c>
      <c r="BV15" s="280">
        <v>2</v>
      </c>
      <c r="BW15" s="280">
        <v>0</v>
      </c>
      <c r="BX15" s="280">
        <v>3</v>
      </c>
      <c r="BY15" s="280">
        <v>0</v>
      </c>
      <c r="BZ15" s="277">
        <v>5</v>
      </c>
      <c r="CA15" s="282">
        <v>5</v>
      </c>
      <c r="CB15" s="276">
        <v>0</v>
      </c>
      <c r="CC15" s="280">
        <v>0</v>
      </c>
      <c r="CD15" s="277">
        <v>0</v>
      </c>
      <c r="CE15" s="279">
        <v>0</v>
      </c>
      <c r="CF15" s="280">
        <v>0</v>
      </c>
      <c r="CG15" s="280">
        <v>0</v>
      </c>
      <c r="CH15" s="280">
        <v>0</v>
      </c>
      <c r="CI15" s="280">
        <v>1</v>
      </c>
      <c r="CJ15" s="280">
        <v>1</v>
      </c>
      <c r="CK15" s="277">
        <v>2</v>
      </c>
      <c r="CL15" s="282">
        <v>2</v>
      </c>
      <c r="CM15" s="276">
        <v>0</v>
      </c>
      <c r="CN15" s="280">
        <v>0</v>
      </c>
      <c r="CO15" s="277">
        <v>0</v>
      </c>
      <c r="CP15" s="279">
        <v>0</v>
      </c>
      <c r="CQ15" s="280">
        <v>1</v>
      </c>
      <c r="CR15" s="280">
        <v>0</v>
      </c>
      <c r="CS15" s="280">
        <v>2</v>
      </c>
      <c r="CT15" s="280">
        <v>4</v>
      </c>
      <c r="CU15" s="280">
        <v>0</v>
      </c>
      <c r="CV15" s="277">
        <v>7</v>
      </c>
      <c r="CW15" s="282">
        <v>7</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8</v>
      </c>
      <c r="AD16" s="280">
        <v>10</v>
      </c>
      <c r="AE16" s="280">
        <v>4</v>
      </c>
      <c r="AF16" s="280">
        <v>3</v>
      </c>
      <c r="AG16" s="280">
        <v>1</v>
      </c>
      <c r="AH16" s="277">
        <v>26</v>
      </c>
      <c r="AI16" s="282">
        <v>26</v>
      </c>
      <c r="AJ16" s="276">
        <v>0</v>
      </c>
      <c r="AK16" s="280">
        <v>0</v>
      </c>
      <c r="AL16" s="277">
        <v>0</v>
      </c>
      <c r="AM16" s="279">
        <v>0</v>
      </c>
      <c r="AN16" s="280">
        <v>0</v>
      </c>
      <c r="AO16" s="280">
        <v>1</v>
      </c>
      <c r="AP16" s="280">
        <v>1</v>
      </c>
      <c r="AQ16" s="280">
        <v>1</v>
      </c>
      <c r="AR16" s="280">
        <v>1</v>
      </c>
      <c r="AS16" s="277">
        <v>4</v>
      </c>
      <c r="AT16" s="282">
        <v>4</v>
      </c>
      <c r="AU16" s="276">
        <v>0</v>
      </c>
      <c r="AV16" s="280">
        <v>0</v>
      </c>
      <c r="AW16" s="277">
        <v>0</v>
      </c>
      <c r="AX16" s="279">
        <v>0</v>
      </c>
      <c r="AY16" s="280">
        <v>2</v>
      </c>
      <c r="AZ16" s="280">
        <v>1</v>
      </c>
      <c r="BA16" s="280">
        <v>1</v>
      </c>
      <c r="BB16" s="280">
        <v>1</v>
      </c>
      <c r="BC16" s="280">
        <v>0</v>
      </c>
      <c r="BD16" s="277">
        <v>5</v>
      </c>
      <c r="BE16" s="282">
        <v>5</v>
      </c>
      <c r="BF16" s="276">
        <v>0</v>
      </c>
      <c r="BG16" s="280">
        <v>0</v>
      </c>
      <c r="BH16" s="277">
        <v>0</v>
      </c>
      <c r="BI16" s="279">
        <v>0</v>
      </c>
      <c r="BJ16" s="280">
        <v>1</v>
      </c>
      <c r="BK16" s="280">
        <v>0</v>
      </c>
      <c r="BL16" s="280">
        <v>0</v>
      </c>
      <c r="BM16" s="280">
        <v>0</v>
      </c>
      <c r="BN16" s="280">
        <v>0</v>
      </c>
      <c r="BO16" s="281">
        <v>1</v>
      </c>
      <c r="BP16" s="282">
        <v>1</v>
      </c>
      <c r="BQ16" s="276">
        <v>0</v>
      </c>
      <c r="BR16" s="280">
        <v>0</v>
      </c>
      <c r="BS16" s="277">
        <v>0</v>
      </c>
      <c r="BT16" s="279">
        <v>0</v>
      </c>
      <c r="BU16" s="280">
        <v>0</v>
      </c>
      <c r="BV16" s="280">
        <v>0</v>
      </c>
      <c r="BW16" s="280">
        <v>0</v>
      </c>
      <c r="BX16" s="280">
        <v>2</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0</v>
      </c>
      <c r="J17" s="280">
        <v>0</v>
      </c>
      <c r="K17" s="280">
        <v>0</v>
      </c>
      <c r="L17" s="281">
        <v>0</v>
      </c>
      <c r="M17" s="282">
        <v>0</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6</v>
      </c>
      <c r="AD17" s="280">
        <v>11</v>
      </c>
      <c r="AE17" s="280">
        <v>4</v>
      </c>
      <c r="AF17" s="280">
        <v>2</v>
      </c>
      <c r="AG17" s="280">
        <v>1</v>
      </c>
      <c r="AH17" s="277">
        <v>24</v>
      </c>
      <c r="AI17" s="282">
        <v>24</v>
      </c>
      <c r="AJ17" s="276">
        <v>0</v>
      </c>
      <c r="AK17" s="280">
        <v>0</v>
      </c>
      <c r="AL17" s="277">
        <v>0</v>
      </c>
      <c r="AM17" s="279">
        <v>0</v>
      </c>
      <c r="AN17" s="280">
        <v>0</v>
      </c>
      <c r="AO17" s="280">
        <v>1</v>
      </c>
      <c r="AP17" s="280">
        <v>0</v>
      </c>
      <c r="AQ17" s="280">
        <v>0</v>
      </c>
      <c r="AR17" s="280">
        <v>0</v>
      </c>
      <c r="AS17" s="277">
        <v>1</v>
      </c>
      <c r="AT17" s="282">
        <v>1</v>
      </c>
      <c r="AU17" s="276">
        <v>0</v>
      </c>
      <c r="AV17" s="280">
        <v>0</v>
      </c>
      <c r="AW17" s="277">
        <v>0</v>
      </c>
      <c r="AX17" s="279">
        <v>0</v>
      </c>
      <c r="AY17" s="280">
        <v>0</v>
      </c>
      <c r="AZ17" s="280">
        <v>2</v>
      </c>
      <c r="BA17" s="280">
        <v>0</v>
      </c>
      <c r="BB17" s="280">
        <v>2</v>
      </c>
      <c r="BC17" s="280">
        <v>1</v>
      </c>
      <c r="BD17" s="277">
        <v>5</v>
      </c>
      <c r="BE17" s="282">
        <v>5</v>
      </c>
      <c r="BF17" s="276">
        <v>0</v>
      </c>
      <c r="BG17" s="280">
        <v>0</v>
      </c>
      <c r="BH17" s="277">
        <v>0</v>
      </c>
      <c r="BI17" s="279">
        <v>0</v>
      </c>
      <c r="BJ17" s="280">
        <v>2</v>
      </c>
      <c r="BK17" s="280">
        <v>1</v>
      </c>
      <c r="BL17" s="280">
        <v>0</v>
      </c>
      <c r="BM17" s="280">
        <v>2</v>
      </c>
      <c r="BN17" s="280">
        <v>0</v>
      </c>
      <c r="BO17" s="281">
        <v>5</v>
      </c>
      <c r="BP17" s="282">
        <v>5</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2</v>
      </c>
      <c r="J18" s="280">
        <v>2</v>
      </c>
      <c r="K18" s="280">
        <v>0</v>
      </c>
      <c r="L18" s="281">
        <v>4</v>
      </c>
      <c r="M18" s="282">
        <v>4</v>
      </c>
      <c r="N18" s="276">
        <v>0</v>
      </c>
      <c r="O18" s="280">
        <v>0</v>
      </c>
      <c r="P18" s="277">
        <v>0</v>
      </c>
      <c r="Q18" s="279">
        <v>0</v>
      </c>
      <c r="R18" s="280">
        <v>0</v>
      </c>
      <c r="S18" s="280">
        <v>0</v>
      </c>
      <c r="T18" s="280">
        <v>0</v>
      </c>
      <c r="U18" s="280">
        <v>0</v>
      </c>
      <c r="V18" s="280">
        <v>0</v>
      </c>
      <c r="W18" s="277">
        <v>0</v>
      </c>
      <c r="X18" s="282">
        <v>0</v>
      </c>
      <c r="Y18" s="276">
        <v>0</v>
      </c>
      <c r="Z18" s="280">
        <v>0</v>
      </c>
      <c r="AA18" s="277">
        <v>0</v>
      </c>
      <c r="AB18" s="279">
        <v>0</v>
      </c>
      <c r="AC18" s="280">
        <v>8</v>
      </c>
      <c r="AD18" s="280">
        <v>9</v>
      </c>
      <c r="AE18" s="280">
        <v>4</v>
      </c>
      <c r="AF18" s="280">
        <v>1</v>
      </c>
      <c r="AG18" s="280">
        <v>0</v>
      </c>
      <c r="AH18" s="277">
        <v>22</v>
      </c>
      <c r="AI18" s="282">
        <v>22</v>
      </c>
      <c r="AJ18" s="276">
        <v>0</v>
      </c>
      <c r="AK18" s="280">
        <v>0</v>
      </c>
      <c r="AL18" s="277">
        <v>0</v>
      </c>
      <c r="AM18" s="279">
        <v>0</v>
      </c>
      <c r="AN18" s="280">
        <v>1</v>
      </c>
      <c r="AO18" s="280">
        <v>0</v>
      </c>
      <c r="AP18" s="280">
        <v>1</v>
      </c>
      <c r="AQ18" s="280">
        <v>0</v>
      </c>
      <c r="AR18" s="280">
        <v>0</v>
      </c>
      <c r="AS18" s="277">
        <v>2</v>
      </c>
      <c r="AT18" s="282">
        <v>2</v>
      </c>
      <c r="AU18" s="276">
        <v>0</v>
      </c>
      <c r="AV18" s="280">
        <v>0</v>
      </c>
      <c r="AW18" s="277">
        <v>0</v>
      </c>
      <c r="AX18" s="279">
        <v>0</v>
      </c>
      <c r="AY18" s="280">
        <v>0</v>
      </c>
      <c r="AZ18" s="280">
        <v>2</v>
      </c>
      <c r="BA18" s="280">
        <v>2</v>
      </c>
      <c r="BB18" s="280">
        <v>0</v>
      </c>
      <c r="BC18" s="280">
        <v>0</v>
      </c>
      <c r="BD18" s="277">
        <v>4</v>
      </c>
      <c r="BE18" s="282">
        <v>4</v>
      </c>
      <c r="BF18" s="276">
        <v>0</v>
      </c>
      <c r="BG18" s="280">
        <v>0</v>
      </c>
      <c r="BH18" s="277">
        <v>0</v>
      </c>
      <c r="BI18" s="279">
        <v>0</v>
      </c>
      <c r="BJ18" s="280">
        <v>1</v>
      </c>
      <c r="BK18" s="280">
        <v>4</v>
      </c>
      <c r="BL18" s="280">
        <v>4</v>
      </c>
      <c r="BM18" s="280">
        <v>2</v>
      </c>
      <c r="BN18" s="280">
        <v>3</v>
      </c>
      <c r="BO18" s="281">
        <v>14</v>
      </c>
      <c r="BP18" s="282">
        <v>14</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1</v>
      </c>
      <c r="CR18" s="280">
        <v>1</v>
      </c>
      <c r="CS18" s="280">
        <v>1</v>
      </c>
      <c r="CT18" s="280">
        <v>0</v>
      </c>
      <c r="CU18" s="280">
        <v>1</v>
      </c>
      <c r="CV18" s="277">
        <v>4</v>
      </c>
      <c r="CW18" s="282">
        <v>4</v>
      </c>
    </row>
    <row r="19" spans="2:101" ht="21" customHeight="1" x14ac:dyDescent="0.2">
      <c r="B19" s="261" t="s">
        <v>17</v>
      </c>
      <c r="C19" s="276">
        <v>0</v>
      </c>
      <c r="D19" s="277">
        <v>0</v>
      </c>
      <c r="E19" s="278">
        <v>0</v>
      </c>
      <c r="F19" s="279">
        <v>0</v>
      </c>
      <c r="G19" s="280">
        <v>0</v>
      </c>
      <c r="H19" s="280">
        <v>1</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0</v>
      </c>
      <c r="AD19" s="280">
        <v>15</v>
      </c>
      <c r="AE19" s="280">
        <v>7</v>
      </c>
      <c r="AF19" s="280">
        <v>2</v>
      </c>
      <c r="AG19" s="280">
        <v>2</v>
      </c>
      <c r="AH19" s="277">
        <v>46</v>
      </c>
      <c r="AI19" s="282">
        <v>46</v>
      </c>
      <c r="AJ19" s="276">
        <v>0</v>
      </c>
      <c r="AK19" s="280">
        <v>0</v>
      </c>
      <c r="AL19" s="277">
        <v>0</v>
      </c>
      <c r="AM19" s="279">
        <v>0</v>
      </c>
      <c r="AN19" s="280">
        <v>4</v>
      </c>
      <c r="AO19" s="280">
        <v>0</v>
      </c>
      <c r="AP19" s="280">
        <v>2</v>
      </c>
      <c r="AQ19" s="280">
        <v>0</v>
      </c>
      <c r="AR19" s="280">
        <v>0</v>
      </c>
      <c r="AS19" s="277">
        <v>6</v>
      </c>
      <c r="AT19" s="282">
        <v>6</v>
      </c>
      <c r="AU19" s="276">
        <v>0</v>
      </c>
      <c r="AV19" s="280">
        <v>0</v>
      </c>
      <c r="AW19" s="277">
        <v>0</v>
      </c>
      <c r="AX19" s="279">
        <v>0</v>
      </c>
      <c r="AY19" s="280">
        <v>1</v>
      </c>
      <c r="AZ19" s="280">
        <v>0</v>
      </c>
      <c r="BA19" s="280">
        <v>3</v>
      </c>
      <c r="BB19" s="280">
        <v>1</v>
      </c>
      <c r="BC19" s="280">
        <v>1</v>
      </c>
      <c r="BD19" s="277">
        <v>6</v>
      </c>
      <c r="BE19" s="282">
        <v>6</v>
      </c>
      <c r="BF19" s="276">
        <v>0</v>
      </c>
      <c r="BG19" s="280">
        <v>0</v>
      </c>
      <c r="BH19" s="277">
        <v>0</v>
      </c>
      <c r="BI19" s="279">
        <v>0</v>
      </c>
      <c r="BJ19" s="280">
        <v>0</v>
      </c>
      <c r="BK19" s="280">
        <v>6</v>
      </c>
      <c r="BL19" s="280">
        <v>3</v>
      </c>
      <c r="BM19" s="280">
        <v>1</v>
      </c>
      <c r="BN19" s="280">
        <v>0</v>
      </c>
      <c r="BO19" s="281">
        <v>10</v>
      </c>
      <c r="BP19" s="282">
        <v>10</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3</v>
      </c>
      <c r="CI19" s="280">
        <v>0</v>
      </c>
      <c r="CJ19" s="280">
        <v>0</v>
      </c>
      <c r="CK19" s="277">
        <v>3</v>
      </c>
      <c r="CL19" s="282">
        <v>3</v>
      </c>
      <c r="CM19" s="276">
        <v>0</v>
      </c>
      <c r="CN19" s="280">
        <v>0</v>
      </c>
      <c r="CO19" s="277">
        <v>0</v>
      </c>
      <c r="CP19" s="279">
        <v>0</v>
      </c>
      <c r="CQ19" s="280">
        <v>0</v>
      </c>
      <c r="CR19" s="280">
        <v>0</v>
      </c>
      <c r="CS19" s="280">
        <v>0</v>
      </c>
      <c r="CT19" s="280">
        <v>0</v>
      </c>
      <c r="CU19" s="280">
        <v>1</v>
      </c>
      <c r="CV19" s="277">
        <v>1</v>
      </c>
      <c r="CW19" s="282">
        <v>1</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1</v>
      </c>
      <c r="AD20" s="280">
        <v>14</v>
      </c>
      <c r="AE20" s="280">
        <v>5</v>
      </c>
      <c r="AF20" s="280">
        <v>2</v>
      </c>
      <c r="AG20" s="280">
        <v>0</v>
      </c>
      <c r="AH20" s="277">
        <v>42</v>
      </c>
      <c r="AI20" s="282">
        <v>42</v>
      </c>
      <c r="AJ20" s="276">
        <v>0</v>
      </c>
      <c r="AK20" s="280">
        <v>0</v>
      </c>
      <c r="AL20" s="277">
        <v>0</v>
      </c>
      <c r="AM20" s="279">
        <v>0</v>
      </c>
      <c r="AN20" s="280">
        <v>3</v>
      </c>
      <c r="AO20" s="280">
        <v>0</v>
      </c>
      <c r="AP20" s="280">
        <v>1</v>
      </c>
      <c r="AQ20" s="280">
        <v>0</v>
      </c>
      <c r="AR20" s="280">
        <v>1</v>
      </c>
      <c r="AS20" s="277">
        <v>5</v>
      </c>
      <c r="AT20" s="282">
        <v>5</v>
      </c>
      <c r="AU20" s="276">
        <v>2</v>
      </c>
      <c r="AV20" s="280">
        <v>0</v>
      </c>
      <c r="AW20" s="277">
        <v>2</v>
      </c>
      <c r="AX20" s="279">
        <v>0</v>
      </c>
      <c r="AY20" s="280">
        <v>5</v>
      </c>
      <c r="AZ20" s="280">
        <v>4</v>
      </c>
      <c r="BA20" s="280">
        <v>3</v>
      </c>
      <c r="BB20" s="280">
        <v>1</v>
      </c>
      <c r="BC20" s="280">
        <v>0</v>
      </c>
      <c r="BD20" s="277">
        <v>13</v>
      </c>
      <c r="BE20" s="282">
        <v>15</v>
      </c>
      <c r="BF20" s="276">
        <v>0</v>
      </c>
      <c r="BG20" s="280">
        <v>0</v>
      </c>
      <c r="BH20" s="277">
        <v>0</v>
      </c>
      <c r="BI20" s="279">
        <v>0</v>
      </c>
      <c r="BJ20" s="280">
        <v>0</v>
      </c>
      <c r="BK20" s="280">
        <v>5</v>
      </c>
      <c r="BL20" s="280">
        <v>5</v>
      </c>
      <c r="BM20" s="280">
        <v>3</v>
      </c>
      <c r="BN20" s="280">
        <v>3</v>
      </c>
      <c r="BO20" s="281">
        <v>16</v>
      </c>
      <c r="BP20" s="282">
        <v>16</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2</v>
      </c>
      <c r="CT20" s="280">
        <v>2</v>
      </c>
      <c r="CU20" s="280">
        <v>0</v>
      </c>
      <c r="CV20" s="277">
        <v>4</v>
      </c>
      <c r="CW20" s="282">
        <v>4</v>
      </c>
    </row>
    <row r="21" spans="2:101" ht="21" customHeight="1" x14ac:dyDescent="0.2">
      <c r="B21" s="261" t="s">
        <v>19</v>
      </c>
      <c r="C21" s="276">
        <v>0</v>
      </c>
      <c r="D21" s="277">
        <v>0</v>
      </c>
      <c r="E21" s="278">
        <v>0</v>
      </c>
      <c r="F21" s="279">
        <v>0</v>
      </c>
      <c r="G21" s="280">
        <v>1</v>
      </c>
      <c r="H21" s="280">
        <v>0</v>
      </c>
      <c r="I21" s="280">
        <v>0</v>
      </c>
      <c r="J21" s="280">
        <v>0</v>
      </c>
      <c r="K21" s="280">
        <v>0</v>
      </c>
      <c r="L21" s="281">
        <v>1</v>
      </c>
      <c r="M21" s="282">
        <v>1</v>
      </c>
      <c r="N21" s="276">
        <v>0</v>
      </c>
      <c r="O21" s="280">
        <v>0</v>
      </c>
      <c r="P21" s="277">
        <v>0</v>
      </c>
      <c r="Q21" s="279">
        <v>0</v>
      </c>
      <c r="R21" s="280">
        <v>0</v>
      </c>
      <c r="S21" s="280">
        <v>0</v>
      </c>
      <c r="T21" s="280">
        <v>0</v>
      </c>
      <c r="U21" s="280">
        <v>0</v>
      </c>
      <c r="V21" s="280">
        <v>0</v>
      </c>
      <c r="W21" s="277">
        <v>0</v>
      </c>
      <c r="X21" s="282">
        <v>0</v>
      </c>
      <c r="Y21" s="276">
        <v>0</v>
      </c>
      <c r="Z21" s="280">
        <v>0</v>
      </c>
      <c r="AA21" s="277">
        <v>0</v>
      </c>
      <c r="AB21" s="279">
        <v>0</v>
      </c>
      <c r="AC21" s="280">
        <v>4</v>
      </c>
      <c r="AD21" s="280">
        <v>2</v>
      </c>
      <c r="AE21" s="280">
        <v>0</v>
      </c>
      <c r="AF21" s="280">
        <v>2</v>
      </c>
      <c r="AG21" s="280">
        <v>0</v>
      </c>
      <c r="AH21" s="277">
        <v>8</v>
      </c>
      <c r="AI21" s="282">
        <v>8</v>
      </c>
      <c r="AJ21" s="276">
        <v>0</v>
      </c>
      <c r="AK21" s="280">
        <v>0</v>
      </c>
      <c r="AL21" s="277">
        <v>0</v>
      </c>
      <c r="AM21" s="279">
        <v>0</v>
      </c>
      <c r="AN21" s="280">
        <v>0</v>
      </c>
      <c r="AO21" s="280">
        <v>5</v>
      </c>
      <c r="AP21" s="280">
        <v>0</v>
      </c>
      <c r="AQ21" s="280">
        <v>0</v>
      </c>
      <c r="AR21" s="280">
        <v>0</v>
      </c>
      <c r="AS21" s="277">
        <v>5</v>
      </c>
      <c r="AT21" s="282">
        <v>5</v>
      </c>
      <c r="AU21" s="276">
        <v>0</v>
      </c>
      <c r="AV21" s="280">
        <v>1</v>
      </c>
      <c r="AW21" s="277">
        <v>1</v>
      </c>
      <c r="AX21" s="279">
        <v>0</v>
      </c>
      <c r="AY21" s="280">
        <v>2</v>
      </c>
      <c r="AZ21" s="280">
        <v>4</v>
      </c>
      <c r="BA21" s="280">
        <v>1</v>
      </c>
      <c r="BB21" s="280">
        <v>0</v>
      </c>
      <c r="BC21" s="280">
        <v>2</v>
      </c>
      <c r="BD21" s="277">
        <v>9</v>
      </c>
      <c r="BE21" s="282">
        <v>10</v>
      </c>
      <c r="BF21" s="276">
        <v>0</v>
      </c>
      <c r="BG21" s="280">
        <v>0</v>
      </c>
      <c r="BH21" s="277">
        <v>0</v>
      </c>
      <c r="BI21" s="279">
        <v>0</v>
      </c>
      <c r="BJ21" s="280">
        <v>3</v>
      </c>
      <c r="BK21" s="280">
        <v>1</v>
      </c>
      <c r="BL21" s="280">
        <v>0</v>
      </c>
      <c r="BM21" s="280">
        <v>1</v>
      </c>
      <c r="BN21" s="280">
        <v>0</v>
      </c>
      <c r="BO21" s="281">
        <v>5</v>
      </c>
      <c r="BP21" s="282">
        <v>5</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1</v>
      </c>
      <c r="CU21" s="280">
        <v>1</v>
      </c>
      <c r="CV21" s="277">
        <v>2</v>
      </c>
      <c r="CW21" s="282">
        <v>2</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4</v>
      </c>
      <c r="AD22" s="280">
        <v>7</v>
      </c>
      <c r="AE22" s="280">
        <v>3</v>
      </c>
      <c r="AF22" s="280">
        <v>2</v>
      </c>
      <c r="AG22" s="280">
        <v>0</v>
      </c>
      <c r="AH22" s="277">
        <v>26</v>
      </c>
      <c r="AI22" s="282">
        <v>26</v>
      </c>
      <c r="AJ22" s="276">
        <v>0</v>
      </c>
      <c r="AK22" s="280">
        <v>0</v>
      </c>
      <c r="AL22" s="277">
        <v>0</v>
      </c>
      <c r="AM22" s="279">
        <v>0</v>
      </c>
      <c r="AN22" s="280">
        <v>0</v>
      </c>
      <c r="AO22" s="280">
        <v>0</v>
      </c>
      <c r="AP22" s="280">
        <v>1</v>
      </c>
      <c r="AQ22" s="280">
        <v>0</v>
      </c>
      <c r="AR22" s="280">
        <v>0</v>
      </c>
      <c r="AS22" s="277">
        <v>1</v>
      </c>
      <c r="AT22" s="282">
        <v>1</v>
      </c>
      <c r="AU22" s="276">
        <v>0</v>
      </c>
      <c r="AV22" s="280">
        <v>0</v>
      </c>
      <c r="AW22" s="277">
        <v>0</v>
      </c>
      <c r="AX22" s="279">
        <v>0</v>
      </c>
      <c r="AY22" s="280">
        <v>0</v>
      </c>
      <c r="AZ22" s="280">
        <v>1</v>
      </c>
      <c r="BA22" s="280">
        <v>0</v>
      </c>
      <c r="BB22" s="280">
        <v>0</v>
      </c>
      <c r="BC22" s="280">
        <v>0</v>
      </c>
      <c r="BD22" s="277">
        <v>1</v>
      </c>
      <c r="BE22" s="282">
        <v>1</v>
      </c>
      <c r="BF22" s="276">
        <v>0</v>
      </c>
      <c r="BG22" s="280">
        <v>0</v>
      </c>
      <c r="BH22" s="277">
        <v>0</v>
      </c>
      <c r="BI22" s="279">
        <v>0</v>
      </c>
      <c r="BJ22" s="280">
        <v>1</v>
      </c>
      <c r="BK22" s="280">
        <v>1</v>
      </c>
      <c r="BL22" s="280">
        <v>1</v>
      </c>
      <c r="BM22" s="280">
        <v>3</v>
      </c>
      <c r="BN22" s="280">
        <v>0</v>
      </c>
      <c r="BO22" s="281">
        <v>6</v>
      </c>
      <c r="BP22" s="282">
        <v>6</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1</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1</v>
      </c>
      <c r="AD23" s="280">
        <v>7</v>
      </c>
      <c r="AE23" s="280">
        <v>5</v>
      </c>
      <c r="AF23" s="280">
        <v>3</v>
      </c>
      <c r="AG23" s="280">
        <v>0</v>
      </c>
      <c r="AH23" s="277">
        <v>26</v>
      </c>
      <c r="AI23" s="282">
        <v>26</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0</v>
      </c>
      <c r="AZ23" s="280">
        <v>0</v>
      </c>
      <c r="BA23" s="280">
        <v>3</v>
      </c>
      <c r="BB23" s="280">
        <v>0</v>
      </c>
      <c r="BC23" s="280">
        <v>0</v>
      </c>
      <c r="BD23" s="277">
        <v>3</v>
      </c>
      <c r="BE23" s="282">
        <v>3</v>
      </c>
      <c r="BF23" s="276">
        <v>0</v>
      </c>
      <c r="BG23" s="280">
        <v>0</v>
      </c>
      <c r="BH23" s="277">
        <v>0</v>
      </c>
      <c r="BI23" s="279">
        <v>0</v>
      </c>
      <c r="BJ23" s="280">
        <v>1</v>
      </c>
      <c r="BK23" s="280">
        <v>3</v>
      </c>
      <c r="BL23" s="280">
        <v>0</v>
      </c>
      <c r="BM23" s="280">
        <v>1</v>
      </c>
      <c r="BN23" s="280">
        <v>0</v>
      </c>
      <c r="BO23" s="281">
        <v>5</v>
      </c>
      <c r="BP23" s="282">
        <v>5</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0</v>
      </c>
      <c r="H24" s="280">
        <v>0</v>
      </c>
      <c r="I24" s="280">
        <v>1</v>
      </c>
      <c r="J24" s="280">
        <v>0</v>
      </c>
      <c r="K24" s="280">
        <v>0</v>
      </c>
      <c r="L24" s="281">
        <v>1</v>
      </c>
      <c r="M24" s="282">
        <v>1</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5</v>
      </c>
      <c r="AD24" s="280">
        <v>6</v>
      </c>
      <c r="AE24" s="280">
        <v>2</v>
      </c>
      <c r="AF24" s="280">
        <v>3</v>
      </c>
      <c r="AG24" s="280">
        <v>0</v>
      </c>
      <c r="AH24" s="277">
        <v>16</v>
      </c>
      <c r="AI24" s="282">
        <v>16</v>
      </c>
      <c r="AJ24" s="276">
        <v>0</v>
      </c>
      <c r="AK24" s="280">
        <v>0</v>
      </c>
      <c r="AL24" s="277">
        <v>0</v>
      </c>
      <c r="AM24" s="279">
        <v>0</v>
      </c>
      <c r="AN24" s="280">
        <v>1</v>
      </c>
      <c r="AO24" s="280">
        <v>0</v>
      </c>
      <c r="AP24" s="280">
        <v>0</v>
      </c>
      <c r="AQ24" s="280">
        <v>1</v>
      </c>
      <c r="AR24" s="280">
        <v>0</v>
      </c>
      <c r="AS24" s="277">
        <v>2</v>
      </c>
      <c r="AT24" s="282">
        <v>2</v>
      </c>
      <c r="AU24" s="276">
        <v>0</v>
      </c>
      <c r="AV24" s="280">
        <v>1</v>
      </c>
      <c r="AW24" s="277">
        <v>1</v>
      </c>
      <c r="AX24" s="279">
        <v>0</v>
      </c>
      <c r="AY24" s="280">
        <v>4</v>
      </c>
      <c r="AZ24" s="280">
        <v>4</v>
      </c>
      <c r="BA24" s="280">
        <v>0</v>
      </c>
      <c r="BB24" s="280">
        <v>0</v>
      </c>
      <c r="BC24" s="280">
        <v>0</v>
      </c>
      <c r="BD24" s="277">
        <v>8</v>
      </c>
      <c r="BE24" s="282">
        <v>9</v>
      </c>
      <c r="BF24" s="276">
        <v>0</v>
      </c>
      <c r="BG24" s="280">
        <v>0</v>
      </c>
      <c r="BH24" s="277">
        <v>0</v>
      </c>
      <c r="BI24" s="279">
        <v>0</v>
      </c>
      <c r="BJ24" s="280">
        <v>1</v>
      </c>
      <c r="BK24" s="280">
        <v>2</v>
      </c>
      <c r="BL24" s="280">
        <v>0</v>
      </c>
      <c r="BM24" s="280">
        <v>0</v>
      </c>
      <c r="BN24" s="280">
        <v>0</v>
      </c>
      <c r="BO24" s="281">
        <v>3</v>
      </c>
      <c r="BP24" s="282">
        <v>3</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3</v>
      </c>
      <c r="CJ24" s="280">
        <v>0</v>
      </c>
      <c r="CK24" s="277">
        <v>3</v>
      </c>
      <c r="CL24" s="282">
        <v>3</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2</v>
      </c>
      <c r="AD25" s="280">
        <v>2</v>
      </c>
      <c r="AE25" s="280">
        <v>1</v>
      </c>
      <c r="AF25" s="280">
        <v>1</v>
      </c>
      <c r="AG25" s="280">
        <v>0</v>
      </c>
      <c r="AH25" s="277">
        <v>6</v>
      </c>
      <c r="AI25" s="282">
        <v>6</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2</v>
      </c>
      <c r="BK25" s="280">
        <v>1</v>
      </c>
      <c r="BL25" s="280">
        <v>2</v>
      </c>
      <c r="BM25" s="280">
        <v>3</v>
      </c>
      <c r="BN25" s="280">
        <v>0</v>
      </c>
      <c r="BO25" s="281">
        <v>8</v>
      </c>
      <c r="BP25" s="282">
        <v>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0</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v>
      </c>
      <c r="AD26" s="280">
        <v>0</v>
      </c>
      <c r="AE26" s="280">
        <v>3</v>
      </c>
      <c r="AF26" s="280">
        <v>0</v>
      </c>
      <c r="AG26" s="280">
        <v>0</v>
      </c>
      <c r="AH26" s="277">
        <v>5</v>
      </c>
      <c r="AI26" s="282">
        <v>5</v>
      </c>
      <c r="AJ26" s="276">
        <v>0</v>
      </c>
      <c r="AK26" s="280">
        <v>0</v>
      </c>
      <c r="AL26" s="277">
        <v>0</v>
      </c>
      <c r="AM26" s="279">
        <v>0</v>
      </c>
      <c r="AN26" s="280">
        <v>0</v>
      </c>
      <c r="AO26" s="280">
        <v>0</v>
      </c>
      <c r="AP26" s="280">
        <v>1</v>
      </c>
      <c r="AQ26" s="280">
        <v>0</v>
      </c>
      <c r="AR26" s="280">
        <v>0</v>
      </c>
      <c r="AS26" s="277">
        <v>1</v>
      </c>
      <c r="AT26" s="282">
        <v>1</v>
      </c>
      <c r="AU26" s="276">
        <v>0</v>
      </c>
      <c r="AV26" s="280">
        <v>0</v>
      </c>
      <c r="AW26" s="277">
        <v>0</v>
      </c>
      <c r="AX26" s="279">
        <v>0</v>
      </c>
      <c r="AY26" s="280">
        <v>1</v>
      </c>
      <c r="AZ26" s="280">
        <v>1</v>
      </c>
      <c r="BA26" s="280">
        <v>0</v>
      </c>
      <c r="BB26" s="280">
        <v>0</v>
      </c>
      <c r="BC26" s="280">
        <v>0</v>
      </c>
      <c r="BD26" s="277">
        <v>2</v>
      </c>
      <c r="BE26" s="282">
        <v>2</v>
      </c>
      <c r="BF26" s="276">
        <v>0</v>
      </c>
      <c r="BG26" s="280">
        <v>0</v>
      </c>
      <c r="BH26" s="277">
        <v>0</v>
      </c>
      <c r="BI26" s="279">
        <v>0</v>
      </c>
      <c r="BJ26" s="280">
        <v>0</v>
      </c>
      <c r="BK26" s="280">
        <v>0</v>
      </c>
      <c r="BL26" s="280">
        <v>2</v>
      </c>
      <c r="BM26" s="280">
        <v>0</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7</v>
      </c>
      <c r="AD27" s="280">
        <v>0</v>
      </c>
      <c r="AE27" s="280">
        <v>0</v>
      </c>
      <c r="AF27" s="280">
        <v>0</v>
      </c>
      <c r="AG27" s="280">
        <v>0</v>
      </c>
      <c r="AH27" s="277">
        <v>7</v>
      </c>
      <c r="AI27" s="282">
        <v>7</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0</v>
      </c>
      <c r="AZ27" s="280">
        <v>0</v>
      </c>
      <c r="BA27" s="280">
        <v>0</v>
      </c>
      <c r="BB27" s="280">
        <v>0</v>
      </c>
      <c r="BC27" s="280">
        <v>0</v>
      </c>
      <c r="BD27" s="277">
        <v>0</v>
      </c>
      <c r="BE27" s="282">
        <v>1</v>
      </c>
      <c r="BF27" s="276">
        <v>0</v>
      </c>
      <c r="BG27" s="280">
        <v>0</v>
      </c>
      <c r="BH27" s="277">
        <v>0</v>
      </c>
      <c r="BI27" s="279">
        <v>0</v>
      </c>
      <c r="BJ27" s="280">
        <v>0</v>
      </c>
      <c r="BK27" s="280">
        <v>0</v>
      </c>
      <c r="BL27" s="280">
        <v>0</v>
      </c>
      <c r="BM27" s="280">
        <v>0</v>
      </c>
      <c r="BN27" s="280">
        <v>0</v>
      </c>
      <c r="BO27" s="281">
        <v>0</v>
      </c>
      <c r="BP27" s="282">
        <v>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2</v>
      </c>
      <c r="AD28" s="280">
        <v>4</v>
      </c>
      <c r="AE28" s="280">
        <v>0</v>
      </c>
      <c r="AF28" s="280">
        <v>0</v>
      </c>
      <c r="AG28" s="280">
        <v>0</v>
      </c>
      <c r="AH28" s="277">
        <v>6</v>
      </c>
      <c r="AI28" s="282">
        <v>6</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0</v>
      </c>
      <c r="AZ28" s="280">
        <v>0</v>
      </c>
      <c r="BA28" s="280">
        <v>0</v>
      </c>
      <c r="BB28" s="280">
        <v>0</v>
      </c>
      <c r="BC28" s="280">
        <v>0</v>
      </c>
      <c r="BD28" s="277">
        <v>0</v>
      </c>
      <c r="BE28" s="282">
        <v>0</v>
      </c>
      <c r="BF28" s="276">
        <v>0</v>
      </c>
      <c r="BG28" s="280">
        <v>0</v>
      </c>
      <c r="BH28" s="277">
        <v>0</v>
      </c>
      <c r="BI28" s="279">
        <v>0</v>
      </c>
      <c r="BJ28" s="280">
        <v>0</v>
      </c>
      <c r="BK28" s="280">
        <v>0</v>
      </c>
      <c r="BL28" s="280">
        <v>2</v>
      </c>
      <c r="BM28" s="280">
        <v>1</v>
      </c>
      <c r="BN28" s="280">
        <v>0</v>
      </c>
      <c r="BO28" s="281">
        <v>3</v>
      </c>
      <c r="BP28" s="282">
        <v>3</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1</v>
      </c>
      <c r="AD29" s="280">
        <v>0</v>
      </c>
      <c r="AE29" s="280">
        <v>0</v>
      </c>
      <c r="AF29" s="280">
        <v>0</v>
      </c>
      <c r="AG29" s="280">
        <v>0</v>
      </c>
      <c r="AH29" s="277">
        <v>1</v>
      </c>
      <c r="AI29" s="282">
        <v>1</v>
      </c>
      <c r="AJ29" s="276">
        <v>0</v>
      </c>
      <c r="AK29" s="280">
        <v>0</v>
      </c>
      <c r="AL29" s="277">
        <v>0</v>
      </c>
      <c r="AM29" s="279">
        <v>0</v>
      </c>
      <c r="AN29" s="280">
        <v>2</v>
      </c>
      <c r="AO29" s="280">
        <v>1</v>
      </c>
      <c r="AP29" s="280">
        <v>0</v>
      </c>
      <c r="AQ29" s="280">
        <v>0</v>
      </c>
      <c r="AR29" s="280">
        <v>0</v>
      </c>
      <c r="AS29" s="277">
        <v>3</v>
      </c>
      <c r="AT29" s="282">
        <v>3</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1</v>
      </c>
      <c r="BL29" s="280">
        <v>1</v>
      </c>
      <c r="BM29" s="280">
        <v>1</v>
      </c>
      <c r="BN29" s="280">
        <v>0</v>
      </c>
      <c r="BO29" s="281">
        <v>3</v>
      </c>
      <c r="BP29" s="282">
        <v>3</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2</v>
      </c>
      <c r="CI29" s="280">
        <v>1</v>
      </c>
      <c r="CJ29" s="280">
        <v>1</v>
      </c>
      <c r="CK29" s="277">
        <v>4</v>
      </c>
      <c r="CL29" s="282">
        <v>4</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6</v>
      </c>
      <c r="AD30" s="280">
        <v>1</v>
      </c>
      <c r="AE30" s="280">
        <v>0</v>
      </c>
      <c r="AF30" s="280">
        <v>0</v>
      </c>
      <c r="AG30" s="280">
        <v>1</v>
      </c>
      <c r="AH30" s="277">
        <v>8</v>
      </c>
      <c r="AI30" s="282">
        <v>8</v>
      </c>
      <c r="AJ30" s="276">
        <v>0</v>
      </c>
      <c r="AK30" s="280">
        <v>0</v>
      </c>
      <c r="AL30" s="277">
        <v>0</v>
      </c>
      <c r="AM30" s="279">
        <v>0</v>
      </c>
      <c r="AN30" s="280">
        <v>0</v>
      </c>
      <c r="AO30" s="280">
        <v>0</v>
      </c>
      <c r="AP30" s="280">
        <v>0</v>
      </c>
      <c r="AQ30" s="280">
        <v>0</v>
      </c>
      <c r="AR30" s="280">
        <v>1</v>
      </c>
      <c r="AS30" s="277">
        <v>1</v>
      </c>
      <c r="AT30" s="282">
        <v>1</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1</v>
      </c>
      <c r="BO30" s="281">
        <v>1</v>
      </c>
      <c r="BP30" s="282">
        <v>1</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2</v>
      </c>
      <c r="AD31" s="280">
        <v>0</v>
      </c>
      <c r="AE31" s="280">
        <v>0</v>
      </c>
      <c r="AF31" s="280">
        <v>0</v>
      </c>
      <c r="AG31" s="280">
        <v>0</v>
      </c>
      <c r="AH31" s="277">
        <v>2</v>
      </c>
      <c r="AI31" s="282">
        <v>2</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0</v>
      </c>
      <c r="AZ31" s="280">
        <v>0</v>
      </c>
      <c r="BA31" s="280">
        <v>0</v>
      </c>
      <c r="BB31" s="280">
        <v>0</v>
      </c>
      <c r="BC31" s="280">
        <v>0</v>
      </c>
      <c r="BD31" s="277">
        <v>0</v>
      </c>
      <c r="BE31" s="282">
        <v>0</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v>
      </c>
      <c r="AD32" s="280">
        <v>1</v>
      </c>
      <c r="AE32" s="280">
        <v>0</v>
      </c>
      <c r="AF32" s="280">
        <v>0</v>
      </c>
      <c r="AG32" s="280">
        <v>0</v>
      </c>
      <c r="AH32" s="277">
        <v>3</v>
      </c>
      <c r="AI32" s="282">
        <v>3</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1</v>
      </c>
      <c r="BL32" s="280">
        <v>0</v>
      </c>
      <c r="BM32" s="280">
        <v>1</v>
      </c>
      <c r="BN32" s="280">
        <v>0</v>
      </c>
      <c r="BO32" s="281">
        <v>2</v>
      </c>
      <c r="BP32" s="282">
        <v>2</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2</v>
      </c>
      <c r="AD33" s="280">
        <v>2</v>
      </c>
      <c r="AE33" s="280">
        <v>0</v>
      </c>
      <c r="AF33" s="280">
        <v>0</v>
      </c>
      <c r="AG33" s="280">
        <v>0</v>
      </c>
      <c r="AH33" s="277">
        <v>4</v>
      </c>
      <c r="AI33" s="282">
        <v>4</v>
      </c>
      <c r="AJ33" s="276">
        <v>0</v>
      </c>
      <c r="AK33" s="280">
        <v>0</v>
      </c>
      <c r="AL33" s="277">
        <v>0</v>
      </c>
      <c r="AM33" s="279">
        <v>0</v>
      </c>
      <c r="AN33" s="280">
        <v>0</v>
      </c>
      <c r="AO33" s="280">
        <v>0</v>
      </c>
      <c r="AP33" s="280">
        <v>1</v>
      </c>
      <c r="AQ33" s="280">
        <v>0</v>
      </c>
      <c r="AR33" s="280">
        <v>0</v>
      </c>
      <c r="AS33" s="277">
        <v>1</v>
      </c>
      <c r="AT33" s="282">
        <v>1</v>
      </c>
      <c r="AU33" s="276">
        <v>0</v>
      </c>
      <c r="AV33" s="280">
        <v>0</v>
      </c>
      <c r="AW33" s="277">
        <v>0</v>
      </c>
      <c r="AX33" s="279">
        <v>0</v>
      </c>
      <c r="AY33" s="280">
        <v>1</v>
      </c>
      <c r="AZ33" s="280">
        <v>0</v>
      </c>
      <c r="BA33" s="280">
        <v>0</v>
      </c>
      <c r="BB33" s="280">
        <v>0</v>
      </c>
      <c r="BC33" s="280">
        <v>0</v>
      </c>
      <c r="BD33" s="277">
        <v>1</v>
      </c>
      <c r="BE33" s="282">
        <v>1</v>
      </c>
      <c r="BF33" s="276">
        <v>0</v>
      </c>
      <c r="BG33" s="280">
        <v>0</v>
      </c>
      <c r="BH33" s="277">
        <v>0</v>
      </c>
      <c r="BI33" s="279">
        <v>0</v>
      </c>
      <c r="BJ33" s="280">
        <v>0</v>
      </c>
      <c r="BK33" s="280">
        <v>2</v>
      </c>
      <c r="BL33" s="280">
        <v>0</v>
      </c>
      <c r="BM33" s="280">
        <v>1</v>
      </c>
      <c r="BN33" s="280">
        <v>0</v>
      </c>
      <c r="BO33" s="281">
        <v>3</v>
      </c>
      <c r="BP33" s="282">
        <v>3</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1</v>
      </c>
      <c r="AD34" s="280">
        <v>2</v>
      </c>
      <c r="AE34" s="280">
        <v>0</v>
      </c>
      <c r="AF34" s="280">
        <v>0</v>
      </c>
      <c r="AG34" s="280">
        <v>1</v>
      </c>
      <c r="AH34" s="277">
        <v>4</v>
      </c>
      <c r="AI34" s="282">
        <v>4</v>
      </c>
      <c r="AJ34" s="276">
        <v>0</v>
      </c>
      <c r="AK34" s="280">
        <v>0</v>
      </c>
      <c r="AL34" s="277">
        <v>0</v>
      </c>
      <c r="AM34" s="279">
        <v>0</v>
      </c>
      <c r="AN34" s="280">
        <v>0</v>
      </c>
      <c r="AO34" s="280">
        <v>0</v>
      </c>
      <c r="AP34" s="280">
        <v>0</v>
      </c>
      <c r="AQ34" s="280">
        <v>1</v>
      </c>
      <c r="AR34" s="280">
        <v>0</v>
      </c>
      <c r="AS34" s="277">
        <v>1</v>
      </c>
      <c r="AT34" s="282">
        <v>1</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0</v>
      </c>
      <c r="BL34" s="280">
        <v>2</v>
      </c>
      <c r="BM34" s="280">
        <v>0</v>
      </c>
      <c r="BN34" s="280">
        <v>0</v>
      </c>
      <c r="BO34" s="281">
        <v>2</v>
      </c>
      <c r="BP34" s="282">
        <v>2</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0</v>
      </c>
      <c r="CH34" s="280">
        <v>1</v>
      </c>
      <c r="CI34" s="280">
        <v>0</v>
      </c>
      <c r="CJ34" s="280">
        <v>0</v>
      </c>
      <c r="CK34" s="277">
        <v>1</v>
      </c>
      <c r="CL34" s="282">
        <v>1</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1</v>
      </c>
      <c r="AF35" s="280">
        <v>0</v>
      </c>
      <c r="AG35" s="280">
        <v>0</v>
      </c>
      <c r="AH35" s="277">
        <v>2</v>
      </c>
      <c r="AI35" s="282">
        <v>2</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1</v>
      </c>
      <c r="CR35" s="280">
        <v>0</v>
      </c>
      <c r="CS35" s="280">
        <v>1</v>
      </c>
      <c r="CT35" s="280">
        <v>0</v>
      </c>
      <c r="CU35" s="280">
        <v>0</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2</v>
      </c>
      <c r="AD36" s="280">
        <v>0</v>
      </c>
      <c r="AE36" s="280">
        <v>0</v>
      </c>
      <c r="AF36" s="280">
        <v>0</v>
      </c>
      <c r="AG36" s="280">
        <v>0</v>
      </c>
      <c r="AH36" s="277">
        <v>2</v>
      </c>
      <c r="AI36" s="282">
        <v>2</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1</v>
      </c>
      <c r="CT36" s="280">
        <v>0</v>
      </c>
      <c r="CU36" s="280">
        <v>0</v>
      </c>
      <c r="CV36" s="277">
        <v>1</v>
      </c>
      <c r="CW36" s="282">
        <v>1</v>
      </c>
    </row>
    <row r="37" spans="2:101" ht="21" customHeight="1" x14ac:dyDescent="0.2">
      <c r="B37" s="261" t="s">
        <v>35</v>
      </c>
      <c r="C37" s="276">
        <v>0</v>
      </c>
      <c r="D37" s="277">
        <v>0</v>
      </c>
      <c r="E37" s="278">
        <v>0</v>
      </c>
      <c r="F37" s="279">
        <v>0</v>
      </c>
      <c r="G37" s="280">
        <v>0</v>
      </c>
      <c r="H37" s="280">
        <v>1</v>
      </c>
      <c r="I37" s="280">
        <v>0</v>
      </c>
      <c r="J37" s="280">
        <v>0</v>
      </c>
      <c r="K37" s="280">
        <v>0</v>
      </c>
      <c r="L37" s="281">
        <v>1</v>
      </c>
      <c r="M37" s="282">
        <v>1</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1</v>
      </c>
      <c r="BA37" s="280">
        <v>1</v>
      </c>
      <c r="BB37" s="280">
        <v>0</v>
      </c>
      <c r="BC37" s="280">
        <v>0</v>
      </c>
      <c r="BD37" s="277">
        <v>2</v>
      </c>
      <c r="BE37" s="282">
        <v>2</v>
      </c>
      <c r="BF37" s="276">
        <v>0</v>
      </c>
      <c r="BG37" s="280">
        <v>0</v>
      </c>
      <c r="BH37" s="277">
        <v>0</v>
      </c>
      <c r="BI37" s="279">
        <v>0</v>
      </c>
      <c r="BJ37" s="280">
        <v>0</v>
      </c>
      <c r="BK37" s="280">
        <v>1</v>
      </c>
      <c r="BL37" s="280">
        <v>0</v>
      </c>
      <c r="BM37" s="280">
        <v>0</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4</v>
      </c>
      <c r="AD38" s="280">
        <v>3</v>
      </c>
      <c r="AE38" s="280">
        <v>0</v>
      </c>
      <c r="AF38" s="280">
        <v>0</v>
      </c>
      <c r="AG38" s="280">
        <v>1</v>
      </c>
      <c r="AH38" s="277">
        <v>8</v>
      </c>
      <c r="AI38" s="282">
        <v>8</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0</v>
      </c>
      <c r="BK38" s="280">
        <v>1</v>
      </c>
      <c r="BL38" s="280">
        <v>0</v>
      </c>
      <c r="BM38" s="280">
        <v>0</v>
      </c>
      <c r="BN38" s="280">
        <v>0</v>
      </c>
      <c r="BO38" s="281">
        <v>1</v>
      </c>
      <c r="BP38" s="282">
        <v>1</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6">
        <f>第１表!F2</f>
        <v>4</v>
      </c>
      <c r="J1" s="526"/>
      <c r="K1" s="248">
        <f>第１表!G2</f>
        <v>10</v>
      </c>
      <c r="L1" s="531">
        <f>IF(K1&lt;3,K1+12-2,K1-2)</f>
        <v>8</v>
      </c>
      <c r="M1" s="531"/>
    </row>
    <row r="2" spans="1:101" s="291" customFormat="1" ht="24" customHeight="1" thickBot="1" x14ac:dyDescent="0.25">
      <c r="A2" s="44"/>
      <c r="B2" s="290" t="s">
        <v>155</v>
      </c>
    </row>
    <row r="3" spans="1:101" ht="23.25" customHeight="1" thickBot="1" x14ac:dyDescent="0.25">
      <c r="B3" s="539"/>
      <c r="C3" s="542" t="s">
        <v>94</v>
      </c>
      <c r="D3" s="543"/>
      <c r="E3" s="543"/>
      <c r="F3" s="543"/>
      <c r="G3" s="543"/>
      <c r="H3" s="543"/>
      <c r="I3" s="543"/>
      <c r="J3" s="543"/>
      <c r="K3" s="543"/>
      <c r="L3" s="543"/>
      <c r="M3" s="544"/>
      <c r="N3" s="542" t="s">
        <v>88</v>
      </c>
      <c r="O3" s="543"/>
      <c r="P3" s="543"/>
      <c r="Q3" s="543"/>
      <c r="R3" s="543"/>
      <c r="S3" s="543"/>
      <c r="T3" s="543"/>
      <c r="U3" s="543"/>
      <c r="V3" s="543"/>
      <c r="W3" s="543"/>
      <c r="X3" s="544"/>
      <c r="Y3" s="542" t="s">
        <v>142</v>
      </c>
      <c r="Z3" s="543"/>
      <c r="AA3" s="543"/>
      <c r="AB3" s="543"/>
      <c r="AC3" s="543"/>
      <c r="AD3" s="543"/>
      <c r="AE3" s="543"/>
      <c r="AF3" s="543"/>
      <c r="AG3" s="543"/>
      <c r="AH3" s="543"/>
      <c r="AI3" s="544"/>
      <c r="AJ3" s="542" t="s">
        <v>90</v>
      </c>
      <c r="AK3" s="543"/>
      <c r="AL3" s="543"/>
      <c r="AM3" s="543"/>
      <c r="AN3" s="543"/>
      <c r="AO3" s="543"/>
      <c r="AP3" s="543"/>
      <c r="AQ3" s="543"/>
      <c r="AR3" s="543"/>
      <c r="AS3" s="543"/>
      <c r="AT3" s="544"/>
      <c r="AU3" s="548" t="s">
        <v>89</v>
      </c>
      <c r="AV3" s="549"/>
      <c r="AW3" s="549"/>
      <c r="AX3" s="549"/>
      <c r="AY3" s="549"/>
      <c r="AZ3" s="549"/>
      <c r="BA3" s="549"/>
      <c r="BB3" s="549"/>
      <c r="BC3" s="549"/>
      <c r="BD3" s="549"/>
      <c r="BE3" s="550"/>
      <c r="BF3" s="548" t="s">
        <v>91</v>
      </c>
      <c r="BG3" s="549"/>
      <c r="BH3" s="549"/>
      <c r="BI3" s="549"/>
      <c r="BJ3" s="549"/>
      <c r="BK3" s="549"/>
      <c r="BL3" s="549"/>
      <c r="BM3" s="549"/>
      <c r="BN3" s="549"/>
      <c r="BO3" s="549"/>
      <c r="BP3" s="550"/>
      <c r="BQ3" s="548" t="s">
        <v>92</v>
      </c>
      <c r="BR3" s="549"/>
      <c r="BS3" s="549"/>
      <c r="BT3" s="549"/>
      <c r="BU3" s="549"/>
      <c r="BV3" s="549"/>
      <c r="BW3" s="549"/>
      <c r="BX3" s="549"/>
      <c r="BY3" s="549"/>
      <c r="BZ3" s="549"/>
      <c r="CA3" s="550"/>
      <c r="CB3" s="548" t="s">
        <v>93</v>
      </c>
      <c r="CC3" s="549"/>
      <c r="CD3" s="549"/>
      <c r="CE3" s="549"/>
      <c r="CF3" s="549"/>
      <c r="CG3" s="549"/>
      <c r="CH3" s="549"/>
      <c r="CI3" s="549"/>
      <c r="CJ3" s="549"/>
      <c r="CK3" s="549"/>
      <c r="CL3" s="550"/>
      <c r="CM3" s="549" t="s">
        <v>141</v>
      </c>
      <c r="CN3" s="549"/>
      <c r="CO3" s="549"/>
      <c r="CP3" s="549"/>
      <c r="CQ3" s="549"/>
      <c r="CR3" s="549"/>
      <c r="CS3" s="549"/>
      <c r="CT3" s="549"/>
      <c r="CU3" s="549"/>
      <c r="CV3" s="549"/>
      <c r="CW3" s="550"/>
    </row>
    <row r="4" spans="1:101" ht="22.5" customHeight="1" x14ac:dyDescent="0.2">
      <c r="B4" s="540"/>
      <c r="C4" s="534" t="s">
        <v>61</v>
      </c>
      <c r="D4" s="535"/>
      <c r="E4" s="536"/>
      <c r="F4" s="537" t="s">
        <v>62</v>
      </c>
      <c r="G4" s="535"/>
      <c r="H4" s="535"/>
      <c r="I4" s="535"/>
      <c r="J4" s="535"/>
      <c r="K4" s="535"/>
      <c r="L4" s="538"/>
      <c r="M4" s="532" t="s">
        <v>52</v>
      </c>
      <c r="N4" s="534" t="s">
        <v>61</v>
      </c>
      <c r="O4" s="535"/>
      <c r="P4" s="536"/>
      <c r="Q4" s="537" t="s">
        <v>62</v>
      </c>
      <c r="R4" s="535"/>
      <c r="S4" s="535"/>
      <c r="T4" s="535"/>
      <c r="U4" s="535"/>
      <c r="V4" s="535"/>
      <c r="W4" s="536"/>
      <c r="X4" s="532" t="s">
        <v>52</v>
      </c>
      <c r="Y4" s="534" t="s">
        <v>61</v>
      </c>
      <c r="Z4" s="535"/>
      <c r="AA4" s="536"/>
      <c r="AB4" s="537" t="s">
        <v>62</v>
      </c>
      <c r="AC4" s="535"/>
      <c r="AD4" s="535"/>
      <c r="AE4" s="535"/>
      <c r="AF4" s="535"/>
      <c r="AG4" s="535"/>
      <c r="AH4" s="536"/>
      <c r="AI4" s="532" t="s">
        <v>52</v>
      </c>
      <c r="AJ4" s="534" t="s">
        <v>61</v>
      </c>
      <c r="AK4" s="535"/>
      <c r="AL4" s="536"/>
      <c r="AM4" s="537" t="s">
        <v>62</v>
      </c>
      <c r="AN4" s="535"/>
      <c r="AO4" s="535"/>
      <c r="AP4" s="535"/>
      <c r="AQ4" s="535"/>
      <c r="AR4" s="535"/>
      <c r="AS4" s="536"/>
      <c r="AT4" s="532" t="s">
        <v>52</v>
      </c>
      <c r="AU4" s="564" t="s">
        <v>61</v>
      </c>
      <c r="AV4" s="562"/>
      <c r="AW4" s="563"/>
      <c r="AX4" s="561" t="s">
        <v>62</v>
      </c>
      <c r="AY4" s="562"/>
      <c r="AZ4" s="562"/>
      <c r="BA4" s="562"/>
      <c r="BB4" s="562"/>
      <c r="BC4" s="562"/>
      <c r="BD4" s="563"/>
      <c r="BE4" s="565" t="s">
        <v>52</v>
      </c>
      <c r="BF4" s="564" t="s">
        <v>61</v>
      </c>
      <c r="BG4" s="562"/>
      <c r="BH4" s="563"/>
      <c r="BI4" s="561" t="s">
        <v>62</v>
      </c>
      <c r="BJ4" s="562"/>
      <c r="BK4" s="562"/>
      <c r="BL4" s="562"/>
      <c r="BM4" s="562"/>
      <c r="BN4" s="562"/>
      <c r="BO4" s="563"/>
      <c r="BP4" s="565" t="s">
        <v>52</v>
      </c>
      <c r="BQ4" s="564" t="s">
        <v>61</v>
      </c>
      <c r="BR4" s="562"/>
      <c r="BS4" s="563"/>
      <c r="BT4" s="561" t="s">
        <v>62</v>
      </c>
      <c r="BU4" s="562"/>
      <c r="BV4" s="562"/>
      <c r="BW4" s="562"/>
      <c r="BX4" s="562"/>
      <c r="BY4" s="562"/>
      <c r="BZ4" s="563"/>
      <c r="CA4" s="565" t="s">
        <v>52</v>
      </c>
      <c r="CB4" s="564" t="s">
        <v>61</v>
      </c>
      <c r="CC4" s="562"/>
      <c r="CD4" s="563"/>
      <c r="CE4" s="561" t="s">
        <v>62</v>
      </c>
      <c r="CF4" s="562"/>
      <c r="CG4" s="562"/>
      <c r="CH4" s="562"/>
      <c r="CI4" s="562"/>
      <c r="CJ4" s="562"/>
      <c r="CK4" s="563"/>
      <c r="CL4" s="565" t="s">
        <v>52</v>
      </c>
      <c r="CM4" s="564" t="s">
        <v>61</v>
      </c>
      <c r="CN4" s="562"/>
      <c r="CO4" s="563"/>
      <c r="CP4" s="561" t="s">
        <v>62</v>
      </c>
      <c r="CQ4" s="562"/>
      <c r="CR4" s="562"/>
      <c r="CS4" s="562"/>
      <c r="CT4" s="562"/>
      <c r="CU4" s="562"/>
      <c r="CV4" s="563"/>
      <c r="CW4" s="565" t="s">
        <v>52</v>
      </c>
    </row>
    <row r="5" spans="1:101" ht="34.5" customHeight="1" thickBot="1" x14ac:dyDescent="0.25">
      <c r="B5" s="541"/>
      <c r="C5" s="350" t="s">
        <v>43</v>
      </c>
      <c r="D5" s="265" t="s">
        <v>44</v>
      </c>
      <c r="E5" s="266" t="s">
        <v>45</v>
      </c>
      <c r="F5" s="267" t="s">
        <v>83</v>
      </c>
      <c r="G5" s="259" t="s">
        <v>47</v>
      </c>
      <c r="H5" s="259" t="s">
        <v>48</v>
      </c>
      <c r="I5" s="259" t="s">
        <v>49</v>
      </c>
      <c r="J5" s="259" t="s">
        <v>50</v>
      </c>
      <c r="K5" s="259" t="s">
        <v>51</v>
      </c>
      <c r="L5" s="268" t="s">
        <v>45</v>
      </c>
      <c r="M5" s="533"/>
      <c r="N5" s="350" t="s">
        <v>43</v>
      </c>
      <c r="O5" s="259" t="s">
        <v>44</v>
      </c>
      <c r="P5" s="265" t="s">
        <v>45</v>
      </c>
      <c r="Q5" s="267" t="s">
        <v>83</v>
      </c>
      <c r="R5" s="259" t="s">
        <v>47</v>
      </c>
      <c r="S5" s="259" t="s">
        <v>48</v>
      </c>
      <c r="T5" s="259" t="s">
        <v>49</v>
      </c>
      <c r="U5" s="259" t="s">
        <v>50</v>
      </c>
      <c r="V5" s="259" t="s">
        <v>51</v>
      </c>
      <c r="W5" s="265" t="s">
        <v>45</v>
      </c>
      <c r="X5" s="533"/>
      <c r="Y5" s="350" t="s">
        <v>43</v>
      </c>
      <c r="Z5" s="259" t="s">
        <v>44</v>
      </c>
      <c r="AA5" s="265" t="s">
        <v>45</v>
      </c>
      <c r="AB5" s="267" t="s">
        <v>83</v>
      </c>
      <c r="AC5" s="259" t="s">
        <v>47</v>
      </c>
      <c r="AD5" s="259" t="s">
        <v>48</v>
      </c>
      <c r="AE5" s="259" t="s">
        <v>49</v>
      </c>
      <c r="AF5" s="259" t="s">
        <v>50</v>
      </c>
      <c r="AG5" s="259" t="s">
        <v>51</v>
      </c>
      <c r="AH5" s="265" t="s">
        <v>45</v>
      </c>
      <c r="AI5" s="533"/>
      <c r="AJ5" s="350" t="s">
        <v>43</v>
      </c>
      <c r="AK5" s="259" t="s">
        <v>44</v>
      </c>
      <c r="AL5" s="265" t="s">
        <v>45</v>
      </c>
      <c r="AM5" s="267" t="s">
        <v>83</v>
      </c>
      <c r="AN5" s="259" t="s">
        <v>47</v>
      </c>
      <c r="AO5" s="259" t="s">
        <v>48</v>
      </c>
      <c r="AP5" s="259" t="s">
        <v>49</v>
      </c>
      <c r="AQ5" s="259" t="s">
        <v>50</v>
      </c>
      <c r="AR5" s="259" t="s">
        <v>51</v>
      </c>
      <c r="AS5" s="265" t="s">
        <v>45</v>
      </c>
      <c r="AT5" s="533"/>
      <c r="AU5" s="350" t="s">
        <v>43</v>
      </c>
      <c r="AV5" s="259" t="s">
        <v>44</v>
      </c>
      <c r="AW5" s="265" t="s">
        <v>45</v>
      </c>
      <c r="AX5" s="267" t="s">
        <v>83</v>
      </c>
      <c r="AY5" s="259" t="s">
        <v>47</v>
      </c>
      <c r="AZ5" s="259" t="s">
        <v>48</v>
      </c>
      <c r="BA5" s="259" t="s">
        <v>49</v>
      </c>
      <c r="BB5" s="259" t="s">
        <v>50</v>
      </c>
      <c r="BC5" s="259" t="s">
        <v>51</v>
      </c>
      <c r="BD5" s="265" t="s">
        <v>45</v>
      </c>
      <c r="BE5" s="566"/>
      <c r="BF5" s="350" t="s">
        <v>43</v>
      </c>
      <c r="BG5" s="259" t="s">
        <v>44</v>
      </c>
      <c r="BH5" s="265" t="s">
        <v>45</v>
      </c>
      <c r="BI5" s="267" t="s">
        <v>83</v>
      </c>
      <c r="BJ5" s="259" t="s">
        <v>47</v>
      </c>
      <c r="BK5" s="259" t="s">
        <v>48</v>
      </c>
      <c r="BL5" s="259" t="s">
        <v>49</v>
      </c>
      <c r="BM5" s="259" t="s">
        <v>50</v>
      </c>
      <c r="BN5" s="259" t="s">
        <v>51</v>
      </c>
      <c r="BO5" s="265" t="s">
        <v>45</v>
      </c>
      <c r="BP5" s="566"/>
      <c r="BQ5" s="350" t="s">
        <v>43</v>
      </c>
      <c r="BR5" s="259" t="s">
        <v>44</v>
      </c>
      <c r="BS5" s="265" t="s">
        <v>45</v>
      </c>
      <c r="BT5" s="267" t="s">
        <v>83</v>
      </c>
      <c r="BU5" s="259" t="s">
        <v>47</v>
      </c>
      <c r="BV5" s="259" t="s">
        <v>48</v>
      </c>
      <c r="BW5" s="259" t="s">
        <v>49</v>
      </c>
      <c r="BX5" s="259" t="s">
        <v>50</v>
      </c>
      <c r="BY5" s="259" t="s">
        <v>51</v>
      </c>
      <c r="BZ5" s="265" t="s">
        <v>45</v>
      </c>
      <c r="CA5" s="566"/>
      <c r="CB5" s="350" t="s">
        <v>43</v>
      </c>
      <c r="CC5" s="259" t="s">
        <v>44</v>
      </c>
      <c r="CD5" s="265" t="s">
        <v>45</v>
      </c>
      <c r="CE5" s="267" t="s">
        <v>83</v>
      </c>
      <c r="CF5" s="259" t="s">
        <v>47</v>
      </c>
      <c r="CG5" s="259" t="s">
        <v>48</v>
      </c>
      <c r="CH5" s="259" t="s">
        <v>49</v>
      </c>
      <c r="CI5" s="259" t="s">
        <v>50</v>
      </c>
      <c r="CJ5" s="259" t="s">
        <v>51</v>
      </c>
      <c r="CK5" s="265" t="s">
        <v>45</v>
      </c>
      <c r="CL5" s="566"/>
      <c r="CM5" s="350" t="s">
        <v>43</v>
      </c>
      <c r="CN5" s="259" t="s">
        <v>44</v>
      </c>
      <c r="CO5" s="265" t="s">
        <v>45</v>
      </c>
      <c r="CP5" s="267" t="s">
        <v>83</v>
      </c>
      <c r="CQ5" s="259" t="s">
        <v>47</v>
      </c>
      <c r="CR5" s="259" t="s">
        <v>48</v>
      </c>
      <c r="CS5" s="259" t="s">
        <v>49</v>
      </c>
      <c r="CT5" s="259" t="s">
        <v>50</v>
      </c>
      <c r="CU5" s="259" t="s">
        <v>51</v>
      </c>
      <c r="CV5" s="265" t="s">
        <v>45</v>
      </c>
      <c r="CW5" s="566"/>
    </row>
    <row r="6" spans="1:101" ht="21" customHeight="1" x14ac:dyDescent="0.2">
      <c r="B6" s="260" t="s">
        <v>4</v>
      </c>
      <c r="C6" s="269">
        <v>0</v>
      </c>
      <c r="D6" s="270">
        <v>0</v>
      </c>
      <c r="E6" s="271">
        <v>0</v>
      </c>
      <c r="F6" s="272">
        <v>0</v>
      </c>
      <c r="G6" s="273">
        <v>22</v>
      </c>
      <c r="H6" s="273">
        <v>32</v>
      </c>
      <c r="I6" s="273">
        <v>22</v>
      </c>
      <c r="J6" s="273">
        <v>26</v>
      </c>
      <c r="K6" s="273">
        <v>21</v>
      </c>
      <c r="L6" s="274">
        <v>123</v>
      </c>
      <c r="M6" s="275">
        <v>123</v>
      </c>
      <c r="N6" s="269">
        <v>0</v>
      </c>
      <c r="O6" s="273">
        <v>0</v>
      </c>
      <c r="P6" s="270">
        <v>0</v>
      </c>
      <c r="Q6" s="272">
        <v>0</v>
      </c>
      <c r="R6" s="273">
        <v>9</v>
      </c>
      <c r="S6" s="273">
        <v>36</v>
      </c>
      <c r="T6" s="273">
        <v>27</v>
      </c>
      <c r="U6" s="273">
        <v>24</v>
      </c>
      <c r="V6" s="273">
        <v>19</v>
      </c>
      <c r="W6" s="270">
        <v>115</v>
      </c>
      <c r="X6" s="275">
        <v>115</v>
      </c>
      <c r="Y6" s="269">
        <v>0</v>
      </c>
      <c r="Z6" s="273">
        <v>1</v>
      </c>
      <c r="AA6" s="270">
        <v>1</v>
      </c>
      <c r="AB6" s="272">
        <v>0</v>
      </c>
      <c r="AC6" s="273">
        <v>728</v>
      </c>
      <c r="AD6" s="273">
        <v>602</v>
      </c>
      <c r="AE6" s="273">
        <v>266</v>
      </c>
      <c r="AF6" s="273">
        <v>135</v>
      </c>
      <c r="AG6" s="273">
        <v>51</v>
      </c>
      <c r="AH6" s="270">
        <v>1782</v>
      </c>
      <c r="AI6" s="275">
        <v>1783</v>
      </c>
      <c r="AJ6" s="269">
        <v>1</v>
      </c>
      <c r="AK6" s="273">
        <v>0</v>
      </c>
      <c r="AL6" s="270">
        <v>1</v>
      </c>
      <c r="AM6" s="272">
        <v>0</v>
      </c>
      <c r="AN6" s="273">
        <v>44</v>
      </c>
      <c r="AO6" s="273">
        <v>69</v>
      </c>
      <c r="AP6" s="273">
        <v>55</v>
      </c>
      <c r="AQ6" s="273">
        <v>25</v>
      </c>
      <c r="AR6" s="273">
        <v>24</v>
      </c>
      <c r="AS6" s="270">
        <v>217</v>
      </c>
      <c r="AT6" s="275">
        <v>218</v>
      </c>
      <c r="AU6" s="269">
        <v>11</v>
      </c>
      <c r="AV6" s="273">
        <v>12</v>
      </c>
      <c r="AW6" s="270">
        <v>23</v>
      </c>
      <c r="AX6" s="272">
        <v>0</v>
      </c>
      <c r="AY6" s="273">
        <v>70</v>
      </c>
      <c r="AZ6" s="273">
        <v>48</v>
      </c>
      <c r="BA6" s="273">
        <v>50</v>
      </c>
      <c r="BB6" s="273">
        <v>41</v>
      </c>
      <c r="BC6" s="273">
        <v>21</v>
      </c>
      <c r="BD6" s="270">
        <v>230</v>
      </c>
      <c r="BE6" s="275">
        <v>253</v>
      </c>
      <c r="BF6" s="269">
        <v>0</v>
      </c>
      <c r="BG6" s="273">
        <v>0</v>
      </c>
      <c r="BH6" s="270">
        <v>0</v>
      </c>
      <c r="BI6" s="272">
        <v>0</v>
      </c>
      <c r="BJ6" s="273">
        <v>69</v>
      </c>
      <c r="BK6" s="273">
        <v>98</v>
      </c>
      <c r="BL6" s="273">
        <v>122</v>
      </c>
      <c r="BM6" s="273">
        <v>91</v>
      </c>
      <c r="BN6" s="273">
        <v>65</v>
      </c>
      <c r="BO6" s="274">
        <v>445</v>
      </c>
      <c r="BP6" s="275">
        <v>445</v>
      </c>
      <c r="BQ6" s="269">
        <v>0</v>
      </c>
      <c r="BR6" s="273">
        <v>0</v>
      </c>
      <c r="BS6" s="270">
        <v>0</v>
      </c>
      <c r="BT6" s="272">
        <v>0</v>
      </c>
      <c r="BU6" s="273">
        <v>2</v>
      </c>
      <c r="BV6" s="273">
        <v>7</v>
      </c>
      <c r="BW6" s="273">
        <v>6</v>
      </c>
      <c r="BX6" s="273">
        <v>5</v>
      </c>
      <c r="BY6" s="273">
        <v>3</v>
      </c>
      <c r="BZ6" s="270">
        <v>23</v>
      </c>
      <c r="CA6" s="275">
        <v>23</v>
      </c>
      <c r="CB6" s="269">
        <v>0</v>
      </c>
      <c r="CC6" s="273">
        <v>0</v>
      </c>
      <c r="CD6" s="270">
        <v>0</v>
      </c>
      <c r="CE6" s="272">
        <v>0</v>
      </c>
      <c r="CF6" s="273">
        <v>1</v>
      </c>
      <c r="CG6" s="273">
        <v>2</v>
      </c>
      <c r="CH6" s="273">
        <v>12</v>
      </c>
      <c r="CI6" s="273">
        <v>16</v>
      </c>
      <c r="CJ6" s="273">
        <v>5</v>
      </c>
      <c r="CK6" s="270">
        <v>36</v>
      </c>
      <c r="CL6" s="275">
        <v>36</v>
      </c>
      <c r="CM6" s="269">
        <v>0</v>
      </c>
      <c r="CN6" s="273">
        <v>0</v>
      </c>
      <c r="CO6" s="270">
        <v>0</v>
      </c>
      <c r="CP6" s="272">
        <v>0</v>
      </c>
      <c r="CQ6" s="273">
        <v>7</v>
      </c>
      <c r="CR6" s="273">
        <v>15</v>
      </c>
      <c r="CS6" s="273">
        <v>18</v>
      </c>
      <c r="CT6" s="273">
        <v>17</v>
      </c>
      <c r="CU6" s="273">
        <v>34</v>
      </c>
      <c r="CV6" s="270">
        <v>91</v>
      </c>
      <c r="CW6" s="275">
        <v>91</v>
      </c>
    </row>
    <row r="7" spans="1:101" ht="21" customHeight="1" x14ac:dyDescent="0.2">
      <c r="B7" s="261" t="s">
        <v>5</v>
      </c>
      <c r="C7" s="276">
        <v>0</v>
      </c>
      <c r="D7" s="277">
        <v>0</v>
      </c>
      <c r="E7" s="278">
        <v>0</v>
      </c>
      <c r="F7" s="279">
        <v>0</v>
      </c>
      <c r="G7" s="280">
        <v>8</v>
      </c>
      <c r="H7" s="280">
        <v>16</v>
      </c>
      <c r="I7" s="280">
        <v>10</v>
      </c>
      <c r="J7" s="280">
        <v>9</v>
      </c>
      <c r="K7" s="280">
        <v>9</v>
      </c>
      <c r="L7" s="281">
        <v>52</v>
      </c>
      <c r="M7" s="282">
        <v>52</v>
      </c>
      <c r="N7" s="276">
        <v>0</v>
      </c>
      <c r="O7" s="280">
        <v>0</v>
      </c>
      <c r="P7" s="277">
        <v>0</v>
      </c>
      <c r="Q7" s="279">
        <v>0</v>
      </c>
      <c r="R7" s="280">
        <v>6</v>
      </c>
      <c r="S7" s="280">
        <v>30</v>
      </c>
      <c r="T7" s="280">
        <v>21</v>
      </c>
      <c r="U7" s="280">
        <v>14</v>
      </c>
      <c r="V7" s="280">
        <v>13</v>
      </c>
      <c r="W7" s="277">
        <v>84</v>
      </c>
      <c r="X7" s="282">
        <v>84</v>
      </c>
      <c r="Y7" s="276">
        <v>0</v>
      </c>
      <c r="Z7" s="280">
        <v>0</v>
      </c>
      <c r="AA7" s="277">
        <v>0</v>
      </c>
      <c r="AB7" s="279">
        <v>0</v>
      </c>
      <c r="AC7" s="280">
        <v>268</v>
      </c>
      <c r="AD7" s="280">
        <v>324</v>
      </c>
      <c r="AE7" s="280">
        <v>112</v>
      </c>
      <c r="AF7" s="280">
        <v>70</v>
      </c>
      <c r="AG7" s="280">
        <v>24</v>
      </c>
      <c r="AH7" s="277">
        <v>798</v>
      </c>
      <c r="AI7" s="282">
        <v>798</v>
      </c>
      <c r="AJ7" s="276">
        <v>1</v>
      </c>
      <c r="AK7" s="280">
        <v>0</v>
      </c>
      <c r="AL7" s="277">
        <v>1</v>
      </c>
      <c r="AM7" s="279">
        <v>0</v>
      </c>
      <c r="AN7" s="280">
        <v>28</v>
      </c>
      <c r="AO7" s="280">
        <v>39</v>
      </c>
      <c r="AP7" s="280">
        <v>26</v>
      </c>
      <c r="AQ7" s="280">
        <v>17</v>
      </c>
      <c r="AR7" s="280">
        <v>15</v>
      </c>
      <c r="AS7" s="277">
        <v>125</v>
      </c>
      <c r="AT7" s="282">
        <v>126</v>
      </c>
      <c r="AU7" s="276">
        <v>6</v>
      </c>
      <c r="AV7" s="280">
        <v>4</v>
      </c>
      <c r="AW7" s="277">
        <v>10</v>
      </c>
      <c r="AX7" s="279">
        <v>0</v>
      </c>
      <c r="AY7" s="280">
        <v>27</v>
      </c>
      <c r="AZ7" s="280">
        <v>24</v>
      </c>
      <c r="BA7" s="280">
        <v>22</v>
      </c>
      <c r="BB7" s="280">
        <v>20</v>
      </c>
      <c r="BC7" s="280">
        <v>6</v>
      </c>
      <c r="BD7" s="277">
        <v>99</v>
      </c>
      <c r="BE7" s="282">
        <v>109</v>
      </c>
      <c r="BF7" s="276">
        <v>0</v>
      </c>
      <c r="BG7" s="280">
        <v>0</v>
      </c>
      <c r="BH7" s="277">
        <v>0</v>
      </c>
      <c r="BI7" s="279">
        <v>0</v>
      </c>
      <c r="BJ7" s="280">
        <v>26</v>
      </c>
      <c r="BK7" s="280">
        <v>38</v>
      </c>
      <c r="BL7" s="280">
        <v>48</v>
      </c>
      <c r="BM7" s="280">
        <v>32</v>
      </c>
      <c r="BN7" s="280">
        <v>20</v>
      </c>
      <c r="BO7" s="281">
        <v>164</v>
      </c>
      <c r="BP7" s="282">
        <v>164</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0</v>
      </c>
      <c r="CH7" s="280">
        <v>1</v>
      </c>
      <c r="CI7" s="280">
        <v>2</v>
      </c>
      <c r="CJ7" s="280">
        <v>0</v>
      </c>
      <c r="CK7" s="277">
        <v>3</v>
      </c>
      <c r="CL7" s="282">
        <v>3</v>
      </c>
      <c r="CM7" s="276">
        <v>0</v>
      </c>
      <c r="CN7" s="280">
        <v>0</v>
      </c>
      <c r="CO7" s="277">
        <v>0</v>
      </c>
      <c r="CP7" s="279">
        <v>0</v>
      </c>
      <c r="CQ7" s="280">
        <v>2</v>
      </c>
      <c r="CR7" s="280">
        <v>6</v>
      </c>
      <c r="CS7" s="280">
        <v>7</v>
      </c>
      <c r="CT7" s="280">
        <v>4</v>
      </c>
      <c r="CU7" s="280">
        <v>16</v>
      </c>
      <c r="CV7" s="277">
        <v>35</v>
      </c>
      <c r="CW7" s="282">
        <v>35</v>
      </c>
    </row>
    <row r="8" spans="1:101" ht="21" customHeight="1" x14ac:dyDescent="0.2">
      <c r="B8" s="261" t="s">
        <v>6</v>
      </c>
      <c r="C8" s="276">
        <v>0</v>
      </c>
      <c r="D8" s="277">
        <v>0</v>
      </c>
      <c r="E8" s="278">
        <v>0</v>
      </c>
      <c r="F8" s="279">
        <v>0</v>
      </c>
      <c r="G8" s="280">
        <v>6</v>
      </c>
      <c r="H8" s="280">
        <v>7</v>
      </c>
      <c r="I8" s="280">
        <v>5</v>
      </c>
      <c r="J8" s="280">
        <v>7</v>
      </c>
      <c r="K8" s="280">
        <v>5</v>
      </c>
      <c r="L8" s="281">
        <v>30</v>
      </c>
      <c r="M8" s="282">
        <v>30</v>
      </c>
      <c r="N8" s="276">
        <v>0</v>
      </c>
      <c r="O8" s="280">
        <v>0</v>
      </c>
      <c r="P8" s="277">
        <v>0</v>
      </c>
      <c r="Q8" s="279">
        <v>0</v>
      </c>
      <c r="R8" s="280">
        <v>2</v>
      </c>
      <c r="S8" s="280">
        <v>5</v>
      </c>
      <c r="T8" s="280">
        <v>4</v>
      </c>
      <c r="U8" s="280">
        <v>8</v>
      </c>
      <c r="V8" s="280">
        <v>5</v>
      </c>
      <c r="W8" s="277">
        <v>24</v>
      </c>
      <c r="X8" s="282">
        <v>24</v>
      </c>
      <c r="Y8" s="276">
        <v>0</v>
      </c>
      <c r="Z8" s="280">
        <v>0</v>
      </c>
      <c r="AA8" s="277">
        <v>0</v>
      </c>
      <c r="AB8" s="279">
        <v>0</v>
      </c>
      <c r="AC8" s="280">
        <v>131</v>
      </c>
      <c r="AD8" s="280">
        <v>62</v>
      </c>
      <c r="AE8" s="280">
        <v>40</v>
      </c>
      <c r="AF8" s="280">
        <v>15</v>
      </c>
      <c r="AG8" s="280">
        <v>7</v>
      </c>
      <c r="AH8" s="277">
        <v>255</v>
      </c>
      <c r="AI8" s="282">
        <v>255</v>
      </c>
      <c r="AJ8" s="276">
        <v>0</v>
      </c>
      <c r="AK8" s="280">
        <v>0</v>
      </c>
      <c r="AL8" s="277">
        <v>0</v>
      </c>
      <c r="AM8" s="279">
        <v>0</v>
      </c>
      <c r="AN8" s="280">
        <v>7</v>
      </c>
      <c r="AO8" s="280">
        <v>14</v>
      </c>
      <c r="AP8" s="280">
        <v>16</v>
      </c>
      <c r="AQ8" s="280">
        <v>3</v>
      </c>
      <c r="AR8" s="280">
        <v>5</v>
      </c>
      <c r="AS8" s="277">
        <v>45</v>
      </c>
      <c r="AT8" s="282">
        <v>45</v>
      </c>
      <c r="AU8" s="276">
        <v>1</v>
      </c>
      <c r="AV8" s="280">
        <v>4</v>
      </c>
      <c r="AW8" s="277">
        <v>5</v>
      </c>
      <c r="AX8" s="279">
        <v>0</v>
      </c>
      <c r="AY8" s="280">
        <v>14</v>
      </c>
      <c r="AZ8" s="280">
        <v>7</v>
      </c>
      <c r="BA8" s="280">
        <v>9</v>
      </c>
      <c r="BB8" s="280">
        <v>3</v>
      </c>
      <c r="BC8" s="280">
        <v>1</v>
      </c>
      <c r="BD8" s="277">
        <v>34</v>
      </c>
      <c r="BE8" s="282">
        <v>39</v>
      </c>
      <c r="BF8" s="276">
        <v>0</v>
      </c>
      <c r="BG8" s="280">
        <v>0</v>
      </c>
      <c r="BH8" s="277">
        <v>0</v>
      </c>
      <c r="BI8" s="279">
        <v>0</v>
      </c>
      <c r="BJ8" s="280">
        <v>15</v>
      </c>
      <c r="BK8" s="280">
        <v>23</v>
      </c>
      <c r="BL8" s="280">
        <v>23</v>
      </c>
      <c r="BM8" s="280">
        <v>17</v>
      </c>
      <c r="BN8" s="280">
        <v>16</v>
      </c>
      <c r="BO8" s="281">
        <v>94</v>
      </c>
      <c r="BP8" s="282">
        <v>94</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1</v>
      </c>
      <c r="CG8" s="280">
        <v>0</v>
      </c>
      <c r="CH8" s="280">
        <v>8</v>
      </c>
      <c r="CI8" s="280">
        <v>5</v>
      </c>
      <c r="CJ8" s="280">
        <v>1</v>
      </c>
      <c r="CK8" s="277">
        <v>15</v>
      </c>
      <c r="CL8" s="282">
        <v>15</v>
      </c>
      <c r="CM8" s="276">
        <v>0</v>
      </c>
      <c r="CN8" s="280">
        <v>0</v>
      </c>
      <c r="CO8" s="277">
        <v>0</v>
      </c>
      <c r="CP8" s="279">
        <v>0</v>
      </c>
      <c r="CQ8" s="280">
        <v>2</v>
      </c>
      <c r="CR8" s="280">
        <v>5</v>
      </c>
      <c r="CS8" s="280">
        <v>6</v>
      </c>
      <c r="CT8" s="280">
        <v>7</v>
      </c>
      <c r="CU8" s="280">
        <v>5</v>
      </c>
      <c r="CV8" s="277">
        <v>25</v>
      </c>
      <c r="CW8" s="282">
        <v>25</v>
      </c>
    </row>
    <row r="9" spans="1:101" ht="21" customHeight="1" x14ac:dyDescent="0.2">
      <c r="B9" s="261" t="s">
        <v>14</v>
      </c>
      <c r="C9" s="276">
        <v>0</v>
      </c>
      <c r="D9" s="277">
        <v>0</v>
      </c>
      <c r="E9" s="278">
        <v>0</v>
      </c>
      <c r="F9" s="279">
        <v>0</v>
      </c>
      <c r="G9" s="280">
        <v>1</v>
      </c>
      <c r="H9" s="280">
        <v>0</v>
      </c>
      <c r="I9" s="280">
        <v>1</v>
      </c>
      <c r="J9" s="280">
        <v>1</v>
      </c>
      <c r="K9" s="280">
        <v>3</v>
      </c>
      <c r="L9" s="281">
        <v>6</v>
      </c>
      <c r="M9" s="282">
        <v>6</v>
      </c>
      <c r="N9" s="276">
        <v>0</v>
      </c>
      <c r="O9" s="280">
        <v>0</v>
      </c>
      <c r="P9" s="277">
        <v>0</v>
      </c>
      <c r="Q9" s="279">
        <v>0</v>
      </c>
      <c r="R9" s="280">
        <v>0</v>
      </c>
      <c r="S9" s="280">
        <v>0</v>
      </c>
      <c r="T9" s="280">
        <v>0</v>
      </c>
      <c r="U9" s="280">
        <v>1</v>
      </c>
      <c r="V9" s="280">
        <v>0</v>
      </c>
      <c r="W9" s="277">
        <v>1</v>
      </c>
      <c r="X9" s="282">
        <v>1</v>
      </c>
      <c r="Y9" s="276">
        <v>0</v>
      </c>
      <c r="Z9" s="280">
        <v>0</v>
      </c>
      <c r="AA9" s="277">
        <v>0</v>
      </c>
      <c r="AB9" s="279">
        <v>0</v>
      </c>
      <c r="AC9" s="280">
        <v>40</v>
      </c>
      <c r="AD9" s="280">
        <v>41</v>
      </c>
      <c r="AE9" s="280">
        <v>18</v>
      </c>
      <c r="AF9" s="280">
        <v>9</v>
      </c>
      <c r="AG9" s="280">
        <v>3</v>
      </c>
      <c r="AH9" s="277">
        <v>111</v>
      </c>
      <c r="AI9" s="282">
        <v>111</v>
      </c>
      <c r="AJ9" s="276">
        <v>0</v>
      </c>
      <c r="AK9" s="280">
        <v>0</v>
      </c>
      <c r="AL9" s="277">
        <v>0</v>
      </c>
      <c r="AM9" s="279">
        <v>0</v>
      </c>
      <c r="AN9" s="280">
        <v>1</v>
      </c>
      <c r="AO9" s="280">
        <v>0</v>
      </c>
      <c r="AP9" s="280">
        <v>1</v>
      </c>
      <c r="AQ9" s="280">
        <v>1</v>
      </c>
      <c r="AR9" s="280">
        <v>1</v>
      </c>
      <c r="AS9" s="277">
        <v>4</v>
      </c>
      <c r="AT9" s="282">
        <v>4</v>
      </c>
      <c r="AU9" s="276">
        <v>0</v>
      </c>
      <c r="AV9" s="280">
        <v>0</v>
      </c>
      <c r="AW9" s="277">
        <v>0</v>
      </c>
      <c r="AX9" s="279">
        <v>0</v>
      </c>
      <c r="AY9" s="280">
        <v>3</v>
      </c>
      <c r="AZ9" s="280">
        <v>6</v>
      </c>
      <c r="BA9" s="280">
        <v>5</v>
      </c>
      <c r="BB9" s="280">
        <v>1</v>
      </c>
      <c r="BC9" s="280">
        <v>2</v>
      </c>
      <c r="BD9" s="277">
        <v>17</v>
      </c>
      <c r="BE9" s="282">
        <v>17</v>
      </c>
      <c r="BF9" s="276">
        <v>0</v>
      </c>
      <c r="BG9" s="280">
        <v>0</v>
      </c>
      <c r="BH9" s="277">
        <v>0</v>
      </c>
      <c r="BI9" s="279">
        <v>0</v>
      </c>
      <c r="BJ9" s="280">
        <v>9</v>
      </c>
      <c r="BK9" s="280">
        <v>7</v>
      </c>
      <c r="BL9" s="280">
        <v>10</v>
      </c>
      <c r="BM9" s="280">
        <v>8</v>
      </c>
      <c r="BN9" s="280">
        <v>6</v>
      </c>
      <c r="BO9" s="281">
        <v>40</v>
      </c>
      <c r="BP9" s="282">
        <v>40</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1</v>
      </c>
      <c r="CH9" s="280">
        <v>1</v>
      </c>
      <c r="CI9" s="280">
        <v>0</v>
      </c>
      <c r="CJ9" s="280">
        <v>0</v>
      </c>
      <c r="CK9" s="277">
        <v>2</v>
      </c>
      <c r="CL9" s="282">
        <v>2</v>
      </c>
      <c r="CM9" s="276">
        <v>0</v>
      </c>
      <c r="CN9" s="280">
        <v>0</v>
      </c>
      <c r="CO9" s="277">
        <v>0</v>
      </c>
      <c r="CP9" s="279">
        <v>0</v>
      </c>
      <c r="CQ9" s="280">
        <v>1</v>
      </c>
      <c r="CR9" s="280">
        <v>0</v>
      </c>
      <c r="CS9" s="280">
        <v>1</v>
      </c>
      <c r="CT9" s="280">
        <v>0</v>
      </c>
      <c r="CU9" s="280">
        <v>0</v>
      </c>
      <c r="CV9" s="277">
        <v>2</v>
      </c>
      <c r="CW9" s="282">
        <v>2</v>
      </c>
    </row>
    <row r="10" spans="1:101" ht="21" customHeight="1" x14ac:dyDescent="0.2">
      <c r="B10" s="261" t="s">
        <v>7</v>
      </c>
      <c r="C10" s="276">
        <v>0</v>
      </c>
      <c r="D10" s="277">
        <v>0</v>
      </c>
      <c r="E10" s="278">
        <v>0</v>
      </c>
      <c r="F10" s="279">
        <v>0</v>
      </c>
      <c r="G10" s="280">
        <v>0</v>
      </c>
      <c r="H10" s="280">
        <v>1</v>
      </c>
      <c r="I10" s="280">
        <v>2</v>
      </c>
      <c r="J10" s="280">
        <v>1</v>
      </c>
      <c r="K10" s="280">
        <v>0</v>
      </c>
      <c r="L10" s="281">
        <v>4</v>
      </c>
      <c r="M10" s="282">
        <v>4</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25</v>
      </c>
      <c r="AD10" s="280">
        <v>18</v>
      </c>
      <c r="AE10" s="280">
        <v>14</v>
      </c>
      <c r="AF10" s="280">
        <v>3</v>
      </c>
      <c r="AG10" s="280">
        <v>1</v>
      </c>
      <c r="AH10" s="277">
        <v>61</v>
      </c>
      <c r="AI10" s="282">
        <v>61</v>
      </c>
      <c r="AJ10" s="276">
        <v>0</v>
      </c>
      <c r="AK10" s="280">
        <v>0</v>
      </c>
      <c r="AL10" s="277">
        <v>0</v>
      </c>
      <c r="AM10" s="279">
        <v>0</v>
      </c>
      <c r="AN10" s="280">
        <v>1</v>
      </c>
      <c r="AO10" s="280">
        <v>5</v>
      </c>
      <c r="AP10" s="280">
        <v>2</v>
      </c>
      <c r="AQ10" s="280">
        <v>3</v>
      </c>
      <c r="AR10" s="280">
        <v>1</v>
      </c>
      <c r="AS10" s="277">
        <v>12</v>
      </c>
      <c r="AT10" s="282">
        <v>12</v>
      </c>
      <c r="AU10" s="276">
        <v>0</v>
      </c>
      <c r="AV10" s="280">
        <v>0</v>
      </c>
      <c r="AW10" s="277">
        <v>0</v>
      </c>
      <c r="AX10" s="279">
        <v>0</v>
      </c>
      <c r="AY10" s="280">
        <v>0</v>
      </c>
      <c r="AZ10" s="280">
        <v>2</v>
      </c>
      <c r="BA10" s="280">
        <v>1</v>
      </c>
      <c r="BB10" s="280">
        <v>0</v>
      </c>
      <c r="BC10" s="280">
        <v>0</v>
      </c>
      <c r="BD10" s="277">
        <v>3</v>
      </c>
      <c r="BE10" s="282">
        <v>3</v>
      </c>
      <c r="BF10" s="276">
        <v>0</v>
      </c>
      <c r="BG10" s="280">
        <v>0</v>
      </c>
      <c r="BH10" s="277">
        <v>0</v>
      </c>
      <c r="BI10" s="279">
        <v>0</v>
      </c>
      <c r="BJ10" s="280">
        <v>4</v>
      </c>
      <c r="BK10" s="280">
        <v>1</v>
      </c>
      <c r="BL10" s="280">
        <v>7</v>
      </c>
      <c r="BM10" s="280">
        <v>3</v>
      </c>
      <c r="BN10" s="280">
        <v>1</v>
      </c>
      <c r="BO10" s="281">
        <v>16</v>
      </c>
      <c r="BP10" s="282">
        <v>16</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0</v>
      </c>
      <c r="CS10" s="280">
        <v>0</v>
      </c>
      <c r="CT10" s="280">
        <v>0</v>
      </c>
      <c r="CU10" s="280">
        <v>0</v>
      </c>
      <c r="CV10" s="277">
        <v>0</v>
      </c>
      <c r="CW10" s="282">
        <v>0</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32</v>
      </c>
      <c r="AD11" s="280">
        <v>19</v>
      </c>
      <c r="AE11" s="280">
        <v>5</v>
      </c>
      <c r="AF11" s="280">
        <v>2</v>
      </c>
      <c r="AG11" s="280">
        <v>2</v>
      </c>
      <c r="AH11" s="277">
        <v>60</v>
      </c>
      <c r="AI11" s="282">
        <v>60</v>
      </c>
      <c r="AJ11" s="276">
        <v>0</v>
      </c>
      <c r="AK11" s="280">
        <v>0</v>
      </c>
      <c r="AL11" s="277">
        <v>0</v>
      </c>
      <c r="AM11" s="279">
        <v>0</v>
      </c>
      <c r="AN11" s="280">
        <v>0</v>
      </c>
      <c r="AO11" s="280">
        <v>1</v>
      </c>
      <c r="AP11" s="280">
        <v>0</v>
      </c>
      <c r="AQ11" s="280">
        <v>0</v>
      </c>
      <c r="AR11" s="280">
        <v>0</v>
      </c>
      <c r="AS11" s="277">
        <v>1</v>
      </c>
      <c r="AT11" s="282">
        <v>1</v>
      </c>
      <c r="AU11" s="276">
        <v>0</v>
      </c>
      <c r="AV11" s="280">
        <v>0</v>
      </c>
      <c r="AW11" s="277">
        <v>0</v>
      </c>
      <c r="AX11" s="279">
        <v>0</v>
      </c>
      <c r="AY11" s="280">
        <v>2</v>
      </c>
      <c r="AZ11" s="280">
        <v>0</v>
      </c>
      <c r="BA11" s="280">
        <v>1</v>
      </c>
      <c r="BB11" s="280">
        <v>1</v>
      </c>
      <c r="BC11" s="280">
        <v>0</v>
      </c>
      <c r="BD11" s="277">
        <v>4</v>
      </c>
      <c r="BE11" s="282">
        <v>4</v>
      </c>
      <c r="BF11" s="276">
        <v>0</v>
      </c>
      <c r="BG11" s="280">
        <v>0</v>
      </c>
      <c r="BH11" s="277">
        <v>0</v>
      </c>
      <c r="BI11" s="279">
        <v>0</v>
      </c>
      <c r="BJ11" s="280">
        <v>0</v>
      </c>
      <c r="BK11" s="280">
        <v>1</v>
      </c>
      <c r="BL11" s="280">
        <v>0</v>
      </c>
      <c r="BM11" s="280">
        <v>3</v>
      </c>
      <c r="BN11" s="280">
        <v>1</v>
      </c>
      <c r="BO11" s="281">
        <v>5</v>
      </c>
      <c r="BP11" s="282">
        <v>5</v>
      </c>
      <c r="BQ11" s="276">
        <v>0</v>
      </c>
      <c r="BR11" s="280">
        <v>0</v>
      </c>
      <c r="BS11" s="277">
        <v>0</v>
      </c>
      <c r="BT11" s="279">
        <v>0</v>
      </c>
      <c r="BU11" s="280">
        <v>0</v>
      </c>
      <c r="BV11" s="280">
        <v>0</v>
      </c>
      <c r="BW11" s="280">
        <v>0</v>
      </c>
      <c r="BX11" s="280">
        <v>1</v>
      </c>
      <c r="BY11" s="280">
        <v>0</v>
      </c>
      <c r="BZ11" s="277">
        <v>1</v>
      </c>
      <c r="CA11" s="282">
        <v>1</v>
      </c>
      <c r="CB11" s="276">
        <v>0</v>
      </c>
      <c r="CC11" s="280">
        <v>0</v>
      </c>
      <c r="CD11" s="277">
        <v>0</v>
      </c>
      <c r="CE11" s="279">
        <v>0</v>
      </c>
      <c r="CF11" s="280">
        <v>0</v>
      </c>
      <c r="CG11" s="280">
        <v>0</v>
      </c>
      <c r="CH11" s="280">
        <v>0</v>
      </c>
      <c r="CI11" s="280">
        <v>0</v>
      </c>
      <c r="CJ11" s="280">
        <v>1</v>
      </c>
      <c r="CK11" s="277">
        <v>1</v>
      </c>
      <c r="CL11" s="282">
        <v>1</v>
      </c>
      <c r="CM11" s="276">
        <v>0</v>
      </c>
      <c r="CN11" s="280">
        <v>0</v>
      </c>
      <c r="CO11" s="277">
        <v>0</v>
      </c>
      <c r="CP11" s="279">
        <v>0</v>
      </c>
      <c r="CQ11" s="280">
        <v>0</v>
      </c>
      <c r="CR11" s="280">
        <v>0</v>
      </c>
      <c r="CS11" s="280">
        <v>0</v>
      </c>
      <c r="CT11" s="280">
        <v>0</v>
      </c>
      <c r="CU11" s="280">
        <v>0</v>
      </c>
      <c r="CV11" s="277">
        <v>0</v>
      </c>
      <c r="CW11" s="282">
        <v>0</v>
      </c>
    </row>
    <row r="12" spans="1:101" ht="21" customHeight="1" x14ac:dyDescent="0.2">
      <c r="B12" s="261" t="s">
        <v>9</v>
      </c>
      <c r="C12" s="276">
        <v>0</v>
      </c>
      <c r="D12" s="277">
        <v>0</v>
      </c>
      <c r="E12" s="278">
        <v>0</v>
      </c>
      <c r="F12" s="279">
        <v>0</v>
      </c>
      <c r="G12" s="280">
        <v>0</v>
      </c>
      <c r="H12" s="280">
        <v>1</v>
      </c>
      <c r="I12" s="280">
        <v>1</v>
      </c>
      <c r="J12" s="280">
        <v>2</v>
      </c>
      <c r="K12" s="280">
        <v>0</v>
      </c>
      <c r="L12" s="281">
        <v>4</v>
      </c>
      <c r="M12" s="282">
        <v>4</v>
      </c>
      <c r="N12" s="276">
        <v>0</v>
      </c>
      <c r="O12" s="280">
        <v>0</v>
      </c>
      <c r="P12" s="277">
        <v>0</v>
      </c>
      <c r="Q12" s="279">
        <v>0</v>
      </c>
      <c r="R12" s="280">
        <v>0</v>
      </c>
      <c r="S12" s="280">
        <v>0</v>
      </c>
      <c r="T12" s="280">
        <v>0</v>
      </c>
      <c r="U12" s="280">
        <v>0</v>
      </c>
      <c r="V12" s="280">
        <v>0</v>
      </c>
      <c r="W12" s="277">
        <v>0</v>
      </c>
      <c r="X12" s="282">
        <v>0</v>
      </c>
      <c r="Y12" s="276">
        <v>0</v>
      </c>
      <c r="Z12" s="280">
        <v>1</v>
      </c>
      <c r="AA12" s="277">
        <v>1</v>
      </c>
      <c r="AB12" s="279">
        <v>0</v>
      </c>
      <c r="AC12" s="280">
        <v>41</v>
      </c>
      <c r="AD12" s="280">
        <v>25</v>
      </c>
      <c r="AE12" s="280">
        <v>16</v>
      </c>
      <c r="AF12" s="280">
        <v>8</v>
      </c>
      <c r="AG12" s="280">
        <v>2</v>
      </c>
      <c r="AH12" s="277">
        <v>92</v>
      </c>
      <c r="AI12" s="282">
        <v>93</v>
      </c>
      <c r="AJ12" s="276">
        <v>0</v>
      </c>
      <c r="AK12" s="280">
        <v>0</v>
      </c>
      <c r="AL12" s="277">
        <v>0</v>
      </c>
      <c r="AM12" s="279">
        <v>0</v>
      </c>
      <c r="AN12" s="280">
        <v>2</v>
      </c>
      <c r="AO12" s="280">
        <v>0</v>
      </c>
      <c r="AP12" s="280">
        <v>2</v>
      </c>
      <c r="AQ12" s="280">
        <v>0</v>
      </c>
      <c r="AR12" s="280">
        <v>1</v>
      </c>
      <c r="AS12" s="277">
        <v>5</v>
      </c>
      <c r="AT12" s="282">
        <v>5</v>
      </c>
      <c r="AU12" s="276">
        <v>1</v>
      </c>
      <c r="AV12" s="280">
        <v>1</v>
      </c>
      <c r="AW12" s="277">
        <v>2</v>
      </c>
      <c r="AX12" s="279">
        <v>0</v>
      </c>
      <c r="AY12" s="280">
        <v>5</v>
      </c>
      <c r="AZ12" s="280">
        <v>0</v>
      </c>
      <c r="BA12" s="280">
        <v>1</v>
      </c>
      <c r="BB12" s="280">
        <v>6</v>
      </c>
      <c r="BC12" s="280">
        <v>1</v>
      </c>
      <c r="BD12" s="277">
        <v>13</v>
      </c>
      <c r="BE12" s="282">
        <v>15</v>
      </c>
      <c r="BF12" s="276">
        <v>0</v>
      </c>
      <c r="BG12" s="280">
        <v>0</v>
      </c>
      <c r="BH12" s="277">
        <v>0</v>
      </c>
      <c r="BI12" s="279">
        <v>0</v>
      </c>
      <c r="BJ12" s="280">
        <v>0</v>
      </c>
      <c r="BK12" s="280">
        <v>7</v>
      </c>
      <c r="BL12" s="280">
        <v>6</v>
      </c>
      <c r="BM12" s="280">
        <v>2</v>
      </c>
      <c r="BN12" s="280">
        <v>1</v>
      </c>
      <c r="BO12" s="281">
        <v>16</v>
      </c>
      <c r="BP12" s="282">
        <v>16</v>
      </c>
      <c r="BQ12" s="276">
        <v>0</v>
      </c>
      <c r="BR12" s="280">
        <v>0</v>
      </c>
      <c r="BS12" s="277">
        <v>0</v>
      </c>
      <c r="BT12" s="279">
        <v>0</v>
      </c>
      <c r="BU12" s="280">
        <v>0</v>
      </c>
      <c r="BV12" s="280">
        <v>3</v>
      </c>
      <c r="BW12" s="280">
        <v>0</v>
      </c>
      <c r="BX12" s="280">
        <v>1</v>
      </c>
      <c r="BY12" s="280">
        <v>0</v>
      </c>
      <c r="BZ12" s="277">
        <v>4</v>
      </c>
      <c r="CA12" s="282">
        <v>4</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3</v>
      </c>
      <c r="CT12" s="280">
        <v>2</v>
      </c>
      <c r="CU12" s="280">
        <v>2</v>
      </c>
      <c r="CV12" s="277">
        <v>8</v>
      </c>
      <c r="CW12" s="282">
        <v>8</v>
      </c>
    </row>
    <row r="13" spans="1:101" ht="21" customHeight="1" x14ac:dyDescent="0.2">
      <c r="B13" s="261" t="s">
        <v>10</v>
      </c>
      <c r="C13" s="276">
        <v>0</v>
      </c>
      <c r="D13" s="277">
        <v>0</v>
      </c>
      <c r="E13" s="278">
        <v>0</v>
      </c>
      <c r="F13" s="279">
        <v>0</v>
      </c>
      <c r="G13" s="280">
        <v>2</v>
      </c>
      <c r="H13" s="280">
        <v>0</v>
      </c>
      <c r="I13" s="280">
        <v>1</v>
      </c>
      <c r="J13" s="280">
        <v>1</v>
      </c>
      <c r="K13" s="280">
        <v>0</v>
      </c>
      <c r="L13" s="281">
        <v>4</v>
      </c>
      <c r="M13" s="282">
        <v>4</v>
      </c>
      <c r="N13" s="276">
        <v>0</v>
      </c>
      <c r="O13" s="280">
        <v>0</v>
      </c>
      <c r="P13" s="277">
        <v>0</v>
      </c>
      <c r="Q13" s="279">
        <v>0</v>
      </c>
      <c r="R13" s="280">
        <v>0</v>
      </c>
      <c r="S13" s="280">
        <v>0</v>
      </c>
      <c r="T13" s="280">
        <v>1</v>
      </c>
      <c r="U13" s="280">
        <v>0</v>
      </c>
      <c r="V13" s="280">
        <v>1</v>
      </c>
      <c r="W13" s="277">
        <v>2</v>
      </c>
      <c r="X13" s="282">
        <v>2</v>
      </c>
      <c r="Y13" s="276">
        <v>0</v>
      </c>
      <c r="Z13" s="280">
        <v>0</v>
      </c>
      <c r="AA13" s="277">
        <v>0</v>
      </c>
      <c r="AB13" s="279">
        <v>0</v>
      </c>
      <c r="AC13" s="280">
        <v>38</v>
      </c>
      <c r="AD13" s="280">
        <v>20</v>
      </c>
      <c r="AE13" s="280">
        <v>9</v>
      </c>
      <c r="AF13" s="280">
        <v>1</v>
      </c>
      <c r="AG13" s="280">
        <v>1</v>
      </c>
      <c r="AH13" s="277">
        <v>69</v>
      </c>
      <c r="AI13" s="282">
        <v>69</v>
      </c>
      <c r="AJ13" s="276">
        <v>0</v>
      </c>
      <c r="AK13" s="280">
        <v>0</v>
      </c>
      <c r="AL13" s="277">
        <v>0</v>
      </c>
      <c r="AM13" s="279">
        <v>0</v>
      </c>
      <c r="AN13" s="280">
        <v>1</v>
      </c>
      <c r="AO13" s="280">
        <v>3</v>
      </c>
      <c r="AP13" s="280">
        <v>1</v>
      </c>
      <c r="AQ13" s="280">
        <v>0</v>
      </c>
      <c r="AR13" s="280">
        <v>0</v>
      </c>
      <c r="AS13" s="277">
        <v>5</v>
      </c>
      <c r="AT13" s="282">
        <v>5</v>
      </c>
      <c r="AU13" s="276">
        <v>2</v>
      </c>
      <c r="AV13" s="280">
        <v>2</v>
      </c>
      <c r="AW13" s="277">
        <v>4</v>
      </c>
      <c r="AX13" s="279">
        <v>0</v>
      </c>
      <c r="AY13" s="280">
        <v>4</v>
      </c>
      <c r="AZ13" s="280">
        <v>1</v>
      </c>
      <c r="BA13" s="280">
        <v>2</v>
      </c>
      <c r="BB13" s="280">
        <v>1</v>
      </c>
      <c r="BC13" s="280">
        <v>5</v>
      </c>
      <c r="BD13" s="277">
        <v>13</v>
      </c>
      <c r="BE13" s="282">
        <v>17</v>
      </c>
      <c r="BF13" s="276">
        <v>0</v>
      </c>
      <c r="BG13" s="280">
        <v>0</v>
      </c>
      <c r="BH13" s="277">
        <v>0</v>
      </c>
      <c r="BI13" s="279">
        <v>0</v>
      </c>
      <c r="BJ13" s="280">
        <v>1</v>
      </c>
      <c r="BK13" s="280">
        <v>4</v>
      </c>
      <c r="BL13" s="280">
        <v>7</v>
      </c>
      <c r="BM13" s="280">
        <v>6</v>
      </c>
      <c r="BN13" s="280">
        <v>7</v>
      </c>
      <c r="BO13" s="281">
        <v>25</v>
      </c>
      <c r="BP13" s="282">
        <v>25</v>
      </c>
      <c r="BQ13" s="276">
        <v>0</v>
      </c>
      <c r="BR13" s="280">
        <v>0</v>
      </c>
      <c r="BS13" s="277">
        <v>0</v>
      </c>
      <c r="BT13" s="279">
        <v>0</v>
      </c>
      <c r="BU13" s="280">
        <v>2</v>
      </c>
      <c r="BV13" s="280">
        <v>2</v>
      </c>
      <c r="BW13" s="280">
        <v>4</v>
      </c>
      <c r="BX13" s="280">
        <v>1</v>
      </c>
      <c r="BY13" s="280">
        <v>3</v>
      </c>
      <c r="BZ13" s="277">
        <v>12</v>
      </c>
      <c r="CA13" s="282">
        <v>12</v>
      </c>
      <c r="CB13" s="276">
        <v>0</v>
      </c>
      <c r="CC13" s="280">
        <v>0</v>
      </c>
      <c r="CD13" s="277">
        <v>0</v>
      </c>
      <c r="CE13" s="279">
        <v>0</v>
      </c>
      <c r="CF13" s="280">
        <v>0</v>
      </c>
      <c r="CG13" s="280">
        <v>0</v>
      </c>
      <c r="CH13" s="280">
        <v>0</v>
      </c>
      <c r="CI13" s="280">
        <v>3</v>
      </c>
      <c r="CJ13" s="280">
        <v>0</v>
      </c>
      <c r="CK13" s="277">
        <v>3</v>
      </c>
      <c r="CL13" s="282">
        <v>3</v>
      </c>
      <c r="CM13" s="276">
        <v>0</v>
      </c>
      <c r="CN13" s="280">
        <v>0</v>
      </c>
      <c r="CO13" s="277">
        <v>0</v>
      </c>
      <c r="CP13" s="279">
        <v>0</v>
      </c>
      <c r="CQ13" s="280">
        <v>2</v>
      </c>
      <c r="CR13" s="280">
        <v>0</v>
      </c>
      <c r="CS13" s="280">
        <v>0</v>
      </c>
      <c r="CT13" s="280">
        <v>0</v>
      </c>
      <c r="CU13" s="280">
        <v>5</v>
      </c>
      <c r="CV13" s="277">
        <v>7</v>
      </c>
      <c r="CW13" s="282">
        <v>7</v>
      </c>
    </row>
    <row r="14" spans="1:101" ht="21" customHeight="1" x14ac:dyDescent="0.2">
      <c r="B14" s="261" t="s">
        <v>11</v>
      </c>
      <c r="C14" s="276">
        <v>0</v>
      </c>
      <c r="D14" s="277">
        <v>0</v>
      </c>
      <c r="E14" s="278">
        <v>0</v>
      </c>
      <c r="F14" s="279">
        <v>0</v>
      </c>
      <c r="G14" s="280">
        <v>1</v>
      </c>
      <c r="H14" s="280">
        <v>1</v>
      </c>
      <c r="I14" s="280">
        <v>1</v>
      </c>
      <c r="J14" s="280">
        <v>1</v>
      </c>
      <c r="K14" s="280">
        <v>1</v>
      </c>
      <c r="L14" s="281">
        <v>5</v>
      </c>
      <c r="M14" s="282">
        <v>5</v>
      </c>
      <c r="N14" s="276">
        <v>0</v>
      </c>
      <c r="O14" s="280">
        <v>0</v>
      </c>
      <c r="P14" s="277">
        <v>0</v>
      </c>
      <c r="Q14" s="279">
        <v>0</v>
      </c>
      <c r="R14" s="280">
        <v>1</v>
      </c>
      <c r="S14" s="280">
        <v>1</v>
      </c>
      <c r="T14" s="280">
        <v>0</v>
      </c>
      <c r="U14" s="280">
        <v>0</v>
      </c>
      <c r="V14" s="280">
        <v>0</v>
      </c>
      <c r="W14" s="277">
        <v>2</v>
      </c>
      <c r="X14" s="282">
        <v>2</v>
      </c>
      <c r="Y14" s="276">
        <v>0</v>
      </c>
      <c r="Z14" s="280">
        <v>0</v>
      </c>
      <c r="AA14" s="277">
        <v>0</v>
      </c>
      <c r="AB14" s="279">
        <v>0</v>
      </c>
      <c r="AC14" s="280">
        <v>22</v>
      </c>
      <c r="AD14" s="280">
        <v>6</v>
      </c>
      <c r="AE14" s="280">
        <v>8</v>
      </c>
      <c r="AF14" s="280">
        <v>4</v>
      </c>
      <c r="AG14" s="280">
        <v>1</v>
      </c>
      <c r="AH14" s="277">
        <v>41</v>
      </c>
      <c r="AI14" s="282">
        <v>41</v>
      </c>
      <c r="AJ14" s="276">
        <v>0</v>
      </c>
      <c r="AK14" s="280">
        <v>0</v>
      </c>
      <c r="AL14" s="277">
        <v>0</v>
      </c>
      <c r="AM14" s="279">
        <v>0</v>
      </c>
      <c r="AN14" s="280">
        <v>0</v>
      </c>
      <c r="AO14" s="280">
        <v>0</v>
      </c>
      <c r="AP14" s="280">
        <v>0</v>
      </c>
      <c r="AQ14" s="280">
        <v>0</v>
      </c>
      <c r="AR14" s="280">
        <v>0</v>
      </c>
      <c r="AS14" s="277">
        <v>0</v>
      </c>
      <c r="AT14" s="282">
        <v>0</v>
      </c>
      <c r="AU14" s="276">
        <v>0</v>
      </c>
      <c r="AV14" s="280">
        <v>1</v>
      </c>
      <c r="AW14" s="277">
        <v>1</v>
      </c>
      <c r="AX14" s="279">
        <v>0</v>
      </c>
      <c r="AY14" s="280">
        <v>1</v>
      </c>
      <c r="AZ14" s="280">
        <v>1</v>
      </c>
      <c r="BA14" s="280">
        <v>1</v>
      </c>
      <c r="BB14" s="280">
        <v>0</v>
      </c>
      <c r="BC14" s="280">
        <v>0</v>
      </c>
      <c r="BD14" s="277">
        <v>3</v>
      </c>
      <c r="BE14" s="282">
        <v>4</v>
      </c>
      <c r="BF14" s="276">
        <v>0</v>
      </c>
      <c r="BG14" s="280">
        <v>0</v>
      </c>
      <c r="BH14" s="277">
        <v>0</v>
      </c>
      <c r="BI14" s="279">
        <v>0</v>
      </c>
      <c r="BJ14" s="280">
        <v>0</v>
      </c>
      <c r="BK14" s="280">
        <v>3</v>
      </c>
      <c r="BL14" s="280">
        <v>0</v>
      </c>
      <c r="BM14" s="280">
        <v>4</v>
      </c>
      <c r="BN14" s="280">
        <v>1</v>
      </c>
      <c r="BO14" s="281">
        <v>8</v>
      </c>
      <c r="BP14" s="282">
        <v>8</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0</v>
      </c>
      <c r="CS14" s="280">
        <v>0</v>
      </c>
      <c r="CT14" s="280">
        <v>0</v>
      </c>
      <c r="CU14" s="280">
        <v>0</v>
      </c>
      <c r="CV14" s="277">
        <v>0</v>
      </c>
      <c r="CW14" s="282">
        <v>0</v>
      </c>
    </row>
    <row r="15" spans="1:101" ht="21" customHeight="1" x14ac:dyDescent="0.2">
      <c r="B15" s="261" t="s">
        <v>12</v>
      </c>
      <c r="C15" s="276">
        <v>0</v>
      </c>
      <c r="D15" s="277">
        <v>0</v>
      </c>
      <c r="E15" s="278">
        <v>0</v>
      </c>
      <c r="F15" s="279">
        <v>0</v>
      </c>
      <c r="G15" s="280">
        <v>1</v>
      </c>
      <c r="H15" s="280">
        <v>0</v>
      </c>
      <c r="I15" s="280">
        <v>0</v>
      </c>
      <c r="J15" s="280">
        <v>0</v>
      </c>
      <c r="K15" s="280">
        <v>0</v>
      </c>
      <c r="L15" s="281">
        <v>1</v>
      </c>
      <c r="M15" s="282">
        <v>1</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15</v>
      </c>
      <c r="AD15" s="280">
        <v>12</v>
      </c>
      <c r="AE15" s="280">
        <v>5</v>
      </c>
      <c r="AF15" s="280">
        <v>7</v>
      </c>
      <c r="AG15" s="280">
        <v>1</v>
      </c>
      <c r="AH15" s="277">
        <v>40</v>
      </c>
      <c r="AI15" s="282">
        <v>40</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1</v>
      </c>
      <c r="AZ15" s="280">
        <v>1</v>
      </c>
      <c r="BA15" s="280">
        <v>0</v>
      </c>
      <c r="BB15" s="280">
        <v>3</v>
      </c>
      <c r="BC15" s="280">
        <v>0</v>
      </c>
      <c r="BD15" s="277">
        <v>5</v>
      </c>
      <c r="BE15" s="282">
        <v>5</v>
      </c>
      <c r="BF15" s="276">
        <v>0</v>
      </c>
      <c r="BG15" s="280">
        <v>0</v>
      </c>
      <c r="BH15" s="277">
        <v>0</v>
      </c>
      <c r="BI15" s="279">
        <v>0</v>
      </c>
      <c r="BJ15" s="280">
        <v>3</v>
      </c>
      <c r="BK15" s="280">
        <v>1</v>
      </c>
      <c r="BL15" s="280">
        <v>1</v>
      </c>
      <c r="BM15" s="280">
        <v>3</v>
      </c>
      <c r="BN15" s="280">
        <v>1</v>
      </c>
      <c r="BO15" s="281">
        <v>9</v>
      </c>
      <c r="BP15" s="282">
        <v>9</v>
      </c>
      <c r="BQ15" s="276">
        <v>0</v>
      </c>
      <c r="BR15" s="280">
        <v>0</v>
      </c>
      <c r="BS15" s="277">
        <v>0</v>
      </c>
      <c r="BT15" s="279">
        <v>0</v>
      </c>
      <c r="BU15" s="280">
        <v>0</v>
      </c>
      <c r="BV15" s="280">
        <v>2</v>
      </c>
      <c r="BW15" s="280">
        <v>0</v>
      </c>
      <c r="BX15" s="280">
        <v>2</v>
      </c>
      <c r="BY15" s="280">
        <v>0</v>
      </c>
      <c r="BZ15" s="277">
        <v>4</v>
      </c>
      <c r="CA15" s="282">
        <v>4</v>
      </c>
      <c r="CB15" s="276">
        <v>0</v>
      </c>
      <c r="CC15" s="280">
        <v>0</v>
      </c>
      <c r="CD15" s="277">
        <v>0</v>
      </c>
      <c r="CE15" s="279">
        <v>0</v>
      </c>
      <c r="CF15" s="280">
        <v>0</v>
      </c>
      <c r="CG15" s="280">
        <v>0</v>
      </c>
      <c r="CH15" s="280">
        <v>0</v>
      </c>
      <c r="CI15" s="280">
        <v>0</v>
      </c>
      <c r="CJ15" s="280">
        <v>1</v>
      </c>
      <c r="CK15" s="277">
        <v>1</v>
      </c>
      <c r="CL15" s="282">
        <v>1</v>
      </c>
      <c r="CM15" s="276">
        <v>0</v>
      </c>
      <c r="CN15" s="280">
        <v>0</v>
      </c>
      <c r="CO15" s="277">
        <v>0</v>
      </c>
      <c r="CP15" s="279">
        <v>0</v>
      </c>
      <c r="CQ15" s="280">
        <v>0</v>
      </c>
      <c r="CR15" s="280">
        <v>1</v>
      </c>
      <c r="CS15" s="280">
        <v>0</v>
      </c>
      <c r="CT15" s="280">
        <v>3</v>
      </c>
      <c r="CU15" s="280">
        <v>2</v>
      </c>
      <c r="CV15" s="277">
        <v>6</v>
      </c>
      <c r="CW15" s="282">
        <v>6</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0</v>
      </c>
      <c r="AD16" s="280">
        <v>9</v>
      </c>
      <c r="AE16" s="280">
        <v>4</v>
      </c>
      <c r="AF16" s="280">
        <v>1</v>
      </c>
      <c r="AG16" s="280">
        <v>2</v>
      </c>
      <c r="AH16" s="277">
        <v>26</v>
      </c>
      <c r="AI16" s="282">
        <v>26</v>
      </c>
      <c r="AJ16" s="276">
        <v>0</v>
      </c>
      <c r="AK16" s="280">
        <v>0</v>
      </c>
      <c r="AL16" s="277">
        <v>0</v>
      </c>
      <c r="AM16" s="279">
        <v>0</v>
      </c>
      <c r="AN16" s="280">
        <v>0</v>
      </c>
      <c r="AO16" s="280">
        <v>0</v>
      </c>
      <c r="AP16" s="280">
        <v>0</v>
      </c>
      <c r="AQ16" s="280">
        <v>0</v>
      </c>
      <c r="AR16" s="280">
        <v>0</v>
      </c>
      <c r="AS16" s="277">
        <v>0</v>
      </c>
      <c r="AT16" s="282">
        <v>0</v>
      </c>
      <c r="AU16" s="276">
        <v>0</v>
      </c>
      <c r="AV16" s="280">
        <v>0</v>
      </c>
      <c r="AW16" s="277">
        <v>0</v>
      </c>
      <c r="AX16" s="279">
        <v>0</v>
      </c>
      <c r="AY16" s="280">
        <v>0</v>
      </c>
      <c r="AZ16" s="280">
        <v>1</v>
      </c>
      <c r="BA16" s="280">
        <v>1</v>
      </c>
      <c r="BB16" s="280">
        <v>0</v>
      </c>
      <c r="BC16" s="280">
        <v>0</v>
      </c>
      <c r="BD16" s="277">
        <v>2</v>
      </c>
      <c r="BE16" s="282">
        <v>2</v>
      </c>
      <c r="BF16" s="276">
        <v>0</v>
      </c>
      <c r="BG16" s="280">
        <v>0</v>
      </c>
      <c r="BH16" s="277">
        <v>0</v>
      </c>
      <c r="BI16" s="279">
        <v>0</v>
      </c>
      <c r="BJ16" s="280">
        <v>0</v>
      </c>
      <c r="BK16" s="280">
        <v>1</v>
      </c>
      <c r="BL16" s="280">
        <v>2</v>
      </c>
      <c r="BM16" s="280">
        <v>0</v>
      </c>
      <c r="BN16" s="280">
        <v>0</v>
      </c>
      <c r="BO16" s="281">
        <v>3</v>
      </c>
      <c r="BP16" s="282">
        <v>3</v>
      </c>
      <c r="BQ16" s="276">
        <v>0</v>
      </c>
      <c r="BR16" s="280">
        <v>0</v>
      </c>
      <c r="BS16" s="277">
        <v>0</v>
      </c>
      <c r="BT16" s="279">
        <v>0</v>
      </c>
      <c r="BU16" s="280">
        <v>0</v>
      </c>
      <c r="BV16" s="280">
        <v>0</v>
      </c>
      <c r="BW16" s="280">
        <v>2</v>
      </c>
      <c r="BX16" s="280">
        <v>0</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1</v>
      </c>
      <c r="I17" s="280">
        <v>0</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8</v>
      </c>
      <c r="AD17" s="280">
        <v>9</v>
      </c>
      <c r="AE17" s="280">
        <v>1</v>
      </c>
      <c r="AF17" s="280">
        <v>0</v>
      </c>
      <c r="AG17" s="280">
        <v>1</v>
      </c>
      <c r="AH17" s="277">
        <v>19</v>
      </c>
      <c r="AI17" s="282">
        <v>19</v>
      </c>
      <c r="AJ17" s="276">
        <v>0</v>
      </c>
      <c r="AK17" s="280">
        <v>0</v>
      </c>
      <c r="AL17" s="277">
        <v>0</v>
      </c>
      <c r="AM17" s="279">
        <v>0</v>
      </c>
      <c r="AN17" s="280">
        <v>0</v>
      </c>
      <c r="AO17" s="280">
        <v>0</v>
      </c>
      <c r="AP17" s="280">
        <v>0</v>
      </c>
      <c r="AQ17" s="280">
        <v>0</v>
      </c>
      <c r="AR17" s="280">
        <v>0</v>
      </c>
      <c r="AS17" s="277">
        <v>0</v>
      </c>
      <c r="AT17" s="282">
        <v>0</v>
      </c>
      <c r="AU17" s="276">
        <v>0</v>
      </c>
      <c r="AV17" s="280">
        <v>0</v>
      </c>
      <c r="AW17" s="277">
        <v>0</v>
      </c>
      <c r="AX17" s="279">
        <v>0</v>
      </c>
      <c r="AY17" s="280">
        <v>0</v>
      </c>
      <c r="AZ17" s="280">
        <v>0</v>
      </c>
      <c r="BA17" s="280">
        <v>0</v>
      </c>
      <c r="BB17" s="280">
        <v>0</v>
      </c>
      <c r="BC17" s="280">
        <v>0</v>
      </c>
      <c r="BD17" s="277">
        <v>0</v>
      </c>
      <c r="BE17" s="282">
        <v>0</v>
      </c>
      <c r="BF17" s="276">
        <v>0</v>
      </c>
      <c r="BG17" s="280">
        <v>0</v>
      </c>
      <c r="BH17" s="277">
        <v>0</v>
      </c>
      <c r="BI17" s="279">
        <v>0</v>
      </c>
      <c r="BJ17" s="280">
        <v>0</v>
      </c>
      <c r="BK17" s="280">
        <v>2</v>
      </c>
      <c r="BL17" s="280">
        <v>0</v>
      </c>
      <c r="BM17" s="280">
        <v>1</v>
      </c>
      <c r="BN17" s="280">
        <v>1</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1</v>
      </c>
      <c r="CI17" s="280">
        <v>0</v>
      </c>
      <c r="CJ17" s="280">
        <v>0</v>
      </c>
      <c r="CK17" s="277">
        <v>1</v>
      </c>
      <c r="CL17" s="282">
        <v>1</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1</v>
      </c>
      <c r="J18" s="280">
        <v>0</v>
      </c>
      <c r="K18" s="280">
        <v>2</v>
      </c>
      <c r="L18" s="281">
        <v>3</v>
      </c>
      <c r="M18" s="282">
        <v>3</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10</v>
      </c>
      <c r="AD18" s="280">
        <v>7</v>
      </c>
      <c r="AE18" s="280">
        <v>5</v>
      </c>
      <c r="AF18" s="280">
        <v>1</v>
      </c>
      <c r="AG18" s="280">
        <v>2</v>
      </c>
      <c r="AH18" s="277">
        <v>25</v>
      </c>
      <c r="AI18" s="282">
        <v>25</v>
      </c>
      <c r="AJ18" s="276">
        <v>0</v>
      </c>
      <c r="AK18" s="280">
        <v>0</v>
      </c>
      <c r="AL18" s="277">
        <v>0</v>
      </c>
      <c r="AM18" s="279">
        <v>0</v>
      </c>
      <c r="AN18" s="280">
        <v>1</v>
      </c>
      <c r="AO18" s="280">
        <v>1</v>
      </c>
      <c r="AP18" s="280">
        <v>1</v>
      </c>
      <c r="AQ18" s="280">
        <v>0</v>
      </c>
      <c r="AR18" s="280">
        <v>0</v>
      </c>
      <c r="AS18" s="277">
        <v>3</v>
      </c>
      <c r="AT18" s="282">
        <v>3</v>
      </c>
      <c r="AU18" s="276">
        <v>0</v>
      </c>
      <c r="AV18" s="280">
        <v>0</v>
      </c>
      <c r="AW18" s="277">
        <v>0</v>
      </c>
      <c r="AX18" s="279">
        <v>0</v>
      </c>
      <c r="AY18" s="280">
        <v>1</v>
      </c>
      <c r="AZ18" s="280">
        <v>0</v>
      </c>
      <c r="BA18" s="280">
        <v>0</v>
      </c>
      <c r="BB18" s="280">
        <v>0</v>
      </c>
      <c r="BC18" s="280">
        <v>1</v>
      </c>
      <c r="BD18" s="277">
        <v>2</v>
      </c>
      <c r="BE18" s="282">
        <v>2</v>
      </c>
      <c r="BF18" s="276">
        <v>0</v>
      </c>
      <c r="BG18" s="280">
        <v>0</v>
      </c>
      <c r="BH18" s="277">
        <v>0</v>
      </c>
      <c r="BI18" s="279">
        <v>0</v>
      </c>
      <c r="BJ18" s="280">
        <v>2</v>
      </c>
      <c r="BK18" s="280">
        <v>0</v>
      </c>
      <c r="BL18" s="280">
        <v>2</v>
      </c>
      <c r="BM18" s="280">
        <v>2</v>
      </c>
      <c r="BN18" s="280">
        <v>1</v>
      </c>
      <c r="BO18" s="281">
        <v>7</v>
      </c>
      <c r="BP18" s="282">
        <v>7</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0</v>
      </c>
      <c r="CS18" s="280">
        <v>0</v>
      </c>
      <c r="CT18" s="280">
        <v>0</v>
      </c>
      <c r="CU18" s="280">
        <v>0</v>
      </c>
      <c r="CV18" s="277">
        <v>0</v>
      </c>
      <c r="CW18" s="282">
        <v>0</v>
      </c>
    </row>
    <row r="19" spans="2:101" ht="21" customHeight="1" x14ac:dyDescent="0.2">
      <c r="B19" s="261" t="s">
        <v>17</v>
      </c>
      <c r="C19" s="276">
        <v>0</v>
      </c>
      <c r="D19" s="277">
        <v>0</v>
      </c>
      <c r="E19" s="278">
        <v>0</v>
      </c>
      <c r="F19" s="279">
        <v>0</v>
      </c>
      <c r="G19" s="280">
        <v>0</v>
      </c>
      <c r="H19" s="280">
        <v>0</v>
      </c>
      <c r="I19" s="280">
        <v>0</v>
      </c>
      <c r="J19" s="280">
        <v>0</v>
      </c>
      <c r="K19" s="280">
        <v>0</v>
      </c>
      <c r="L19" s="281">
        <v>0</v>
      </c>
      <c r="M19" s="282">
        <v>0</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0</v>
      </c>
      <c r="AD19" s="280">
        <v>13</v>
      </c>
      <c r="AE19" s="280">
        <v>8</v>
      </c>
      <c r="AF19" s="280">
        <v>6</v>
      </c>
      <c r="AG19" s="280">
        <v>2</v>
      </c>
      <c r="AH19" s="277">
        <v>39</v>
      </c>
      <c r="AI19" s="282">
        <v>39</v>
      </c>
      <c r="AJ19" s="276">
        <v>0</v>
      </c>
      <c r="AK19" s="280">
        <v>0</v>
      </c>
      <c r="AL19" s="277">
        <v>0</v>
      </c>
      <c r="AM19" s="279">
        <v>0</v>
      </c>
      <c r="AN19" s="280">
        <v>0</v>
      </c>
      <c r="AO19" s="280">
        <v>0</v>
      </c>
      <c r="AP19" s="280">
        <v>0</v>
      </c>
      <c r="AQ19" s="280">
        <v>0</v>
      </c>
      <c r="AR19" s="280">
        <v>0</v>
      </c>
      <c r="AS19" s="277">
        <v>0</v>
      </c>
      <c r="AT19" s="282">
        <v>0</v>
      </c>
      <c r="AU19" s="276">
        <v>0</v>
      </c>
      <c r="AV19" s="280">
        <v>0</v>
      </c>
      <c r="AW19" s="277">
        <v>0</v>
      </c>
      <c r="AX19" s="279">
        <v>0</v>
      </c>
      <c r="AY19" s="280">
        <v>1</v>
      </c>
      <c r="AZ19" s="280">
        <v>0</v>
      </c>
      <c r="BA19" s="280">
        <v>1</v>
      </c>
      <c r="BB19" s="280">
        <v>2</v>
      </c>
      <c r="BC19" s="280">
        <v>1</v>
      </c>
      <c r="BD19" s="277">
        <v>5</v>
      </c>
      <c r="BE19" s="282">
        <v>5</v>
      </c>
      <c r="BF19" s="276">
        <v>0</v>
      </c>
      <c r="BG19" s="280">
        <v>0</v>
      </c>
      <c r="BH19" s="277">
        <v>0</v>
      </c>
      <c r="BI19" s="279">
        <v>0</v>
      </c>
      <c r="BJ19" s="280">
        <v>2</v>
      </c>
      <c r="BK19" s="280">
        <v>4</v>
      </c>
      <c r="BL19" s="280">
        <v>3</v>
      </c>
      <c r="BM19" s="280">
        <v>4</v>
      </c>
      <c r="BN19" s="280">
        <v>2</v>
      </c>
      <c r="BO19" s="281">
        <v>15</v>
      </c>
      <c r="BP19" s="282">
        <v>15</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1</v>
      </c>
      <c r="CI19" s="280">
        <v>1</v>
      </c>
      <c r="CJ19" s="280">
        <v>2</v>
      </c>
      <c r="CK19" s="277">
        <v>4</v>
      </c>
      <c r="CL19" s="282">
        <v>4</v>
      </c>
      <c r="CM19" s="276">
        <v>0</v>
      </c>
      <c r="CN19" s="280">
        <v>0</v>
      </c>
      <c r="CO19" s="277">
        <v>0</v>
      </c>
      <c r="CP19" s="279">
        <v>0</v>
      </c>
      <c r="CQ19" s="280">
        <v>0</v>
      </c>
      <c r="CR19" s="280">
        <v>0</v>
      </c>
      <c r="CS19" s="280">
        <v>0</v>
      </c>
      <c r="CT19" s="280">
        <v>0</v>
      </c>
      <c r="CU19" s="280">
        <v>0</v>
      </c>
      <c r="CV19" s="277">
        <v>0</v>
      </c>
      <c r="CW19" s="282">
        <v>0</v>
      </c>
    </row>
    <row r="20" spans="2:101" ht="21" customHeight="1" x14ac:dyDescent="0.2">
      <c r="B20" s="261" t="s">
        <v>18</v>
      </c>
      <c r="C20" s="276">
        <v>0</v>
      </c>
      <c r="D20" s="277">
        <v>0</v>
      </c>
      <c r="E20" s="278">
        <v>0</v>
      </c>
      <c r="F20" s="279">
        <v>0</v>
      </c>
      <c r="G20" s="280">
        <v>0</v>
      </c>
      <c r="H20" s="280">
        <v>0</v>
      </c>
      <c r="I20" s="280">
        <v>0</v>
      </c>
      <c r="J20" s="280">
        <v>0</v>
      </c>
      <c r="K20" s="280">
        <v>1</v>
      </c>
      <c r="L20" s="281">
        <v>1</v>
      </c>
      <c r="M20" s="282">
        <v>1</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19</v>
      </c>
      <c r="AD20" s="280">
        <v>7</v>
      </c>
      <c r="AE20" s="280">
        <v>8</v>
      </c>
      <c r="AF20" s="280">
        <v>1</v>
      </c>
      <c r="AG20" s="280">
        <v>0</v>
      </c>
      <c r="AH20" s="277">
        <v>35</v>
      </c>
      <c r="AI20" s="282">
        <v>35</v>
      </c>
      <c r="AJ20" s="276">
        <v>0</v>
      </c>
      <c r="AK20" s="280">
        <v>0</v>
      </c>
      <c r="AL20" s="277">
        <v>0</v>
      </c>
      <c r="AM20" s="279">
        <v>0</v>
      </c>
      <c r="AN20" s="280">
        <v>1</v>
      </c>
      <c r="AO20" s="280">
        <v>0</v>
      </c>
      <c r="AP20" s="280">
        <v>2</v>
      </c>
      <c r="AQ20" s="280">
        <v>1</v>
      </c>
      <c r="AR20" s="280">
        <v>0</v>
      </c>
      <c r="AS20" s="277">
        <v>4</v>
      </c>
      <c r="AT20" s="282">
        <v>4</v>
      </c>
      <c r="AU20" s="276">
        <v>0</v>
      </c>
      <c r="AV20" s="280">
        <v>0</v>
      </c>
      <c r="AW20" s="277">
        <v>0</v>
      </c>
      <c r="AX20" s="279">
        <v>0</v>
      </c>
      <c r="AY20" s="280">
        <v>1</v>
      </c>
      <c r="AZ20" s="280">
        <v>1</v>
      </c>
      <c r="BA20" s="280">
        <v>1</v>
      </c>
      <c r="BB20" s="280">
        <v>1</v>
      </c>
      <c r="BC20" s="280">
        <v>2</v>
      </c>
      <c r="BD20" s="277">
        <v>6</v>
      </c>
      <c r="BE20" s="282">
        <v>6</v>
      </c>
      <c r="BF20" s="276">
        <v>0</v>
      </c>
      <c r="BG20" s="280">
        <v>0</v>
      </c>
      <c r="BH20" s="277">
        <v>0</v>
      </c>
      <c r="BI20" s="279">
        <v>0</v>
      </c>
      <c r="BJ20" s="280">
        <v>0</v>
      </c>
      <c r="BK20" s="280">
        <v>2</v>
      </c>
      <c r="BL20" s="280">
        <v>3</v>
      </c>
      <c r="BM20" s="280">
        <v>0</v>
      </c>
      <c r="BN20" s="280">
        <v>1</v>
      </c>
      <c r="BO20" s="281">
        <v>6</v>
      </c>
      <c r="BP20" s="282">
        <v>6</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1</v>
      </c>
      <c r="CJ20" s="280">
        <v>0</v>
      </c>
      <c r="CK20" s="277">
        <v>1</v>
      </c>
      <c r="CL20" s="282">
        <v>1</v>
      </c>
      <c r="CM20" s="276">
        <v>0</v>
      </c>
      <c r="CN20" s="280">
        <v>0</v>
      </c>
      <c r="CO20" s="277">
        <v>0</v>
      </c>
      <c r="CP20" s="279">
        <v>0</v>
      </c>
      <c r="CQ20" s="280">
        <v>0</v>
      </c>
      <c r="CR20" s="280">
        <v>1</v>
      </c>
      <c r="CS20" s="280">
        <v>0</v>
      </c>
      <c r="CT20" s="280">
        <v>1</v>
      </c>
      <c r="CU20" s="280">
        <v>3</v>
      </c>
      <c r="CV20" s="277">
        <v>5</v>
      </c>
      <c r="CW20" s="282">
        <v>5</v>
      </c>
    </row>
    <row r="21" spans="2:101" ht="21" customHeight="1" x14ac:dyDescent="0.2">
      <c r="B21" s="261" t="s">
        <v>19</v>
      </c>
      <c r="C21" s="276">
        <v>0</v>
      </c>
      <c r="D21" s="277">
        <v>0</v>
      </c>
      <c r="E21" s="278">
        <v>0</v>
      </c>
      <c r="F21" s="279">
        <v>0</v>
      </c>
      <c r="G21" s="280">
        <v>0</v>
      </c>
      <c r="H21" s="280">
        <v>1</v>
      </c>
      <c r="I21" s="280">
        <v>0</v>
      </c>
      <c r="J21" s="280">
        <v>2</v>
      </c>
      <c r="K21" s="280">
        <v>0</v>
      </c>
      <c r="L21" s="281">
        <v>3</v>
      </c>
      <c r="M21" s="282">
        <v>3</v>
      </c>
      <c r="N21" s="276">
        <v>0</v>
      </c>
      <c r="O21" s="280">
        <v>0</v>
      </c>
      <c r="P21" s="277">
        <v>0</v>
      </c>
      <c r="Q21" s="279">
        <v>0</v>
      </c>
      <c r="R21" s="280">
        <v>0</v>
      </c>
      <c r="S21" s="280">
        <v>0</v>
      </c>
      <c r="T21" s="280">
        <v>0</v>
      </c>
      <c r="U21" s="280">
        <v>1</v>
      </c>
      <c r="V21" s="280">
        <v>0</v>
      </c>
      <c r="W21" s="277">
        <v>1</v>
      </c>
      <c r="X21" s="282">
        <v>1</v>
      </c>
      <c r="Y21" s="276">
        <v>0</v>
      </c>
      <c r="Z21" s="280">
        <v>0</v>
      </c>
      <c r="AA21" s="277">
        <v>0</v>
      </c>
      <c r="AB21" s="279">
        <v>0</v>
      </c>
      <c r="AC21" s="280">
        <v>7</v>
      </c>
      <c r="AD21" s="280">
        <v>6</v>
      </c>
      <c r="AE21" s="280">
        <v>1</v>
      </c>
      <c r="AF21" s="280">
        <v>1</v>
      </c>
      <c r="AG21" s="280">
        <v>0</v>
      </c>
      <c r="AH21" s="277">
        <v>15</v>
      </c>
      <c r="AI21" s="282">
        <v>15</v>
      </c>
      <c r="AJ21" s="276">
        <v>0</v>
      </c>
      <c r="AK21" s="280">
        <v>0</v>
      </c>
      <c r="AL21" s="277">
        <v>0</v>
      </c>
      <c r="AM21" s="279">
        <v>0</v>
      </c>
      <c r="AN21" s="280">
        <v>1</v>
      </c>
      <c r="AO21" s="280">
        <v>3</v>
      </c>
      <c r="AP21" s="280">
        <v>0</v>
      </c>
      <c r="AQ21" s="280">
        <v>0</v>
      </c>
      <c r="AR21" s="280">
        <v>0</v>
      </c>
      <c r="AS21" s="277">
        <v>4</v>
      </c>
      <c r="AT21" s="282">
        <v>4</v>
      </c>
      <c r="AU21" s="276">
        <v>0</v>
      </c>
      <c r="AV21" s="280">
        <v>0</v>
      </c>
      <c r="AW21" s="277">
        <v>0</v>
      </c>
      <c r="AX21" s="279">
        <v>0</v>
      </c>
      <c r="AY21" s="280">
        <v>0</v>
      </c>
      <c r="AZ21" s="280">
        <v>1</v>
      </c>
      <c r="BA21" s="280">
        <v>1</v>
      </c>
      <c r="BB21" s="280">
        <v>1</v>
      </c>
      <c r="BC21" s="280">
        <v>1</v>
      </c>
      <c r="BD21" s="277">
        <v>4</v>
      </c>
      <c r="BE21" s="282">
        <v>4</v>
      </c>
      <c r="BF21" s="276">
        <v>0</v>
      </c>
      <c r="BG21" s="280">
        <v>0</v>
      </c>
      <c r="BH21" s="277">
        <v>0</v>
      </c>
      <c r="BI21" s="279">
        <v>0</v>
      </c>
      <c r="BJ21" s="280">
        <v>0</v>
      </c>
      <c r="BK21" s="280">
        <v>1</v>
      </c>
      <c r="BL21" s="280">
        <v>0</v>
      </c>
      <c r="BM21" s="280">
        <v>0</v>
      </c>
      <c r="BN21" s="280">
        <v>0</v>
      </c>
      <c r="BO21" s="281">
        <v>1</v>
      </c>
      <c r="BP21" s="282">
        <v>1</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8</v>
      </c>
      <c r="AD22" s="280">
        <v>7</v>
      </c>
      <c r="AE22" s="280">
        <v>1</v>
      </c>
      <c r="AF22" s="280">
        <v>0</v>
      </c>
      <c r="AG22" s="280">
        <v>0</v>
      </c>
      <c r="AH22" s="277">
        <v>16</v>
      </c>
      <c r="AI22" s="282">
        <v>16</v>
      </c>
      <c r="AJ22" s="276">
        <v>0</v>
      </c>
      <c r="AK22" s="280">
        <v>0</v>
      </c>
      <c r="AL22" s="277">
        <v>0</v>
      </c>
      <c r="AM22" s="279">
        <v>0</v>
      </c>
      <c r="AN22" s="280">
        <v>0</v>
      </c>
      <c r="AO22" s="280">
        <v>0</v>
      </c>
      <c r="AP22" s="280">
        <v>1</v>
      </c>
      <c r="AQ22" s="280">
        <v>0</v>
      </c>
      <c r="AR22" s="280">
        <v>0</v>
      </c>
      <c r="AS22" s="277">
        <v>1</v>
      </c>
      <c r="AT22" s="282">
        <v>1</v>
      </c>
      <c r="AU22" s="276">
        <v>0</v>
      </c>
      <c r="AV22" s="280">
        <v>0</v>
      </c>
      <c r="AW22" s="277">
        <v>0</v>
      </c>
      <c r="AX22" s="279">
        <v>0</v>
      </c>
      <c r="AY22" s="280">
        <v>0</v>
      </c>
      <c r="AZ22" s="280">
        <v>0</v>
      </c>
      <c r="BA22" s="280">
        <v>1</v>
      </c>
      <c r="BB22" s="280">
        <v>0</v>
      </c>
      <c r="BC22" s="280">
        <v>0</v>
      </c>
      <c r="BD22" s="277">
        <v>1</v>
      </c>
      <c r="BE22" s="282">
        <v>1</v>
      </c>
      <c r="BF22" s="276">
        <v>0</v>
      </c>
      <c r="BG22" s="280">
        <v>0</v>
      </c>
      <c r="BH22" s="277">
        <v>0</v>
      </c>
      <c r="BI22" s="279">
        <v>0</v>
      </c>
      <c r="BJ22" s="280">
        <v>1</v>
      </c>
      <c r="BK22" s="280">
        <v>1</v>
      </c>
      <c r="BL22" s="280">
        <v>1</v>
      </c>
      <c r="BM22" s="280">
        <v>0</v>
      </c>
      <c r="BN22" s="280">
        <v>1</v>
      </c>
      <c r="BO22" s="281">
        <v>4</v>
      </c>
      <c r="BP22" s="282">
        <v>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0</v>
      </c>
      <c r="I23" s="280">
        <v>0</v>
      </c>
      <c r="J23" s="280">
        <v>0</v>
      </c>
      <c r="K23" s="280">
        <v>0</v>
      </c>
      <c r="L23" s="281">
        <v>0</v>
      </c>
      <c r="M23" s="282">
        <v>0</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0</v>
      </c>
      <c r="AD23" s="280">
        <v>3</v>
      </c>
      <c r="AE23" s="280">
        <v>2</v>
      </c>
      <c r="AF23" s="280">
        <v>1</v>
      </c>
      <c r="AG23" s="280">
        <v>0</v>
      </c>
      <c r="AH23" s="277">
        <v>16</v>
      </c>
      <c r="AI23" s="282">
        <v>16</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1</v>
      </c>
      <c r="AZ23" s="280">
        <v>0</v>
      </c>
      <c r="BA23" s="280">
        <v>0</v>
      </c>
      <c r="BB23" s="280">
        <v>1</v>
      </c>
      <c r="BC23" s="280">
        <v>0</v>
      </c>
      <c r="BD23" s="277">
        <v>2</v>
      </c>
      <c r="BE23" s="282">
        <v>2</v>
      </c>
      <c r="BF23" s="276">
        <v>0</v>
      </c>
      <c r="BG23" s="280">
        <v>0</v>
      </c>
      <c r="BH23" s="277">
        <v>0</v>
      </c>
      <c r="BI23" s="279">
        <v>0</v>
      </c>
      <c r="BJ23" s="280">
        <v>1</v>
      </c>
      <c r="BK23" s="280">
        <v>2</v>
      </c>
      <c r="BL23" s="280">
        <v>1</v>
      </c>
      <c r="BM23" s="280">
        <v>2</v>
      </c>
      <c r="BN23" s="280">
        <v>0</v>
      </c>
      <c r="BO23" s="281">
        <v>6</v>
      </c>
      <c r="BP23" s="282">
        <v>6</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1</v>
      </c>
      <c r="CT23" s="280">
        <v>0</v>
      </c>
      <c r="CU23" s="280">
        <v>0</v>
      </c>
      <c r="CV23" s="277">
        <v>1</v>
      </c>
      <c r="CW23" s="282">
        <v>1</v>
      </c>
    </row>
    <row r="24" spans="2:101" ht="21" customHeight="1" x14ac:dyDescent="0.2">
      <c r="B24" s="261" t="s">
        <v>22</v>
      </c>
      <c r="C24" s="276">
        <v>0</v>
      </c>
      <c r="D24" s="277">
        <v>0</v>
      </c>
      <c r="E24" s="278">
        <v>0</v>
      </c>
      <c r="F24" s="279">
        <v>0</v>
      </c>
      <c r="G24" s="280">
        <v>3</v>
      </c>
      <c r="H24" s="280">
        <v>1</v>
      </c>
      <c r="I24" s="280">
        <v>0</v>
      </c>
      <c r="J24" s="280">
        <v>0</v>
      </c>
      <c r="K24" s="280">
        <v>0</v>
      </c>
      <c r="L24" s="281">
        <v>4</v>
      </c>
      <c r="M24" s="282">
        <v>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0</v>
      </c>
      <c r="AD24" s="280">
        <v>3</v>
      </c>
      <c r="AE24" s="280">
        <v>0</v>
      </c>
      <c r="AF24" s="280">
        <v>1</v>
      </c>
      <c r="AG24" s="280">
        <v>0</v>
      </c>
      <c r="AH24" s="277">
        <v>14</v>
      </c>
      <c r="AI24" s="282">
        <v>14</v>
      </c>
      <c r="AJ24" s="276">
        <v>0</v>
      </c>
      <c r="AK24" s="280">
        <v>0</v>
      </c>
      <c r="AL24" s="277">
        <v>0</v>
      </c>
      <c r="AM24" s="279">
        <v>0</v>
      </c>
      <c r="AN24" s="280">
        <v>0</v>
      </c>
      <c r="AO24" s="280">
        <v>0</v>
      </c>
      <c r="AP24" s="280">
        <v>1</v>
      </c>
      <c r="AQ24" s="280">
        <v>0</v>
      </c>
      <c r="AR24" s="280">
        <v>0</v>
      </c>
      <c r="AS24" s="277">
        <v>1</v>
      </c>
      <c r="AT24" s="282">
        <v>1</v>
      </c>
      <c r="AU24" s="276">
        <v>1</v>
      </c>
      <c r="AV24" s="280">
        <v>0</v>
      </c>
      <c r="AW24" s="277">
        <v>1</v>
      </c>
      <c r="AX24" s="279">
        <v>0</v>
      </c>
      <c r="AY24" s="280">
        <v>0</v>
      </c>
      <c r="AZ24" s="280">
        <v>2</v>
      </c>
      <c r="BA24" s="280">
        <v>0</v>
      </c>
      <c r="BB24" s="280">
        <v>0</v>
      </c>
      <c r="BC24" s="280">
        <v>0</v>
      </c>
      <c r="BD24" s="277">
        <v>2</v>
      </c>
      <c r="BE24" s="282">
        <v>3</v>
      </c>
      <c r="BF24" s="276">
        <v>0</v>
      </c>
      <c r="BG24" s="280">
        <v>0</v>
      </c>
      <c r="BH24" s="277">
        <v>0</v>
      </c>
      <c r="BI24" s="279">
        <v>0</v>
      </c>
      <c r="BJ24" s="280">
        <v>1</v>
      </c>
      <c r="BK24" s="280">
        <v>0</v>
      </c>
      <c r="BL24" s="280">
        <v>1</v>
      </c>
      <c r="BM24" s="280">
        <v>0</v>
      </c>
      <c r="BN24" s="280">
        <v>0</v>
      </c>
      <c r="BO24" s="281">
        <v>2</v>
      </c>
      <c r="BP24" s="282">
        <v>2</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2</v>
      </c>
      <c r="CJ24" s="280">
        <v>0</v>
      </c>
      <c r="CK24" s="277">
        <v>2</v>
      </c>
      <c r="CL24" s="282">
        <v>2</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2</v>
      </c>
      <c r="AD25" s="280">
        <v>3</v>
      </c>
      <c r="AE25" s="280">
        <v>1</v>
      </c>
      <c r="AF25" s="280">
        <v>0</v>
      </c>
      <c r="AG25" s="280">
        <v>1</v>
      </c>
      <c r="AH25" s="277">
        <v>7</v>
      </c>
      <c r="AI25" s="282">
        <v>7</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1</v>
      </c>
      <c r="BK25" s="280">
        <v>0</v>
      </c>
      <c r="BL25" s="280">
        <v>2</v>
      </c>
      <c r="BM25" s="280">
        <v>0</v>
      </c>
      <c r="BN25" s="280">
        <v>0</v>
      </c>
      <c r="BO25" s="281">
        <v>3</v>
      </c>
      <c r="BP25" s="282">
        <v>3</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0</v>
      </c>
      <c r="J26" s="280">
        <v>1</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0</v>
      </c>
      <c r="AD26" s="280">
        <v>0</v>
      </c>
      <c r="AE26" s="280">
        <v>1</v>
      </c>
      <c r="AF26" s="280">
        <v>0</v>
      </c>
      <c r="AG26" s="280">
        <v>0</v>
      </c>
      <c r="AH26" s="277">
        <v>1</v>
      </c>
      <c r="AI26" s="282">
        <v>1</v>
      </c>
      <c r="AJ26" s="276">
        <v>0</v>
      </c>
      <c r="AK26" s="280">
        <v>0</v>
      </c>
      <c r="AL26" s="277">
        <v>0</v>
      </c>
      <c r="AM26" s="279">
        <v>0</v>
      </c>
      <c r="AN26" s="280">
        <v>0</v>
      </c>
      <c r="AO26" s="280">
        <v>1</v>
      </c>
      <c r="AP26" s="280">
        <v>0</v>
      </c>
      <c r="AQ26" s="280">
        <v>0</v>
      </c>
      <c r="AR26" s="280">
        <v>1</v>
      </c>
      <c r="AS26" s="277">
        <v>2</v>
      </c>
      <c r="AT26" s="282">
        <v>2</v>
      </c>
      <c r="AU26" s="276">
        <v>0</v>
      </c>
      <c r="AV26" s="280">
        <v>0</v>
      </c>
      <c r="AW26" s="277">
        <v>0</v>
      </c>
      <c r="AX26" s="279">
        <v>0</v>
      </c>
      <c r="AY26" s="280">
        <v>3</v>
      </c>
      <c r="AZ26" s="280">
        <v>0</v>
      </c>
      <c r="BA26" s="280">
        <v>2</v>
      </c>
      <c r="BB26" s="280">
        <v>0</v>
      </c>
      <c r="BC26" s="280">
        <v>1</v>
      </c>
      <c r="BD26" s="277">
        <v>6</v>
      </c>
      <c r="BE26" s="282">
        <v>6</v>
      </c>
      <c r="BF26" s="276">
        <v>0</v>
      </c>
      <c r="BG26" s="280">
        <v>0</v>
      </c>
      <c r="BH26" s="277">
        <v>0</v>
      </c>
      <c r="BI26" s="279">
        <v>0</v>
      </c>
      <c r="BJ26" s="280">
        <v>0</v>
      </c>
      <c r="BK26" s="280">
        <v>0</v>
      </c>
      <c r="BL26" s="280">
        <v>1</v>
      </c>
      <c r="BM26" s="280">
        <v>1</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3</v>
      </c>
      <c r="AD27" s="280">
        <v>1</v>
      </c>
      <c r="AE27" s="280">
        <v>1</v>
      </c>
      <c r="AF27" s="280">
        <v>0</v>
      </c>
      <c r="AG27" s="280">
        <v>0</v>
      </c>
      <c r="AH27" s="277">
        <v>5</v>
      </c>
      <c r="AI27" s="282">
        <v>5</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0</v>
      </c>
      <c r="AZ27" s="280">
        <v>0</v>
      </c>
      <c r="BA27" s="280">
        <v>0</v>
      </c>
      <c r="BB27" s="280">
        <v>0</v>
      </c>
      <c r="BC27" s="280">
        <v>0</v>
      </c>
      <c r="BD27" s="277">
        <v>0</v>
      </c>
      <c r="BE27" s="282">
        <v>0</v>
      </c>
      <c r="BF27" s="276">
        <v>0</v>
      </c>
      <c r="BG27" s="280">
        <v>0</v>
      </c>
      <c r="BH27" s="277">
        <v>0</v>
      </c>
      <c r="BI27" s="279">
        <v>0</v>
      </c>
      <c r="BJ27" s="280">
        <v>2</v>
      </c>
      <c r="BK27" s="280">
        <v>0</v>
      </c>
      <c r="BL27" s="280">
        <v>1</v>
      </c>
      <c r="BM27" s="280">
        <v>0</v>
      </c>
      <c r="BN27" s="280">
        <v>0</v>
      </c>
      <c r="BO27" s="281">
        <v>3</v>
      </c>
      <c r="BP27" s="282">
        <v>3</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3</v>
      </c>
      <c r="AD28" s="280">
        <v>0</v>
      </c>
      <c r="AE28" s="280">
        <v>2</v>
      </c>
      <c r="AF28" s="280">
        <v>0</v>
      </c>
      <c r="AG28" s="280">
        <v>0</v>
      </c>
      <c r="AH28" s="277">
        <v>5</v>
      </c>
      <c r="AI28" s="282">
        <v>5</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1</v>
      </c>
      <c r="AZ28" s="280">
        <v>0</v>
      </c>
      <c r="BA28" s="280">
        <v>0</v>
      </c>
      <c r="BB28" s="280">
        <v>0</v>
      </c>
      <c r="BC28" s="280">
        <v>0</v>
      </c>
      <c r="BD28" s="277">
        <v>1</v>
      </c>
      <c r="BE28" s="282">
        <v>1</v>
      </c>
      <c r="BF28" s="276">
        <v>0</v>
      </c>
      <c r="BG28" s="280">
        <v>0</v>
      </c>
      <c r="BH28" s="277">
        <v>0</v>
      </c>
      <c r="BI28" s="279">
        <v>0</v>
      </c>
      <c r="BJ28" s="280">
        <v>0</v>
      </c>
      <c r="BK28" s="280">
        <v>0</v>
      </c>
      <c r="BL28" s="280">
        <v>1</v>
      </c>
      <c r="BM28" s="280">
        <v>1</v>
      </c>
      <c r="BN28" s="280">
        <v>2</v>
      </c>
      <c r="BO28" s="281">
        <v>4</v>
      </c>
      <c r="BP28" s="282">
        <v>4</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0</v>
      </c>
      <c r="J29" s="280">
        <v>0</v>
      </c>
      <c r="K29" s="280">
        <v>0</v>
      </c>
      <c r="L29" s="281">
        <v>0</v>
      </c>
      <c r="M29" s="282">
        <v>0</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2</v>
      </c>
      <c r="AD29" s="280">
        <v>1</v>
      </c>
      <c r="AE29" s="280">
        <v>0</v>
      </c>
      <c r="AF29" s="280">
        <v>0</v>
      </c>
      <c r="AG29" s="280">
        <v>0</v>
      </c>
      <c r="AH29" s="277">
        <v>3</v>
      </c>
      <c r="AI29" s="282">
        <v>3</v>
      </c>
      <c r="AJ29" s="276">
        <v>0</v>
      </c>
      <c r="AK29" s="280">
        <v>0</v>
      </c>
      <c r="AL29" s="277">
        <v>0</v>
      </c>
      <c r="AM29" s="279">
        <v>0</v>
      </c>
      <c r="AN29" s="280">
        <v>0</v>
      </c>
      <c r="AO29" s="280">
        <v>1</v>
      </c>
      <c r="AP29" s="280">
        <v>1</v>
      </c>
      <c r="AQ29" s="280">
        <v>0</v>
      </c>
      <c r="AR29" s="280">
        <v>0</v>
      </c>
      <c r="AS29" s="277">
        <v>2</v>
      </c>
      <c r="AT29" s="282">
        <v>2</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0</v>
      </c>
      <c r="BM29" s="280">
        <v>0</v>
      </c>
      <c r="BN29" s="280">
        <v>0</v>
      </c>
      <c r="BO29" s="281">
        <v>0</v>
      </c>
      <c r="BP29" s="282">
        <v>0</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0</v>
      </c>
      <c r="BO30" s="281">
        <v>0</v>
      </c>
      <c r="BP30" s="282">
        <v>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v>
      </c>
      <c r="AD31" s="280">
        <v>1</v>
      </c>
      <c r="AE31" s="280">
        <v>0</v>
      </c>
      <c r="AF31" s="280">
        <v>0</v>
      </c>
      <c r="AG31" s="280">
        <v>0</v>
      </c>
      <c r="AH31" s="277">
        <v>2</v>
      </c>
      <c r="AI31" s="282">
        <v>2</v>
      </c>
      <c r="AJ31" s="276">
        <v>0</v>
      </c>
      <c r="AK31" s="280">
        <v>0</v>
      </c>
      <c r="AL31" s="277">
        <v>0</v>
      </c>
      <c r="AM31" s="279">
        <v>0</v>
      </c>
      <c r="AN31" s="280">
        <v>0</v>
      </c>
      <c r="AO31" s="280">
        <v>0</v>
      </c>
      <c r="AP31" s="280">
        <v>1</v>
      </c>
      <c r="AQ31" s="280">
        <v>0</v>
      </c>
      <c r="AR31" s="280">
        <v>0</v>
      </c>
      <c r="AS31" s="277">
        <v>1</v>
      </c>
      <c r="AT31" s="282">
        <v>1</v>
      </c>
      <c r="AU31" s="276">
        <v>0</v>
      </c>
      <c r="AV31" s="280">
        <v>0</v>
      </c>
      <c r="AW31" s="277">
        <v>0</v>
      </c>
      <c r="AX31" s="279">
        <v>0</v>
      </c>
      <c r="AY31" s="280">
        <v>3</v>
      </c>
      <c r="AZ31" s="280">
        <v>0</v>
      </c>
      <c r="BA31" s="280">
        <v>1</v>
      </c>
      <c r="BB31" s="280">
        <v>0</v>
      </c>
      <c r="BC31" s="280">
        <v>0</v>
      </c>
      <c r="BD31" s="277">
        <v>4</v>
      </c>
      <c r="BE31" s="282">
        <v>4</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1</v>
      </c>
      <c r="AP32" s="280">
        <v>0</v>
      </c>
      <c r="AQ32" s="280">
        <v>0</v>
      </c>
      <c r="AR32" s="280">
        <v>0</v>
      </c>
      <c r="AS32" s="277">
        <v>1</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0</v>
      </c>
      <c r="BN32" s="280">
        <v>0</v>
      </c>
      <c r="BO32" s="281">
        <v>0</v>
      </c>
      <c r="BP32" s="282">
        <v>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2</v>
      </c>
      <c r="I33" s="280">
        <v>0</v>
      </c>
      <c r="J33" s="280">
        <v>0</v>
      </c>
      <c r="K33" s="280">
        <v>0</v>
      </c>
      <c r="L33" s="281">
        <v>2</v>
      </c>
      <c r="M33" s="282">
        <v>2</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1</v>
      </c>
      <c r="AD33" s="280">
        <v>1</v>
      </c>
      <c r="AE33" s="280">
        <v>1</v>
      </c>
      <c r="AF33" s="280">
        <v>0</v>
      </c>
      <c r="AG33" s="280">
        <v>0</v>
      </c>
      <c r="AH33" s="277">
        <v>3</v>
      </c>
      <c r="AI33" s="282">
        <v>3</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0</v>
      </c>
      <c r="BB33" s="280">
        <v>0</v>
      </c>
      <c r="BC33" s="280">
        <v>0</v>
      </c>
      <c r="BD33" s="277">
        <v>1</v>
      </c>
      <c r="BE33" s="282">
        <v>1</v>
      </c>
      <c r="BF33" s="276">
        <v>0</v>
      </c>
      <c r="BG33" s="280">
        <v>0</v>
      </c>
      <c r="BH33" s="277">
        <v>0</v>
      </c>
      <c r="BI33" s="279">
        <v>0</v>
      </c>
      <c r="BJ33" s="280">
        <v>0</v>
      </c>
      <c r="BK33" s="280">
        <v>0</v>
      </c>
      <c r="BL33" s="280">
        <v>0</v>
      </c>
      <c r="BM33" s="280">
        <v>0</v>
      </c>
      <c r="BN33" s="280">
        <v>1</v>
      </c>
      <c r="BO33" s="281">
        <v>1</v>
      </c>
      <c r="BP33" s="282">
        <v>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1</v>
      </c>
      <c r="I34" s="280">
        <v>0</v>
      </c>
      <c r="J34" s="280">
        <v>0</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2</v>
      </c>
      <c r="AD34" s="280">
        <v>2</v>
      </c>
      <c r="AE34" s="280">
        <v>1</v>
      </c>
      <c r="AF34" s="280">
        <v>1</v>
      </c>
      <c r="AG34" s="280">
        <v>0</v>
      </c>
      <c r="AH34" s="277">
        <v>6</v>
      </c>
      <c r="AI34" s="282">
        <v>6</v>
      </c>
      <c r="AJ34" s="276">
        <v>0</v>
      </c>
      <c r="AK34" s="280">
        <v>0</v>
      </c>
      <c r="AL34" s="277">
        <v>0</v>
      </c>
      <c r="AM34" s="279">
        <v>0</v>
      </c>
      <c r="AN34" s="280">
        <v>1</v>
      </c>
      <c r="AO34" s="280">
        <v>0</v>
      </c>
      <c r="AP34" s="280">
        <v>0</v>
      </c>
      <c r="AQ34" s="280">
        <v>0</v>
      </c>
      <c r="AR34" s="280">
        <v>0</v>
      </c>
      <c r="AS34" s="277">
        <v>1</v>
      </c>
      <c r="AT34" s="282">
        <v>1</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1</v>
      </c>
      <c r="BK34" s="280">
        <v>0</v>
      </c>
      <c r="BL34" s="280">
        <v>1</v>
      </c>
      <c r="BM34" s="280">
        <v>0</v>
      </c>
      <c r="BN34" s="280">
        <v>1</v>
      </c>
      <c r="BO34" s="281">
        <v>3</v>
      </c>
      <c r="BP34" s="282">
        <v>3</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0</v>
      </c>
      <c r="CI34" s="280">
        <v>1</v>
      </c>
      <c r="CJ34" s="280">
        <v>0</v>
      </c>
      <c r="CK34" s="277">
        <v>2</v>
      </c>
      <c r="CL34" s="282">
        <v>2</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v>
      </c>
      <c r="AD35" s="280">
        <v>0</v>
      </c>
      <c r="AE35" s="280">
        <v>2</v>
      </c>
      <c r="AF35" s="280">
        <v>0</v>
      </c>
      <c r="AG35" s="280">
        <v>0</v>
      </c>
      <c r="AH35" s="277">
        <v>4</v>
      </c>
      <c r="AI35" s="282">
        <v>4</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1</v>
      </c>
      <c r="CV35" s="277">
        <v>1</v>
      </c>
      <c r="CW35" s="282">
        <v>1</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0</v>
      </c>
      <c r="CV36" s="277">
        <v>1</v>
      </c>
      <c r="CW36" s="282">
        <v>1</v>
      </c>
    </row>
    <row r="37" spans="2:101" ht="21" customHeight="1" x14ac:dyDescent="0.2">
      <c r="B37" s="261" t="s">
        <v>35</v>
      </c>
      <c r="C37" s="276">
        <v>0</v>
      </c>
      <c r="D37" s="277">
        <v>0</v>
      </c>
      <c r="E37" s="278">
        <v>0</v>
      </c>
      <c r="F37" s="279">
        <v>0</v>
      </c>
      <c r="G37" s="280">
        <v>0</v>
      </c>
      <c r="H37" s="280">
        <v>0</v>
      </c>
      <c r="I37" s="280">
        <v>0</v>
      </c>
      <c r="J37" s="280">
        <v>0</v>
      </c>
      <c r="K37" s="280">
        <v>0</v>
      </c>
      <c r="L37" s="281">
        <v>0</v>
      </c>
      <c r="M37" s="282">
        <v>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v>
      </c>
      <c r="AD37" s="280">
        <v>1</v>
      </c>
      <c r="AE37" s="280">
        <v>0</v>
      </c>
      <c r="AF37" s="280">
        <v>0</v>
      </c>
      <c r="AG37" s="280">
        <v>0</v>
      </c>
      <c r="AH37" s="277">
        <v>2</v>
      </c>
      <c r="AI37" s="282">
        <v>2</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1</v>
      </c>
      <c r="BC37" s="280">
        <v>0</v>
      </c>
      <c r="BD37" s="277">
        <v>1</v>
      </c>
      <c r="BE37" s="282">
        <v>1</v>
      </c>
      <c r="BF37" s="276">
        <v>0</v>
      </c>
      <c r="BG37" s="280">
        <v>0</v>
      </c>
      <c r="BH37" s="277">
        <v>0</v>
      </c>
      <c r="BI37" s="279">
        <v>0</v>
      </c>
      <c r="BJ37" s="280">
        <v>0</v>
      </c>
      <c r="BK37" s="280">
        <v>0</v>
      </c>
      <c r="BL37" s="280">
        <v>0</v>
      </c>
      <c r="BM37" s="280">
        <v>1</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2</v>
      </c>
      <c r="AD38" s="280">
        <v>0</v>
      </c>
      <c r="AE38" s="280">
        <v>0</v>
      </c>
      <c r="AF38" s="280">
        <v>2</v>
      </c>
      <c r="AG38" s="280">
        <v>0</v>
      </c>
      <c r="AH38" s="277">
        <v>4</v>
      </c>
      <c r="AI38" s="282">
        <v>4</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1</v>
      </c>
      <c r="AZ38" s="280">
        <v>0</v>
      </c>
      <c r="BA38" s="280">
        <v>0</v>
      </c>
      <c r="BB38" s="280">
        <v>0</v>
      </c>
      <c r="BC38" s="280">
        <v>0</v>
      </c>
      <c r="BD38" s="277">
        <v>1</v>
      </c>
      <c r="BE38" s="282">
        <v>1</v>
      </c>
      <c r="BF38" s="276">
        <v>0</v>
      </c>
      <c r="BG38" s="280">
        <v>0</v>
      </c>
      <c r="BH38" s="277">
        <v>0</v>
      </c>
      <c r="BI38" s="279">
        <v>0</v>
      </c>
      <c r="BJ38" s="280">
        <v>0</v>
      </c>
      <c r="BK38" s="280">
        <v>0</v>
      </c>
      <c r="BL38" s="280">
        <v>1</v>
      </c>
      <c r="BM38" s="280">
        <v>1</v>
      </c>
      <c r="BN38" s="280">
        <v>0</v>
      </c>
      <c r="BO38" s="281">
        <v>2</v>
      </c>
      <c r="BP38" s="282">
        <v>2</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8" style="255" customWidth="1"/>
    <col min="18" max="16384" width="9" style="255"/>
  </cols>
  <sheetData>
    <row r="1" spans="2:24" ht="24" customHeight="1" x14ac:dyDescent="0.2">
      <c r="B1" s="290" t="s">
        <v>125</v>
      </c>
      <c r="H1" s="526">
        <f>第１表!F2</f>
        <v>4</v>
      </c>
      <c r="I1" s="526"/>
      <c r="J1" s="248">
        <f>第１表!G2</f>
        <v>10</v>
      </c>
      <c r="K1" s="531">
        <f>IF(J1&lt;3,J1+12-2,J1-2)</f>
        <v>8</v>
      </c>
      <c r="L1" s="531"/>
    </row>
    <row r="2" spans="2:24" ht="24" customHeight="1" thickBot="1" x14ac:dyDescent="0.25">
      <c r="B2" s="290" t="s">
        <v>133</v>
      </c>
    </row>
    <row r="3" spans="2:24" ht="21.75" customHeight="1" x14ac:dyDescent="0.2">
      <c r="B3" s="534"/>
      <c r="C3" s="535" t="s">
        <v>143</v>
      </c>
      <c r="D3" s="535"/>
      <c r="E3" s="535"/>
      <c r="F3" s="535"/>
      <c r="G3" s="535"/>
      <c r="H3" s="535"/>
      <c r="I3" s="535"/>
      <c r="J3" s="535"/>
      <c r="K3" s="535"/>
      <c r="L3" s="535"/>
      <c r="M3" s="567"/>
      <c r="N3" s="535" t="s">
        <v>113</v>
      </c>
      <c r="O3" s="535"/>
      <c r="P3" s="535"/>
      <c r="Q3" s="535"/>
      <c r="R3" s="535"/>
      <c r="S3" s="535"/>
      <c r="T3" s="535"/>
      <c r="U3" s="535"/>
      <c r="V3" s="535"/>
      <c r="W3" s="535"/>
      <c r="X3" s="567"/>
    </row>
    <row r="4" spans="2:24" ht="20.25" customHeight="1" x14ac:dyDescent="0.2">
      <c r="B4" s="573"/>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28.5" customHeight="1" thickBot="1" x14ac:dyDescent="0.25">
      <c r="B5" s="574"/>
      <c r="C5" s="259" t="s">
        <v>43</v>
      </c>
      <c r="D5" s="259" t="s">
        <v>44</v>
      </c>
      <c r="E5" s="265" t="s">
        <v>45</v>
      </c>
      <c r="F5" s="267" t="s">
        <v>83</v>
      </c>
      <c r="G5" s="259" t="s">
        <v>47</v>
      </c>
      <c r="H5" s="259" t="s">
        <v>48</v>
      </c>
      <c r="I5" s="259" t="s">
        <v>49</v>
      </c>
      <c r="J5" s="259" t="s">
        <v>50</v>
      </c>
      <c r="K5" s="259" t="s">
        <v>51</v>
      </c>
      <c r="L5" s="265" t="s">
        <v>45</v>
      </c>
      <c r="M5" s="533"/>
      <c r="N5" s="259" t="s">
        <v>43</v>
      </c>
      <c r="O5" s="259" t="s">
        <v>44</v>
      </c>
      <c r="P5" s="265" t="s">
        <v>45</v>
      </c>
      <c r="Q5" s="267" t="s">
        <v>83</v>
      </c>
      <c r="R5" s="259" t="s">
        <v>47</v>
      </c>
      <c r="S5" s="259" t="s">
        <v>48</v>
      </c>
      <c r="T5" s="259" t="s">
        <v>49</v>
      </c>
      <c r="U5" s="259" t="s">
        <v>50</v>
      </c>
      <c r="V5" s="259" t="s">
        <v>51</v>
      </c>
      <c r="W5" s="265" t="s">
        <v>45</v>
      </c>
      <c r="X5" s="533"/>
    </row>
    <row r="6" spans="2:24" ht="21" customHeight="1" x14ac:dyDescent="0.2">
      <c r="B6" s="258" t="s">
        <v>4</v>
      </c>
      <c r="C6" s="273">
        <v>0</v>
      </c>
      <c r="D6" s="273">
        <v>2</v>
      </c>
      <c r="E6" s="270">
        <v>2</v>
      </c>
      <c r="F6" s="272">
        <v>0</v>
      </c>
      <c r="G6" s="273">
        <v>97209</v>
      </c>
      <c r="H6" s="273">
        <v>95215</v>
      </c>
      <c r="I6" s="273">
        <v>57289</v>
      </c>
      <c r="J6" s="273">
        <v>30990</v>
      </c>
      <c r="K6" s="273">
        <v>13774</v>
      </c>
      <c r="L6" s="270">
        <v>294477</v>
      </c>
      <c r="M6" s="275">
        <v>294479</v>
      </c>
      <c r="N6" s="273">
        <v>42</v>
      </c>
      <c r="O6" s="273">
        <v>35</v>
      </c>
      <c r="P6" s="270">
        <v>77</v>
      </c>
      <c r="Q6" s="272">
        <v>0</v>
      </c>
      <c r="R6" s="273">
        <v>6618</v>
      </c>
      <c r="S6" s="273">
        <v>8851</v>
      </c>
      <c r="T6" s="273">
        <v>11409</v>
      </c>
      <c r="U6" s="273">
        <v>6011</v>
      </c>
      <c r="V6" s="273">
        <v>5163</v>
      </c>
      <c r="W6" s="270">
        <v>38052</v>
      </c>
      <c r="X6" s="275">
        <v>38129</v>
      </c>
    </row>
    <row r="7" spans="2:24" ht="21" customHeight="1" x14ac:dyDescent="0.2">
      <c r="B7" s="256" t="s">
        <v>5</v>
      </c>
      <c r="C7" s="280">
        <v>0</v>
      </c>
      <c r="D7" s="280">
        <v>0</v>
      </c>
      <c r="E7" s="277">
        <v>0</v>
      </c>
      <c r="F7" s="279">
        <v>0</v>
      </c>
      <c r="G7" s="280">
        <v>33027</v>
      </c>
      <c r="H7" s="280">
        <v>43585</v>
      </c>
      <c r="I7" s="280">
        <v>24939</v>
      </c>
      <c r="J7" s="280">
        <v>14159</v>
      </c>
      <c r="K7" s="280">
        <v>6424</v>
      </c>
      <c r="L7" s="277">
        <v>122134</v>
      </c>
      <c r="M7" s="282">
        <v>122134</v>
      </c>
      <c r="N7" s="280">
        <v>13</v>
      </c>
      <c r="O7" s="280">
        <v>13</v>
      </c>
      <c r="P7" s="277">
        <v>26</v>
      </c>
      <c r="Q7" s="279">
        <v>0</v>
      </c>
      <c r="R7" s="280">
        <v>3001</v>
      </c>
      <c r="S7" s="280">
        <v>4732</v>
      </c>
      <c r="T7" s="280">
        <v>6242</v>
      </c>
      <c r="U7" s="280">
        <v>3194</v>
      </c>
      <c r="V7" s="280">
        <v>3027</v>
      </c>
      <c r="W7" s="277">
        <v>20196</v>
      </c>
      <c r="X7" s="282">
        <v>20222</v>
      </c>
    </row>
    <row r="8" spans="2:24" ht="21" customHeight="1" x14ac:dyDescent="0.2">
      <c r="B8" s="256" t="s">
        <v>6</v>
      </c>
      <c r="C8" s="280">
        <v>0</v>
      </c>
      <c r="D8" s="280">
        <v>0</v>
      </c>
      <c r="E8" s="277">
        <v>0</v>
      </c>
      <c r="F8" s="279">
        <v>0</v>
      </c>
      <c r="G8" s="280">
        <v>14505</v>
      </c>
      <c r="H8" s="280">
        <v>10465</v>
      </c>
      <c r="I8" s="280">
        <v>6839</v>
      </c>
      <c r="J8" s="280">
        <v>3710</v>
      </c>
      <c r="K8" s="280">
        <v>1742</v>
      </c>
      <c r="L8" s="277">
        <v>37261</v>
      </c>
      <c r="M8" s="282">
        <v>37261</v>
      </c>
      <c r="N8" s="280">
        <v>13</v>
      </c>
      <c r="O8" s="280">
        <v>0</v>
      </c>
      <c r="P8" s="277">
        <v>13</v>
      </c>
      <c r="Q8" s="279">
        <v>0</v>
      </c>
      <c r="R8" s="280">
        <v>1566</v>
      </c>
      <c r="S8" s="280">
        <v>1835</v>
      </c>
      <c r="T8" s="280">
        <v>2104</v>
      </c>
      <c r="U8" s="280">
        <v>1433</v>
      </c>
      <c r="V8" s="280">
        <v>870</v>
      </c>
      <c r="W8" s="277">
        <v>7808</v>
      </c>
      <c r="X8" s="282">
        <v>7821</v>
      </c>
    </row>
    <row r="9" spans="2:24" ht="21" customHeight="1" x14ac:dyDescent="0.2">
      <c r="B9" s="256" t="s">
        <v>14</v>
      </c>
      <c r="C9" s="280">
        <v>0</v>
      </c>
      <c r="D9" s="280">
        <v>0</v>
      </c>
      <c r="E9" s="277">
        <v>0</v>
      </c>
      <c r="F9" s="279">
        <v>0</v>
      </c>
      <c r="G9" s="280">
        <v>7319</v>
      </c>
      <c r="H9" s="280">
        <v>8584</v>
      </c>
      <c r="I9" s="280">
        <v>5329</v>
      </c>
      <c r="J9" s="280">
        <v>3123</v>
      </c>
      <c r="K9" s="280">
        <v>1376</v>
      </c>
      <c r="L9" s="277">
        <v>25731</v>
      </c>
      <c r="M9" s="282">
        <v>25731</v>
      </c>
      <c r="N9" s="280">
        <v>5</v>
      </c>
      <c r="O9" s="280">
        <v>0</v>
      </c>
      <c r="P9" s="277">
        <v>5</v>
      </c>
      <c r="Q9" s="279">
        <v>0</v>
      </c>
      <c r="R9" s="280">
        <v>166</v>
      </c>
      <c r="S9" s="280">
        <v>193</v>
      </c>
      <c r="T9" s="280">
        <v>391</v>
      </c>
      <c r="U9" s="280">
        <v>209</v>
      </c>
      <c r="V9" s="280">
        <v>291</v>
      </c>
      <c r="W9" s="277">
        <v>1250</v>
      </c>
      <c r="X9" s="282">
        <v>1255</v>
      </c>
    </row>
    <row r="10" spans="2:24" ht="21" customHeight="1" x14ac:dyDescent="0.2">
      <c r="B10" s="256" t="s">
        <v>7</v>
      </c>
      <c r="C10" s="280">
        <v>0</v>
      </c>
      <c r="D10" s="280">
        <v>0</v>
      </c>
      <c r="E10" s="277">
        <v>0</v>
      </c>
      <c r="F10" s="279">
        <v>0</v>
      </c>
      <c r="G10" s="280">
        <v>7328</v>
      </c>
      <c r="H10" s="280">
        <v>4866</v>
      </c>
      <c r="I10" s="280">
        <v>2706</v>
      </c>
      <c r="J10" s="280">
        <v>1048</v>
      </c>
      <c r="K10" s="280">
        <v>472</v>
      </c>
      <c r="L10" s="277">
        <v>16420</v>
      </c>
      <c r="M10" s="282">
        <v>16420</v>
      </c>
      <c r="N10" s="280">
        <v>0</v>
      </c>
      <c r="O10" s="280">
        <v>0</v>
      </c>
      <c r="P10" s="277">
        <v>0</v>
      </c>
      <c r="Q10" s="279">
        <v>0</v>
      </c>
      <c r="R10" s="280">
        <v>805</v>
      </c>
      <c r="S10" s="280">
        <v>860</v>
      </c>
      <c r="T10" s="280">
        <v>1092</v>
      </c>
      <c r="U10" s="280">
        <v>391</v>
      </c>
      <c r="V10" s="280">
        <v>171</v>
      </c>
      <c r="W10" s="277">
        <v>3319</v>
      </c>
      <c r="X10" s="282">
        <v>3319</v>
      </c>
    </row>
    <row r="11" spans="2:24" ht="21" customHeight="1" x14ac:dyDescent="0.2">
      <c r="B11" s="256" t="s">
        <v>8</v>
      </c>
      <c r="C11" s="280">
        <v>0</v>
      </c>
      <c r="D11" s="280">
        <v>0</v>
      </c>
      <c r="E11" s="277">
        <v>0</v>
      </c>
      <c r="F11" s="279">
        <v>0</v>
      </c>
      <c r="G11" s="280">
        <v>4584</v>
      </c>
      <c r="H11" s="280">
        <v>4408</v>
      </c>
      <c r="I11" s="280">
        <v>2588</v>
      </c>
      <c r="J11" s="280">
        <v>1188</v>
      </c>
      <c r="K11" s="280">
        <v>369</v>
      </c>
      <c r="L11" s="277">
        <v>13137</v>
      </c>
      <c r="M11" s="282">
        <v>13137</v>
      </c>
      <c r="N11" s="280">
        <v>0</v>
      </c>
      <c r="O11" s="280">
        <v>0</v>
      </c>
      <c r="P11" s="277">
        <v>0</v>
      </c>
      <c r="Q11" s="279">
        <v>0</v>
      </c>
      <c r="R11" s="280">
        <v>73</v>
      </c>
      <c r="S11" s="280">
        <v>117</v>
      </c>
      <c r="T11" s="280">
        <v>90</v>
      </c>
      <c r="U11" s="280">
        <v>87</v>
      </c>
      <c r="V11" s="280">
        <v>79</v>
      </c>
      <c r="W11" s="277">
        <v>446</v>
      </c>
      <c r="X11" s="282">
        <v>446</v>
      </c>
    </row>
    <row r="12" spans="2:24" ht="21" customHeight="1" x14ac:dyDescent="0.2">
      <c r="B12" s="256" t="s">
        <v>9</v>
      </c>
      <c r="C12" s="280">
        <v>0</v>
      </c>
      <c r="D12" s="280">
        <v>2</v>
      </c>
      <c r="E12" s="277">
        <v>2</v>
      </c>
      <c r="F12" s="279">
        <v>0</v>
      </c>
      <c r="G12" s="280">
        <v>2889</v>
      </c>
      <c r="H12" s="280">
        <v>2192</v>
      </c>
      <c r="I12" s="280">
        <v>1605</v>
      </c>
      <c r="J12" s="280">
        <v>714</v>
      </c>
      <c r="K12" s="280">
        <v>259</v>
      </c>
      <c r="L12" s="277">
        <v>7659</v>
      </c>
      <c r="M12" s="282">
        <v>7661</v>
      </c>
      <c r="N12" s="280">
        <v>0</v>
      </c>
      <c r="O12" s="280">
        <v>0</v>
      </c>
      <c r="P12" s="277">
        <v>0</v>
      </c>
      <c r="Q12" s="279">
        <v>0</v>
      </c>
      <c r="R12" s="280">
        <v>53</v>
      </c>
      <c r="S12" s="280">
        <v>38</v>
      </c>
      <c r="T12" s="280">
        <v>65</v>
      </c>
      <c r="U12" s="280">
        <v>51</v>
      </c>
      <c r="V12" s="280">
        <v>34</v>
      </c>
      <c r="W12" s="277">
        <v>241</v>
      </c>
      <c r="X12" s="282">
        <v>241</v>
      </c>
    </row>
    <row r="13" spans="2:24" ht="21" customHeight="1" x14ac:dyDescent="0.2">
      <c r="B13" s="256" t="s">
        <v>10</v>
      </c>
      <c r="C13" s="280">
        <v>0</v>
      </c>
      <c r="D13" s="280">
        <v>0</v>
      </c>
      <c r="E13" s="277">
        <v>0</v>
      </c>
      <c r="F13" s="279">
        <v>0</v>
      </c>
      <c r="G13" s="280">
        <v>4051</v>
      </c>
      <c r="H13" s="280">
        <v>2207</v>
      </c>
      <c r="I13" s="280">
        <v>1171</v>
      </c>
      <c r="J13" s="280">
        <v>604</v>
      </c>
      <c r="K13" s="280">
        <v>308</v>
      </c>
      <c r="L13" s="277">
        <v>8341</v>
      </c>
      <c r="M13" s="282">
        <v>8341</v>
      </c>
      <c r="N13" s="280">
        <v>0</v>
      </c>
      <c r="O13" s="280">
        <v>5</v>
      </c>
      <c r="P13" s="277">
        <v>5</v>
      </c>
      <c r="Q13" s="279">
        <v>0</v>
      </c>
      <c r="R13" s="280">
        <v>92</v>
      </c>
      <c r="S13" s="280">
        <v>157</v>
      </c>
      <c r="T13" s="280">
        <v>225</v>
      </c>
      <c r="U13" s="280">
        <v>85</v>
      </c>
      <c r="V13" s="280">
        <v>136</v>
      </c>
      <c r="W13" s="277">
        <v>695</v>
      </c>
      <c r="X13" s="282">
        <v>700</v>
      </c>
    </row>
    <row r="14" spans="2:24" ht="21" customHeight="1" x14ac:dyDescent="0.2">
      <c r="B14" s="256" t="s">
        <v>11</v>
      </c>
      <c r="C14" s="280">
        <v>0</v>
      </c>
      <c r="D14" s="280">
        <v>0</v>
      </c>
      <c r="E14" s="277">
        <v>0</v>
      </c>
      <c r="F14" s="279">
        <v>0</v>
      </c>
      <c r="G14" s="280">
        <v>4440</v>
      </c>
      <c r="H14" s="280">
        <v>2372</v>
      </c>
      <c r="I14" s="280">
        <v>1718</v>
      </c>
      <c r="J14" s="280">
        <v>940</v>
      </c>
      <c r="K14" s="280">
        <v>331</v>
      </c>
      <c r="L14" s="277">
        <v>9801</v>
      </c>
      <c r="M14" s="282">
        <v>9801</v>
      </c>
      <c r="N14" s="280">
        <v>0</v>
      </c>
      <c r="O14" s="280">
        <v>7</v>
      </c>
      <c r="P14" s="277">
        <v>7</v>
      </c>
      <c r="Q14" s="279">
        <v>0</v>
      </c>
      <c r="R14" s="280">
        <v>112</v>
      </c>
      <c r="S14" s="280">
        <v>139</v>
      </c>
      <c r="T14" s="280">
        <v>85</v>
      </c>
      <c r="U14" s="280">
        <v>8</v>
      </c>
      <c r="V14" s="280">
        <v>7</v>
      </c>
      <c r="W14" s="277">
        <v>351</v>
      </c>
      <c r="X14" s="282">
        <v>358</v>
      </c>
    </row>
    <row r="15" spans="2:24" ht="21" customHeight="1" x14ac:dyDescent="0.2">
      <c r="B15" s="256" t="s">
        <v>12</v>
      </c>
      <c r="C15" s="280">
        <v>0</v>
      </c>
      <c r="D15" s="280">
        <v>0</v>
      </c>
      <c r="E15" s="277">
        <v>0</v>
      </c>
      <c r="F15" s="279">
        <v>0</v>
      </c>
      <c r="G15" s="280">
        <v>3132</v>
      </c>
      <c r="H15" s="280">
        <v>2010</v>
      </c>
      <c r="I15" s="280">
        <v>1613</v>
      </c>
      <c r="J15" s="280">
        <v>815</v>
      </c>
      <c r="K15" s="280">
        <v>269</v>
      </c>
      <c r="L15" s="277">
        <v>7839</v>
      </c>
      <c r="M15" s="282">
        <v>7839</v>
      </c>
      <c r="N15" s="280">
        <v>0</v>
      </c>
      <c r="O15" s="280">
        <v>0</v>
      </c>
      <c r="P15" s="277">
        <v>0</v>
      </c>
      <c r="Q15" s="279">
        <v>0</v>
      </c>
      <c r="R15" s="280">
        <v>38</v>
      </c>
      <c r="S15" s="280">
        <v>17</v>
      </c>
      <c r="T15" s="280">
        <v>0</v>
      </c>
      <c r="U15" s="280">
        <v>0</v>
      </c>
      <c r="V15" s="280">
        <v>14</v>
      </c>
      <c r="W15" s="277">
        <v>69</v>
      </c>
      <c r="X15" s="282">
        <v>69</v>
      </c>
    </row>
    <row r="16" spans="2:24" ht="21" customHeight="1" x14ac:dyDescent="0.2">
      <c r="B16" s="256" t="s">
        <v>13</v>
      </c>
      <c r="C16" s="280">
        <v>0</v>
      </c>
      <c r="D16" s="280">
        <v>0</v>
      </c>
      <c r="E16" s="277">
        <v>0</v>
      </c>
      <c r="F16" s="279">
        <v>0</v>
      </c>
      <c r="G16" s="280">
        <v>954</v>
      </c>
      <c r="H16" s="280">
        <v>1057</v>
      </c>
      <c r="I16" s="280">
        <v>616</v>
      </c>
      <c r="J16" s="280">
        <v>306</v>
      </c>
      <c r="K16" s="280">
        <v>78</v>
      </c>
      <c r="L16" s="277">
        <v>3011</v>
      </c>
      <c r="M16" s="282">
        <v>3011</v>
      </c>
      <c r="N16" s="280">
        <v>0</v>
      </c>
      <c r="O16" s="280">
        <v>0</v>
      </c>
      <c r="P16" s="277">
        <v>0</v>
      </c>
      <c r="Q16" s="279">
        <v>0</v>
      </c>
      <c r="R16" s="280">
        <v>13</v>
      </c>
      <c r="S16" s="280">
        <v>18</v>
      </c>
      <c r="T16" s="280">
        <v>61</v>
      </c>
      <c r="U16" s="280">
        <v>35</v>
      </c>
      <c r="V16" s="280">
        <v>39</v>
      </c>
      <c r="W16" s="277">
        <v>166</v>
      </c>
      <c r="X16" s="282">
        <v>166</v>
      </c>
    </row>
    <row r="17" spans="2:24" ht="21" customHeight="1" x14ac:dyDescent="0.2">
      <c r="B17" s="256" t="s">
        <v>15</v>
      </c>
      <c r="C17" s="280">
        <v>0</v>
      </c>
      <c r="D17" s="280">
        <v>0</v>
      </c>
      <c r="E17" s="277">
        <v>0</v>
      </c>
      <c r="F17" s="279">
        <v>0</v>
      </c>
      <c r="G17" s="280">
        <v>1037</v>
      </c>
      <c r="H17" s="280">
        <v>1250</v>
      </c>
      <c r="I17" s="280">
        <v>782</v>
      </c>
      <c r="J17" s="280">
        <v>443</v>
      </c>
      <c r="K17" s="280">
        <v>82</v>
      </c>
      <c r="L17" s="277">
        <v>3594</v>
      </c>
      <c r="M17" s="282">
        <v>3594</v>
      </c>
      <c r="N17" s="280">
        <v>0</v>
      </c>
      <c r="O17" s="280">
        <v>0</v>
      </c>
      <c r="P17" s="277">
        <v>0</v>
      </c>
      <c r="Q17" s="279">
        <v>0</v>
      </c>
      <c r="R17" s="280">
        <v>41</v>
      </c>
      <c r="S17" s="280">
        <v>45</v>
      </c>
      <c r="T17" s="280">
        <v>82</v>
      </c>
      <c r="U17" s="280">
        <v>25</v>
      </c>
      <c r="V17" s="280">
        <v>22</v>
      </c>
      <c r="W17" s="277">
        <v>215</v>
      </c>
      <c r="X17" s="282">
        <v>215</v>
      </c>
    </row>
    <row r="18" spans="2:24" ht="21" customHeight="1" x14ac:dyDescent="0.2">
      <c r="B18" s="256" t="s">
        <v>16</v>
      </c>
      <c r="C18" s="280">
        <v>0</v>
      </c>
      <c r="D18" s="280">
        <v>0</v>
      </c>
      <c r="E18" s="277">
        <v>0</v>
      </c>
      <c r="F18" s="279">
        <v>0</v>
      </c>
      <c r="G18" s="280">
        <v>1218</v>
      </c>
      <c r="H18" s="280">
        <v>1499</v>
      </c>
      <c r="I18" s="280">
        <v>984</v>
      </c>
      <c r="J18" s="280">
        <v>453</v>
      </c>
      <c r="K18" s="280">
        <v>230</v>
      </c>
      <c r="L18" s="277">
        <v>4384</v>
      </c>
      <c r="M18" s="282">
        <v>4384</v>
      </c>
      <c r="N18" s="280">
        <v>0</v>
      </c>
      <c r="O18" s="280">
        <v>0</v>
      </c>
      <c r="P18" s="277">
        <v>0</v>
      </c>
      <c r="Q18" s="279">
        <v>0</v>
      </c>
      <c r="R18" s="280">
        <v>56</v>
      </c>
      <c r="S18" s="280">
        <v>99</v>
      </c>
      <c r="T18" s="280">
        <v>97</v>
      </c>
      <c r="U18" s="280">
        <v>53</v>
      </c>
      <c r="V18" s="280">
        <v>59</v>
      </c>
      <c r="W18" s="277">
        <v>364</v>
      </c>
      <c r="X18" s="282">
        <v>364</v>
      </c>
    </row>
    <row r="19" spans="2:24" ht="21" customHeight="1" x14ac:dyDescent="0.2">
      <c r="B19" s="256" t="s">
        <v>17</v>
      </c>
      <c r="C19" s="280">
        <v>0</v>
      </c>
      <c r="D19" s="280">
        <v>0</v>
      </c>
      <c r="E19" s="277">
        <v>0</v>
      </c>
      <c r="F19" s="279">
        <v>0</v>
      </c>
      <c r="G19" s="280">
        <v>1889</v>
      </c>
      <c r="H19" s="280">
        <v>2473</v>
      </c>
      <c r="I19" s="280">
        <v>1572</v>
      </c>
      <c r="J19" s="280">
        <v>1273</v>
      </c>
      <c r="K19" s="280">
        <v>790</v>
      </c>
      <c r="L19" s="277">
        <v>7997</v>
      </c>
      <c r="M19" s="282">
        <v>7997</v>
      </c>
      <c r="N19" s="280">
        <v>11</v>
      </c>
      <c r="O19" s="280">
        <v>10</v>
      </c>
      <c r="P19" s="277">
        <v>21</v>
      </c>
      <c r="Q19" s="279">
        <v>0</v>
      </c>
      <c r="R19" s="280">
        <v>190</v>
      </c>
      <c r="S19" s="280">
        <v>164</v>
      </c>
      <c r="T19" s="280">
        <v>185</v>
      </c>
      <c r="U19" s="280">
        <v>183</v>
      </c>
      <c r="V19" s="280">
        <v>56</v>
      </c>
      <c r="W19" s="277">
        <v>778</v>
      </c>
      <c r="X19" s="282">
        <v>799</v>
      </c>
    </row>
    <row r="20" spans="2:24" ht="21" customHeight="1" x14ac:dyDescent="0.2">
      <c r="B20" s="256" t="s">
        <v>18</v>
      </c>
      <c r="C20" s="280">
        <v>0</v>
      </c>
      <c r="D20" s="280">
        <v>0</v>
      </c>
      <c r="E20" s="277">
        <v>0</v>
      </c>
      <c r="F20" s="279">
        <v>0</v>
      </c>
      <c r="G20" s="280">
        <v>1988</v>
      </c>
      <c r="H20" s="280">
        <v>1634</v>
      </c>
      <c r="I20" s="280">
        <v>1058</v>
      </c>
      <c r="J20" s="280">
        <v>328</v>
      </c>
      <c r="K20" s="280">
        <v>171</v>
      </c>
      <c r="L20" s="277">
        <v>5179</v>
      </c>
      <c r="M20" s="282">
        <v>5179</v>
      </c>
      <c r="N20" s="280">
        <v>0</v>
      </c>
      <c r="O20" s="280">
        <v>0</v>
      </c>
      <c r="P20" s="277">
        <v>0</v>
      </c>
      <c r="Q20" s="279">
        <v>0</v>
      </c>
      <c r="R20" s="280">
        <v>134</v>
      </c>
      <c r="S20" s="280">
        <v>34</v>
      </c>
      <c r="T20" s="280">
        <v>145</v>
      </c>
      <c r="U20" s="280">
        <v>106</v>
      </c>
      <c r="V20" s="280">
        <v>193</v>
      </c>
      <c r="W20" s="277">
        <v>612</v>
      </c>
      <c r="X20" s="282">
        <v>612</v>
      </c>
    </row>
    <row r="21" spans="2:24" ht="21" customHeight="1" x14ac:dyDescent="0.2">
      <c r="B21" s="256" t="s">
        <v>19</v>
      </c>
      <c r="C21" s="280">
        <v>0</v>
      </c>
      <c r="D21" s="280">
        <v>0</v>
      </c>
      <c r="E21" s="277">
        <v>0</v>
      </c>
      <c r="F21" s="279">
        <v>0</v>
      </c>
      <c r="G21" s="280">
        <v>1054</v>
      </c>
      <c r="H21" s="280">
        <v>916</v>
      </c>
      <c r="I21" s="280">
        <v>462</v>
      </c>
      <c r="J21" s="280">
        <v>137</v>
      </c>
      <c r="K21" s="280">
        <v>108</v>
      </c>
      <c r="L21" s="277">
        <v>2677</v>
      </c>
      <c r="M21" s="282">
        <v>2677</v>
      </c>
      <c r="N21" s="280">
        <v>0</v>
      </c>
      <c r="O21" s="280">
        <v>0</v>
      </c>
      <c r="P21" s="277">
        <v>0</v>
      </c>
      <c r="Q21" s="279">
        <v>0</v>
      </c>
      <c r="R21" s="280">
        <v>97</v>
      </c>
      <c r="S21" s="280">
        <v>241</v>
      </c>
      <c r="T21" s="280">
        <v>203</v>
      </c>
      <c r="U21" s="280">
        <v>26</v>
      </c>
      <c r="V21" s="280">
        <v>37</v>
      </c>
      <c r="W21" s="277">
        <v>604</v>
      </c>
      <c r="X21" s="282">
        <v>604</v>
      </c>
    </row>
    <row r="22" spans="2:24" ht="21" customHeight="1" x14ac:dyDescent="0.2">
      <c r="B22" s="256" t="s">
        <v>20</v>
      </c>
      <c r="C22" s="280">
        <v>0</v>
      </c>
      <c r="D22" s="280">
        <v>0</v>
      </c>
      <c r="E22" s="277">
        <v>0</v>
      </c>
      <c r="F22" s="279">
        <v>0</v>
      </c>
      <c r="G22" s="280">
        <v>1324</v>
      </c>
      <c r="H22" s="280">
        <v>506</v>
      </c>
      <c r="I22" s="280">
        <v>526</v>
      </c>
      <c r="J22" s="280">
        <v>308</v>
      </c>
      <c r="K22" s="280">
        <v>52</v>
      </c>
      <c r="L22" s="277">
        <v>2716</v>
      </c>
      <c r="M22" s="282">
        <v>2716</v>
      </c>
      <c r="N22" s="280">
        <v>0</v>
      </c>
      <c r="O22" s="280">
        <v>0</v>
      </c>
      <c r="P22" s="277">
        <v>0</v>
      </c>
      <c r="Q22" s="279">
        <v>0</v>
      </c>
      <c r="R22" s="280">
        <v>0</v>
      </c>
      <c r="S22" s="280">
        <v>16</v>
      </c>
      <c r="T22" s="280">
        <v>54</v>
      </c>
      <c r="U22" s="280">
        <v>0</v>
      </c>
      <c r="V22" s="280">
        <v>9</v>
      </c>
      <c r="W22" s="277">
        <v>79</v>
      </c>
      <c r="X22" s="282">
        <v>79</v>
      </c>
    </row>
    <row r="23" spans="2:24" ht="21" customHeight="1" x14ac:dyDescent="0.2">
      <c r="B23" s="256" t="s">
        <v>21</v>
      </c>
      <c r="C23" s="280">
        <v>0</v>
      </c>
      <c r="D23" s="280">
        <v>0</v>
      </c>
      <c r="E23" s="277">
        <v>0</v>
      </c>
      <c r="F23" s="279">
        <v>0</v>
      </c>
      <c r="G23" s="280">
        <v>1165</v>
      </c>
      <c r="H23" s="280">
        <v>1435</v>
      </c>
      <c r="I23" s="280">
        <v>659</v>
      </c>
      <c r="J23" s="280">
        <v>297</v>
      </c>
      <c r="K23" s="280">
        <v>161</v>
      </c>
      <c r="L23" s="277">
        <v>3717</v>
      </c>
      <c r="M23" s="282">
        <v>3717</v>
      </c>
      <c r="N23" s="280">
        <v>0</v>
      </c>
      <c r="O23" s="280">
        <v>0</v>
      </c>
      <c r="P23" s="277">
        <v>0</v>
      </c>
      <c r="Q23" s="279">
        <v>0</v>
      </c>
      <c r="R23" s="280">
        <v>0</v>
      </c>
      <c r="S23" s="280">
        <v>0</v>
      </c>
      <c r="T23" s="280">
        <v>11</v>
      </c>
      <c r="U23" s="280">
        <v>0</v>
      </c>
      <c r="V23" s="280">
        <v>0</v>
      </c>
      <c r="W23" s="277">
        <v>11</v>
      </c>
      <c r="X23" s="282">
        <v>11</v>
      </c>
    </row>
    <row r="24" spans="2:24" ht="21" customHeight="1" x14ac:dyDescent="0.2">
      <c r="B24" s="256" t="s">
        <v>22</v>
      </c>
      <c r="C24" s="280">
        <v>0</v>
      </c>
      <c r="D24" s="280">
        <v>0</v>
      </c>
      <c r="E24" s="277">
        <v>0</v>
      </c>
      <c r="F24" s="279">
        <v>0</v>
      </c>
      <c r="G24" s="280">
        <v>1000</v>
      </c>
      <c r="H24" s="280">
        <v>846</v>
      </c>
      <c r="I24" s="280">
        <v>352</v>
      </c>
      <c r="J24" s="280">
        <v>260</v>
      </c>
      <c r="K24" s="280">
        <v>76</v>
      </c>
      <c r="L24" s="277">
        <v>2534</v>
      </c>
      <c r="M24" s="282">
        <v>2534</v>
      </c>
      <c r="N24" s="280">
        <v>0</v>
      </c>
      <c r="O24" s="280">
        <v>0</v>
      </c>
      <c r="P24" s="277">
        <v>0</v>
      </c>
      <c r="Q24" s="279">
        <v>0</v>
      </c>
      <c r="R24" s="280">
        <v>49</v>
      </c>
      <c r="S24" s="280">
        <v>30</v>
      </c>
      <c r="T24" s="280">
        <v>45</v>
      </c>
      <c r="U24" s="280">
        <v>36</v>
      </c>
      <c r="V24" s="280">
        <v>21</v>
      </c>
      <c r="W24" s="277">
        <v>181</v>
      </c>
      <c r="X24" s="282">
        <v>181</v>
      </c>
    </row>
    <row r="25" spans="2:24" ht="21" customHeight="1" x14ac:dyDescent="0.2">
      <c r="B25" s="256" t="s">
        <v>23</v>
      </c>
      <c r="C25" s="280">
        <v>0</v>
      </c>
      <c r="D25" s="280">
        <v>0</v>
      </c>
      <c r="E25" s="277">
        <v>0</v>
      </c>
      <c r="F25" s="279">
        <v>0</v>
      </c>
      <c r="G25" s="280">
        <v>463</v>
      </c>
      <c r="H25" s="280">
        <v>362</v>
      </c>
      <c r="I25" s="280">
        <v>182</v>
      </c>
      <c r="J25" s="280">
        <v>153</v>
      </c>
      <c r="K25" s="280">
        <v>98</v>
      </c>
      <c r="L25" s="277">
        <v>1258</v>
      </c>
      <c r="M25" s="282">
        <v>1258</v>
      </c>
      <c r="N25" s="280">
        <v>0</v>
      </c>
      <c r="O25" s="280">
        <v>0</v>
      </c>
      <c r="P25" s="277">
        <v>0</v>
      </c>
      <c r="Q25" s="279">
        <v>0</v>
      </c>
      <c r="R25" s="280">
        <v>0</v>
      </c>
      <c r="S25" s="280">
        <v>7</v>
      </c>
      <c r="T25" s="280">
        <v>17</v>
      </c>
      <c r="U25" s="280">
        <v>23</v>
      </c>
      <c r="V25" s="280">
        <v>1</v>
      </c>
      <c r="W25" s="277">
        <v>48</v>
      </c>
      <c r="X25" s="282">
        <v>48</v>
      </c>
    </row>
    <row r="26" spans="2:24" ht="21" customHeight="1" x14ac:dyDescent="0.2">
      <c r="B26" s="256" t="s">
        <v>24</v>
      </c>
      <c r="C26" s="280">
        <v>0</v>
      </c>
      <c r="D26" s="280">
        <v>0</v>
      </c>
      <c r="E26" s="277">
        <v>0</v>
      </c>
      <c r="F26" s="279">
        <v>0</v>
      </c>
      <c r="G26" s="280">
        <v>270</v>
      </c>
      <c r="H26" s="280">
        <v>124</v>
      </c>
      <c r="I26" s="280">
        <v>105</v>
      </c>
      <c r="J26" s="280">
        <v>84</v>
      </c>
      <c r="K26" s="280">
        <v>12</v>
      </c>
      <c r="L26" s="277">
        <v>595</v>
      </c>
      <c r="M26" s="282">
        <v>595</v>
      </c>
      <c r="N26" s="280">
        <v>0</v>
      </c>
      <c r="O26" s="280">
        <v>0</v>
      </c>
      <c r="P26" s="277">
        <v>0</v>
      </c>
      <c r="Q26" s="279">
        <v>0</v>
      </c>
      <c r="R26" s="280">
        <v>62</v>
      </c>
      <c r="S26" s="280">
        <v>49</v>
      </c>
      <c r="T26" s="280">
        <v>34</v>
      </c>
      <c r="U26" s="280">
        <v>12</v>
      </c>
      <c r="V26" s="280">
        <v>19</v>
      </c>
      <c r="W26" s="277">
        <v>176</v>
      </c>
      <c r="X26" s="282">
        <v>176</v>
      </c>
    </row>
    <row r="27" spans="2:24" ht="21" customHeight="1" x14ac:dyDescent="0.2">
      <c r="B27" s="256" t="s">
        <v>25</v>
      </c>
      <c r="C27" s="280">
        <v>0</v>
      </c>
      <c r="D27" s="280">
        <v>0</v>
      </c>
      <c r="E27" s="277">
        <v>0</v>
      </c>
      <c r="F27" s="279">
        <v>0</v>
      </c>
      <c r="G27" s="280">
        <v>694</v>
      </c>
      <c r="H27" s="280">
        <v>289</v>
      </c>
      <c r="I27" s="280">
        <v>153</v>
      </c>
      <c r="J27" s="280">
        <v>64</v>
      </c>
      <c r="K27" s="280">
        <v>12</v>
      </c>
      <c r="L27" s="277">
        <v>1212</v>
      </c>
      <c r="M27" s="282">
        <v>1212</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42</v>
      </c>
      <c r="H28" s="280">
        <v>343</v>
      </c>
      <c r="I28" s="280">
        <v>240</v>
      </c>
      <c r="J28" s="280">
        <v>98</v>
      </c>
      <c r="K28" s="280">
        <v>114</v>
      </c>
      <c r="L28" s="277">
        <v>1137</v>
      </c>
      <c r="M28" s="282">
        <v>1137</v>
      </c>
      <c r="N28" s="280">
        <v>0</v>
      </c>
      <c r="O28" s="280">
        <v>0</v>
      </c>
      <c r="P28" s="277">
        <v>0</v>
      </c>
      <c r="Q28" s="279">
        <v>0</v>
      </c>
      <c r="R28" s="280">
        <v>0</v>
      </c>
      <c r="S28" s="280">
        <v>13</v>
      </c>
      <c r="T28" s="280">
        <v>47</v>
      </c>
      <c r="U28" s="280">
        <v>14</v>
      </c>
      <c r="V28" s="280">
        <v>34</v>
      </c>
      <c r="W28" s="277">
        <v>108</v>
      </c>
      <c r="X28" s="282">
        <v>108</v>
      </c>
    </row>
    <row r="29" spans="2:24" ht="21" customHeight="1" x14ac:dyDescent="0.2">
      <c r="B29" s="256" t="s">
        <v>27</v>
      </c>
      <c r="C29" s="280">
        <v>0</v>
      </c>
      <c r="D29" s="280">
        <v>0</v>
      </c>
      <c r="E29" s="277">
        <v>0</v>
      </c>
      <c r="F29" s="279">
        <v>0</v>
      </c>
      <c r="G29" s="280">
        <v>285</v>
      </c>
      <c r="H29" s="280">
        <v>97</v>
      </c>
      <c r="I29" s="280">
        <v>82</v>
      </c>
      <c r="J29" s="280">
        <v>23</v>
      </c>
      <c r="K29" s="280">
        <v>1</v>
      </c>
      <c r="L29" s="277">
        <v>488</v>
      </c>
      <c r="M29" s="282">
        <v>488</v>
      </c>
      <c r="N29" s="280">
        <v>0</v>
      </c>
      <c r="O29" s="280">
        <v>0</v>
      </c>
      <c r="P29" s="277">
        <v>0</v>
      </c>
      <c r="Q29" s="279">
        <v>0</v>
      </c>
      <c r="R29" s="280">
        <v>25</v>
      </c>
      <c r="S29" s="280">
        <v>25</v>
      </c>
      <c r="T29" s="280">
        <v>17</v>
      </c>
      <c r="U29" s="280">
        <v>23</v>
      </c>
      <c r="V29" s="280">
        <v>0</v>
      </c>
      <c r="W29" s="277">
        <v>90</v>
      </c>
      <c r="X29" s="282">
        <v>90</v>
      </c>
    </row>
    <row r="30" spans="2:24" ht="21" customHeight="1" x14ac:dyDescent="0.2">
      <c r="B30" s="256" t="s">
        <v>28</v>
      </c>
      <c r="C30" s="280">
        <v>0</v>
      </c>
      <c r="D30" s="280">
        <v>0</v>
      </c>
      <c r="E30" s="277">
        <v>0</v>
      </c>
      <c r="F30" s="279">
        <v>0</v>
      </c>
      <c r="G30" s="280">
        <v>161</v>
      </c>
      <c r="H30" s="280">
        <v>117</v>
      </c>
      <c r="I30" s="280">
        <v>12</v>
      </c>
      <c r="J30" s="280">
        <v>25</v>
      </c>
      <c r="K30" s="280">
        <v>8</v>
      </c>
      <c r="L30" s="277">
        <v>323</v>
      </c>
      <c r="M30" s="282">
        <v>323</v>
      </c>
      <c r="N30" s="280">
        <v>0</v>
      </c>
      <c r="O30" s="280">
        <v>0</v>
      </c>
      <c r="P30" s="277">
        <v>0</v>
      </c>
      <c r="Q30" s="279">
        <v>0</v>
      </c>
      <c r="R30" s="280">
        <v>9</v>
      </c>
      <c r="S30" s="280">
        <v>4</v>
      </c>
      <c r="T30" s="280">
        <v>27</v>
      </c>
      <c r="U30" s="280">
        <v>0</v>
      </c>
      <c r="V30" s="280">
        <v>2</v>
      </c>
      <c r="W30" s="277">
        <v>42</v>
      </c>
      <c r="X30" s="282">
        <v>42</v>
      </c>
    </row>
    <row r="31" spans="2:24" ht="21" customHeight="1" x14ac:dyDescent="0.2">
      <c r="B31" s="256" t="s">
        <v>29</v>
      </c>
      <c r="C31" s="280">
        <v>0</v>
      </c>
      <c r="D31" s="280">
        <v>0</v>
      </c>
      <c r="E31" s="277">
        <v>0</v>
      </c>
      <c r="F31" s="279">
        <v>0</v>
      </c>
      <c r="G31" s="280">
        <v>137</v>
      </c>
      <c r="H31" s="280">
        <v>174</v>
      </c>
      <c r="I31" s="280">
        <v>26</v>
      </c>
      <c r="J31" s="280">
        <v>35</v>
      </c>
      <c r="K31" s="280">
        <v>0</v>
      </c>
      <c r="L31" s="277">
        <v>372</v>
      </c>
      <c r="M31" s="282">
        <v>372</v>
      </c>
      <c r="N31" s="280">
        <v>0</v>
      </c>
      <c r="O31" s="280">
        <v>0</v>
      </c>
      <c r="P31" s="277">
        <v>0</v>
      </c>
      <c r="Q31" s="279">
        <v>0</v>
      </c>
      <c r="R31" s="280">
        <v>0</v>
      </c>
      <c r="S31" s="280">
        <v>6</v>
      </c>
      <c r="T31" s="280">
        <v>20</v>
      </c>
      <c r="U31" s="280">
        <v>0</v>
      </c>
      <c r="V31" s="280">
        <v>0</v>
      </c>
      <c r="W31" s="277">
        <v>26</v>
      </c>
      <c r="X31" s="282">
        <v>26</v>
      </c>
    </row>
    <row r="32" spans="2:24" ht="21" customHeight="1" x14ac:dyDescent="0.2">
      <c r="B32" s="256" t="s">
        <v>30</v>
      </c>
      <c r="C32" s="280">
        <v>0</v>
      </c>
      <c r="D32" s="280">
        <v>0</v>
      </c>
      <c r="E32" s="277">
        <v>0</v>
      </c>
      <c r="F32" s="279">
        <v>0</v>
      </c>
      <c r="G32" s="280">
        <v>181</v>
      </c>
      <c r="H32" s="280">
        <v>108</v>
      </c>
      <c r="I32" s="280">
        <v>90</v>
      </c>
      <c r="J32" s="280">
        <v>44</v>
      </c>
      <c r="K32" s="280">
        <v>0</v>
      </c>
      <c r="L32" s="277">
        <v>423</v>
      </c>
      <c r="M32" s="282">
        <v>423</v>
      </c>
      <c r="N32" s="280">
        <v>0</v>
      </c>
      <c r="O32" s="280">
        <v>0</v>
      </c>
      <c r="P32" s="277">
        <v>0</v>
      </c>
      <c r="Q32" s="279">
        <v>0</v>
      </c>
      <c r="R32" s="280">
        <v>9</v>
      </c>
      <c r="S32" s="280">
        <v>12</v>
      </c>
      <c r="T32" s="280">
        <v>13</v>
      </c>
      <c r="U32" s="280">
        <v>0</v>
      </c>
      <c r="V32" s="280">
        <v>0</v>
      </c>
      <c r="W32" s="277">
        <v>34</v>
      </c>
      <c r="X32" s="282">
        <v>34</v>
      </c>
    </row>
    <row r="33" spans="2:24" ht="21" customHeight="1" x14ac:dyDescent="0.2">
      <c r="B33" s="256" t="s">
        <v>31</v>
      </c>
      <c r="C33" s="280">
        <v>0</v>
      </c>
      <c r="D33" s="280">
        <v>0</v>
      </c>
      <c r="E33" s="277">
        <v>0</v>
      </c>
      <c r="F33" s="279">
        <v>0</v>
      </c>
      <c r="G33" s="280">
        <v>251</v>
      </c>
      <c r="H33" s="280">
        <v>134</v>
      </c>
      <c r="I33" s="280">
        <v>105</v>
      </c>
      <c r="J33" s="280">
        <v>13</v>
      </c>
      <c r="K33" s="280">
        <v>3</v>
      </c>
      <c r="L33" s="277">
        <v>506</v>
      </c>
      <c r="M33" s="282">
        <v>506</v>
      </c>
      <c r="N33" s="280">
        <v>0</v>
      </c>
      <c r="O33" s="280">
        <v>0</v>
      </c>
      <c r="P33" s="277">
        <v>0</v>
      </c>
      <c r="Q33" s="279">
        <v>0</v>
      </c>
      <c r="R33" s="280">
        <v>0</v>
      </c>
      <c r="S33" s="280">
        <v>0</v>
      </c>
      <c r="T33" s="280">
        <v>11</v>
      </c>
      <c r="U33" s="280">
        <v>0</v>
      </c>
      <c r="V33" s="280">
        <v>17</v>
      </c>
      <c r="W33" s="277">
        <v>28</v>
      </c>
      <c r="X33" s="282">
        <v>28</v>
      </c>
    </row>
    <row r="34" spans="2:24" ht="21" customHeight="1" x14ac:dyDescent="0.2">
      <c r="B34" s="256" t="s">
        <v>32</v>
      </c>
      <c r="C34" s="280">
        <v>0</v>
      </c>
      <c r="D34" s="280">
        <v>0</v>
      </c>
      <c r="E34" s="277">
        <v>0</v>
      </c>
      <c r="F34" s="279">
        <v>0</v>
      </c>
      <c r="G34" s="280">
        <v>329</v>
      </c>
      <c r="H34" s="280">
        <v>322</v>
      </c>
      <c r="I34" s="280">
        <v>78</v>
      </c>
      <c r="J34" s="280">
        <v>44</v>
      </c>
      <c r="K34" s="280">
        <v>24</v>
      </c>
      <c r="L34" s="277">
        <v>797</v>
      </c>
      <c r="M34" s="282">
        <v>797</v>
      </c>
      <c r="N34" s="280">
        <v>0</v>
      </c>
      <c r="O34" s="280">
        <v>0</v>
      </c>
      <c r="P34" s="277">
        <v>0</v>
      </c>
      <c r="Q34" s="279">
        <v>0</v>
      </c>
      <c r="R34" s="280">
        <v>22</v>
      </c>
      <c r="S34" s="280">
        <v>0</v>
      </c>
      <c r="T34" s="280">
        <v>25</v>
      </c>
      <c r="U34" s="280">
        <v>13</v>
      </c>
      <c r="V34" s="280">
        <v>10</v>
      </c>
      <c r="W34" s="277">
        <v>70</v>
      </c>
      <c r="X34" s="282">
        <v>70</v>
      </c>
    </row>
    <row r="35" spans="2:24" ht="21" customHeight="1" x14ac:dyDescent="0.2">
      <c r="B35" s="256" t="s">
        <v>33</v>
      </c>
      <c r="C35" s="280">
        <v>0</v>
      </c>
      <c r="D35" s="280">
        <v>0</v>
      </c>
      <c r="E35" s="277">
        <v>0</v>
      </c>
      <c r="F35" s="279">
        <v>0</v>
      </c>
      <c r="G35" s="280">
        <v>216</v>
      </c>
      <c r="H35" s="280">
        <v>99</v>
      </c>
      <c r="I35" s="280">
        <v>62</v>
      </c>
      <c r="J35" s="280">
        <v>21</v>
      </c>
      <c r="K35" s="280">
        <v>21</v>
      </c>
      <c r="L35" s="277">
        <v>419</v>
      </c>
      <c r="M35" s="282">
        <v>419</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141</v>
      </c>
      <c r="H36" s="280">
        <v>44</v>
      </c>
      <c r="I36" s="280">
        <v>46</v>
      </c>
      <c r="J36" s="280">
        <v>8</v>
      </c>
      <c r="K36" s="280">
        <v>0</v>
      </c>
      <c r="L36" s="277">
        <v>239</v>
      </c>
      <c r="M36" s="282">
        <v>239</v>
      </c>
      <c r="N36" s="280">
        <v>0</v>
      </c>
      <c r="O36" s="280">
        <v>0</v>
      </c>
      <c r="P36" s="277">
        <v>0</v>
      </c>
      <c r="Q36" s="279">
        <v>0</v>
      </c>
      <c r="R36" s="280">
        <v>0</v>
      </c>
      <c r="S36" s="280">
        <v>0</v>
      </c>
      <c r="T36" s="280">
        <v>0</v>
      </c>
      <c r="U36" s="280">
        <v>4</v>
      </c>
      <c r="V36" s="280">
        <v>0</v>
      </c>
      <c r="W36" s="277">
        <v>4</v>
      </c>
      <c r="X36" s="282">
        <v>4</v>
      </c>
    </row>
    <row r="37" spans="2:24" ht="21" customHeight="1" x14ac:dyDescent="0.2">
      <c r="B37" s="256" t="s">
        <v>35</v>
      </c>
      <c r="C37" s="280">
        <v>0</v>
      </c>
      <c r="D37" s="280">
        <v>0</v>
      </c>
      <c r="E37" s="277">
        <v>0</v>
      </c>
      <c r="F37" s="279">
        <v>0</v>
      </c>
      <c r="G37" s="280">
        <v>218</v>
      </c>
      <c r="H37" s="280">
        <v>203</v>
      </c>
      <c r="I37" s="280">
        <v>123</v>
      </c>
      <c r="J37" s="280">
        <v>91</v>
      </c>
      <c r="K37" s="280">
        <v>23</v>
      </c>
      <c r="L37" s="277">
        <v>658</v>
      </c>
      <c r="M37" s="282">
        <v>658</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71</v>
      </c>
      <c r="H38" s="280">
        <v>411</v>
      </c>
      <c r="I38" s="280">
        <v>380</v>
      </c>
      <c r="J38" s="280">
        <v>181</v>
      </c>
      <c r="K38" s="280">
        <v>147</v>
      </c>
      <c r="L38" s="277">
        <v>1590</v>
      </c>
      <c r="M38" s="282">
        <v>1590</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146</v>
      </c>
      <c r="H39" s="287">
        <v>83</v>
      </c>
      <c r="I39" s="287">
        <v>86</v>
      </c>
      <c r="J39" s="287">
        <v>0</v>
      </c>
      <c r="K39" s="287">
        <v>13</v>
      </c>
      <c r="L39" s="284">
        <v>328</v>
      </c>
      <c r="M39" s="289">
        <v>328</v>
      </c>
      <c r="N39" s="287">
        <v>0</v>
      </c>
      <c r="O39" s="287">
        <v>0</v>
      </c>
      <c r="P39" s="284">
        <v>0</v>
      </c>
      <c r="Q39" s="286">
        <v>0</v>
      </c>
      <c r="R39" s="287">
        <v>5</v>
      </c>
      <c r="S39" s="287">
        <v>0</v>
      </c>
      <c r="T39" s="287">
        <v>21</v>
      </c>
      <c r="U39" s="287">
        <v>0</v>
      </c>
      <c r="V39" s="287">
        <v>15</v>
      </c>
      <c r="W39" s="284">
        <v>41</v>
      </c>
      <c r="X39" s="289">
        <v>41</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6">
        <f>第１表!F2</f>
        <v>4</v>
      </c>
      <c r="I1" s="526"/>
      <c r="J1" s="248">
        <f>第１表!G2</f>
        <v>10</v>
      </c>
      <c r="K1" s="531">
        <f>IF(J1&lt;3,J1+12-2,J1-2)</f>
        <v>8</v>
      </c>
      <c r="L1" s="531"/>
    </row>
    <row r="2" spans="2:24" ht="24" customHeight="1" thickBot="1" x14ac:dyDescent="0.25">
      <c r="B2" s="290" t="s">
        <v>135</v>
      </c>
    </row>
    <row r="3" spans="2:24" ht="18.75" customHeight="1" x14ac:dyDescent="0.2">
      <c r="B3" s="534"/>
      <c r="C3" s="535" t="s">
        <v>143</v>
      </c>
      <c r="D3" s="535"/>
      <c r="E3" s="535"/>
      <c r="F3" s="535"/>
      <c r="G3" s="535"/>
      <c r="H3" s="535"/>
      <c r="I3" s="535"/>
      <c r="J3" s="535"/>
      <c r="K3" s="535"/>
      <c r="L3" s="535"/>
      <c r="M3" s="567"/>
      <c r="N3" s="535" t="s">
        <v>113</v>
      </c>
      <c r="O3" s="535"/>
      <c r="P3" s="535"/>
      <c r="Q3" s="535"/>
      <c r="R3" s="535"/>
      <c r="S3" s="535"/>
      <c r="T3" s="535"/>
      <c r="U3" s="535"/>
      <c r="V3" s="535"/>
      <c r="W3" s="535"/>
      <c r="X3" s="567"/>
    </row>
    <row r="4" spans="2:24" ht="18.75" customHeight="1" x14ac:dyDescent="0.2">
      <c r="B4" s="573"/>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27" thickBot="1" x14ac:dyDescent="0.25">
      <c r="B5" s="574"/>
      <c r="C5" s="259" t="s">
        <v>43</v>
      </c>
      <c r="D5" s="259" t="s">
        <v>44</v>
      </c>
      <c r="E5" s="265" t="s">
        <v>45</v>
      </c>
      <c r="F5" s="267" t="s">
        <v>83</v>
      </c>
      <c r="G5" s="259" t="s">
        <v>47</v>
      </c>
      <c r="H5" s="259" t="s">
        <v>48</v>
      </c>
      <c r="I5" s="259" t="s">
        <v>49</v>
      </c>
      <c r="J5" s="259" t="s">
        <v>50</v>
      </c>
      <c r="K5" s="259" t="s">
        <v>51</v>
      </c>
      <c r="L5" s="265" t="s">
        <v>45</v>
      </c>
      <c r="M5" s="533"/>
      <c r="N5" s="259" t="s">
        <v>43</v>
      </c>
      <c r="O5" s="259" t="s">
        <v>44</v>
      </c>
      <c r="P5" s="265" t="s">
        <v>45</v>
      </c>
      <c r="Q5" s="267" t="s">
        <v>83</v>
      </c>
      <c r="R5" s="259" t="s">
        <v>47</v>
      </c>
      <c r="S5" s="259" t="s">
        <v>48</v>
      </c>
      <c r="T5" s="259" t="s">
        <v>49</v>
      </c>
      <c r="U5" s="259" t="s">
        <v>50</v>
      </c>
      <c r="V5" s="259" t="s">
        <v>51</v>
      </c>
      <c r="W5" s="265" t="s">
        <v>45</v>
      </c>
      <c r="X5" s="533"/>
    </row>
    <row r="6" spans="2:24" ht="21" customHeight="1" x14ac:dyDescent="0.2">
      <c r="B6" s="258" t="s">
        <v>4</v>
      </c>
      <c r="C6" s="273">
        <v>0</v>
      </c>
      <c r="D6" s="273">
        <v>0</v>
      </c>
      <c r="E6" s="270">
        <v>0</v>
      </c>
      <c r="F6" s="272">
        <v>0</v>
      </c>
      <c r="G6" s="273">
        <v>6661</v>
      </c>
      <c r="H6" s="273">
        <v>5083</v>
      </c>
      <c r="I6" s="273">
        <v>3023</v>
      </c>
      <c r="J6" s="273">
        <v>1597</v>
      </c>
      <c r="K6" s="273">
        <v>571</v>
      </c>
      <c r="L6" s="270">
        <v>16935</v>
      </c>
      <c r="M6" s="275">
        <v>16935</v>
      </c>
      <c r="N6" s="273">
        <v>2</v>
      </c>
      <c r="O6" s="273">
        <v>0</v>
      </c>
      <c r="P6" s="270">
        <v>2</v>
      </c>
      <c r="Q6" s="272">
        <v>0</v>
      </c>
      <c r="R6" s="273">
        <v>586</v>
      </c>
      <c r="S6" s="273">
        <v>714</v>
      </c>
      <c r="T6" s="273">
        <v>775</v>
      </c>
      <c r="U6" s="273">
        <v>267</v>
      </c>
      <c r="V6" s="273">
        <v>212</v>
      </c>
      <c r="W6" s="270">
        <v>2554</v>
      </c>
      <c r="X6" s="275">
        <v>2556</v>
      </c>
    </row>
    <row r="7" spans="2:24" ht="21" customHeight="1" x14ac:dyDescent="0.2">
      <c r="B7" s="256" t="s">
        <v>5</v>
      </c>
      <c r="C7" s="280">
        <v>0</v>
      </c>
      <c r="D7" s="280">
        <v>0</v>
      </c>
      <c r="E7" s="277">
        <v>0</v>
      </c>
      <c r="F7" s="279">
        <v>0</v>
      </c>
      <c r="G7" s="280">
        <v>2841</v>
      </c>
      <c r="H7" s="280">
        <v>2451</v>
      </c>
      <c r="I7" s="280">
        <v>1476</v>
      </c>
      <c r="J7" s="280">
        <v>783</v>
      </c>
      <c r="K7" s="280">
        <v>275</v>
      </c>
      <c r="L7" s="277">
        <v>7826</v>
      </c>
      <c r="M7" s="282">
        <v>7826</v>
      </c>
      <c r="N7" s="280">
        <v>2</v>
      </c>
      <c r="O7" s="280">
        <v>0</v>
      </c>
      <c r="P7" s="277">
        <v>2</v>
      </c>
      <c r="Q7" s="279">
        <v>0</v>
      </c>
      <c r="R7" s="280">
        <v>255</v>
      </c>
      <c r="S7" s="280">
        <v>398</v>
      </c>
      <c r="T7" s="280">
        <v>479</v>
      </c>
      <c r="U7" s="280">
        <v>172</v>
      </c>
      <c r="V7" s="280">
        <v>126</v>
      </c>
      <c r="W7" s="277">
        <v>1430</v>
      </c>
      <c r="X7" s="282">
        <v>1432</v>
      </c>
    </row>
    <row r="8" spans="2:24" ht="21" customHeight="1" x14ac:dyDescent="0.2">
      <c r="B8" s="256" t="s">
        <v>6</v>
      </c>
      <c r="C8" s="280">
        <v>0</v>
      </c>
      <c r="D8" s="280">
        <v>0</v>
      </c>
      <c r="E8" s="277">
        <v>0</v>
      </c>
      <c r="F8" s="279">
        <v>0</v>
      </c>
      <c r="G8" s="280">
        <v>632</v>
      </c>
      <c r="H8" s="280">
        <v>414</v>
      </c>
      <c r="I8" s="280">
        <v>314</v>
      </c>
      <c r="J8" s="280">
        <v>188</v>
      </c>
      <c r="K8" s="280">
        <v>99</v>
      </c>
      <c r="L8" s="277">
        <v>1647</v>
      </c>
      <c r="M8" s="282">
        <v>1647</v>
      </c>
      <c r="N8" s="280">
        <v>0</v>
      </c>
      <c r="O8" s="280">
        <v>0</v>
      </c>
      <c r="P8" s="277">
        <v>0</v>
      </c>
      <c r="Q8" s="279">
        <v>0</v>
      </c>
      <c r="R8" s="280">
        <v>142</v>
      </c>
      <c r="S8" s="280">
        <v>103</v>
      </c>
      <c r="T8" s="280">
        <v>108</v>
      </c>
      <c r="U8" s="280">
        <v>26</v>
      </c>
      <c r="V8" s="280">
        <v>58</v>
      </c>
      <c r="W8" s="277">
        <v>437</v>
      </c>
      <c r="X8" s="282">
        <v>437</v>
      </c>
    </row>
    <row r="9" spans="2:24" ht="21" customHeight="1" x14ac:dyDescent="0.2">
      <c r="B9" s="256" t="s">
        <v>14</v>
      </c>
      <c r="C9" s="280">
        <v>0</v>
      </c>
      <c r="D9" s="280">
        <v>0</v>
      </c>
      <c r="E9" s="277">
        <v>0</v>
      </c>
      <c r="F9" s="279">
        <v>0</v>
      </c>
      <c r="G9" s="280">
        <v>539</v>
      </c>
      <c r="H9" s="280">
        <v>497</v>
      </c>
      <c r="I9" s="280">
        <v>269</v>
      </c>
      <c r="J9" s="280">
        <v>146</v>
      </c>
      <c r="K9" s="280">
        <v>18</v>
      </c>
      <c r="L9" s="277">
        <v>1469</v>
      </c>
      <c r="M9" s="282">
        <v>1469</v>
      </c>
      <c r="N9" s="280">
        <v>0</v>
      </c>
      <c r="O9" s="280">
        <v>0</v>
      </c>
      <c r="P9" s="277">
        <v>0</v>
      </c>
      <c r="Q9" s="279">
        <v>0</v>
      </c>
      <c r="R9" s="280">
        <v>9</v>
      </c>
      <c r="S9" s="280">
        <v>26</v>
      </c>
      <c r="T9" s="280">
        <v>1</v>
      </c>
      <c r="U9" s="280">
        <v>10</v>
      </c>
      <c r="V9" s="280">
        <v>0</v>
      </c>
      <c r="W9" s="277">
        <v>46</v>
      </c>
      <c r="X9" s="282">
        <v>46</v>
      </c>
    </row>
    <row r="10" spans="2:24" ht="21" customHeight="1" x14ac:dyDescent="0.2">
      <c r="B10" s="256" t="s">
        <v>7</v>
      </c>
      <c r="C10" s="280">
        <v>0</v>
      </c>
      <c r="D10" s="280">
        <v>0</v>
      </c>
      <c r="E10" s="277">
        <v>0</v>
      </c>
      <c r="F10" s="279">
        <v>0</v>
      </c>
      <c r="G10" s="280">
        <v>568</v>
      </c>
      <c r="H10" s="280">
        <v>292</v>
      </c>
      <c r="I10" s="280">
        <v>121</v>
      </c>
      <c r="J10" s="280">
        <v>34</v>
      </c>
      <c r="K10" s="280">
        <v>36</v>
      </c>
      <c r="L10" s="277">
        <v>1051</v>
      </c>
      <c r="M10" s="282">
        <v>1051</v>
      </c>
      <c r="N10" s="280">
        <v>0</v>
      </c>
      <c r="O10" s="280">
        <v>0</v>
      </c>
      <c r="P10" s="277">
        <v>0</v>
      </c>
      <c r="Q10" s="279">
        <v>0</v>
      </c>
      <c r="R10" s="280">
        <v>63</v>
      </c>
      <c r="S10" s="280">
        <v>81</v>
      </c>
      <c r="T10" s="280">
        <v>67</v>
      </c>
      <c r="U10" s="280">
        <v>17</v>
      </c>
      <c r="V10" s="280">
        <v>13</v>
      </c>
      <c r="W10" s="277">
        <v>241</v>
      </c>
      <c r="X10" s="282">
        <v>241</v>
      </c>
    </row>
    <row r="11" spans="2:24" ht="21" customHeight="1" x14ac:dyDescent="0.2">
      <c r="B11" s="256" t="s">
        <v>8</v>
      </c>
      <c r="C11" s="280">
        <v>0</v>
      </c>
      <c r="D11" s="280">
        <v>0</v>
      </c>
      <c r="E11" s="277">
        <v>0</v>
      </c>
      <c r="F11" s="279">
        <v>0</v>
      </c>
      <c r="G11" s="280">
        <v>257</v>
      </c>
      <c r="H11" s="280">
        <v>180</v>
      </c>
      <c r="I11" s="280">
        <v>95</v>
      </c>
      <c r="J11" s="280">
        <v>52</v>
      </c>
      <c r="K11" s="280">
        <v>14</v>
      </c>
      <c r="L11" s="277">
        <v>598</v>
      </c>
      <c r="M11" s="282">
        <v>598</v>
      </c>
      <c r="N11" s="280">
        <v>0</v>
      </c>
      <c r="O11" s="280">
        <v>0</v>
      </c>
      <c r="P11" s="277">
        <v>0</v>
      </c>
      <c r="Q11" s="279">
        <v>0</v>
      </c>
      <c r="R11" s="280">
        <v>0</v>
      </c>
      <c r="S11" s="280">
        <v>0</v>
      </c>
      <c r="T11" s="280">
        <v>0</v>
      </c>
      <c r="U11" s="280">
        <v>1</v>
      </c>
      <c r="V11" s="280">
        <v>0</v>
      </c>
      <c r="W11" s="277">
        <v>1</v>
      </c>
      <c r="X11" s="282">
        <v>1</v>
      </c>
    </row>
    <row r="12" spans="2:24" ht="21" customHeight="1" x14ac:dyDescent="0.2">
      <c r="B12" s="256" t="s">
        <v>9</v>
      </c>
      <c r="C12" s="280">
        <v>0</v>
      </c>
      <c r="D12" s="280">
        <v>0</v>
      </c>
      <c r="E12" s="277">
        <v>0</v>
      </c>
      <c r="F12" s="279">
        <v>0</v>
      </c>
      <c r="G12" s="280">
        <v>241</v>
      </c>
      <c r="H12" s="280">
        <v>182</v>
      </c>
      <c r="I12" s="280">
        <v>122</v>
      </c>
      <c r="J12" s="280">
        <v>88</v>
      </c>
      <c r="K12" s="280">
        <v>28</v>
      </c>
      <c r="L12" s="277">
        <v>661</v>
      </c>
      <c r="M12" s="282">
        <v>661</v>
      </c>
      <c r="N12" s="280">
        <v>0</v>
      </c>
      <c r="O12" s="280">
        <v>0</v>
      </c>
      <c r="P12" s="277">
        <v>0</v>
      </c>
      <c r="Q12" s="279">
        <v>0</v>
      </c>
      <c r="R12" s="280">
        <v>0</v>
      </c>
      <c r="S12" s="280">
        <v>6</v>
      </c>
      <c r="T12" s="280">
        <v>9</v>
      </c>
      <c r="U12" s="280">
        <v>13</v>
      </c>
      <c r="V12" s="280">
        <v>0</v>
      </c>
      <c r="W12" s="277">
        <v>28</v>
      </c>
      <c r="X12" s="282">
        <v>28</v>
      </c>
    </row>
    <row r="13" spans="2:24" ht="21" customHeight="1" x14ac:dyDescent="0.2">
      <c r="B13" s="256" t="s">
        <v>10</v>
      </c>
      <c r="C13" s="280">
        <v>0</v>
      </c>
      <c r="D13" s="280">
        <v>0</v>
      </c>
      <c r="E13" s="277">
        <v>0</v>
      </c>
      <c r="F13" s="279">
        <v>0</v>
      </c>
      <c r="G13" s="280">
        <v>283</v>
      </c>
      <c r="H13" s="280">
        <v>216</v>
      </c>
      <c r="I13" s="280">
        <v>55</v>
      </c>
      <c r="J13" s="280">
        <v>30</v>
      </c>
      <c r="K13" s="280">
        <v>5</v>
      </c>
      <c r="L13" s="277">
        <v>589</v>
      </c>
      <c r="M13" s="282">
        <v>589</v>
      </c>
      <c r="N13" s="280">
        <v>0</v>
      </c>
      <c r="O13" s="280">
        <v>0</v>
      </c>
      <c r="P13" s="277">
        <v>0</v>
      </c>
      <c r="Q13" s="279">
        <v>0</v>
      </c>
      <c r="R13" s="280">
        <v>20</v>
      </c>
      <c r="S13" s="280">
        <v>18</v>
      </c>
      <c r="T13" s="280">
        <v>26</v>
      </c>
      <c r="U13" s="280">
        <v>0</v>
      </c>
      <c r="V13" s="280">
        <v>5</v>
      </c>
      <c r="W13" s="277">
        <v>69</v>
      </c>
      <c r="X13" s="282">
        <v>69</v>
      </c>
    </row>
    <row r="14" spans="2:24" ht="21" customHeight="1" x14ac:dyDescent="0.2">
      <c r="B14" s="256" t="s">
        <v>11</v>
      </c>
      <c r="C14" s="280">
        <v>0</v>
      </c>
      <c r="D14" s="280">
        <v>0</v>
      </c>
      <c r="E14" s="277">
        <v>0</v>
      </c>
      <c r="F14" s="279">
        <v>0</v>
      </c>
      <c r="G14" s="280">
        <v>132</v>
      </c>
      <c r="H14" s="280">
        <v>65</v>
      </c>
      <c r="I14" s="280">
        <v>119</v>
      </c>
      <c r="J14" s="280">
        <v>54</v>
      </c>
      <c r="K14" s="280">
        <v>20</v>
      </c>
      <c r="L14" s="277">
        <v>390</v>
      </c>
      <c r="M14" s="282">
        <v>390</v>
      </c>
      <c r="N14" s="280">
        <v>0</v>
      </c>
      <c r="O14" s="280">
        <v>0</v>
      </c>
      <c r="P14" s="277">
        <v>0</v>
      </c>
      <c r="Q14" s="279">
        <v>0</v>
      </c>
      <c r="R14" s="280">
        <v>8</v>
      </c>
      <c r="S14" s="280">
        <v>16</v>
      </c>
      <c r="T14" s="280">
        <v>11</v>
      </c>
      <c r="U14" s="280">
        <v>0</v>
      </c>
      <c r="V14" s="280">
        <v>0</v>
      </c>
      <c r="W14" s="277">
        <v>35</v>
      </c>
      <c r="X14" s="282">
        <v>35</v>
      </c>
    </row>
    <row r="15" spans="2:24" ht="21" customHeight="1" x14ac:dyDescent="0.2">
      <c r="B15" s="256" t="s">
        <v>12</v>
      </c>
      <c r="C15" s="280">
        <v>0</v>
      </c>
      <c r="D15" s="280">
        <v>0</v>
      </c>
      <c r="E15" s="277">
        <v>0</v>
      </c>
      <c r="F15" s="279">
        <v>0</v>
      </c>
      <c r="G15" s="280">
        <v>315</v>
      </c>
      <c r="H15" s="280">
        <v>147</v>
      </c>
      <c r="I15" s="280">
        <v>114</v>
      </c>
      <c r="J15" s="280">
        <v>14</v>
      </c>
      <c r="K15" s="280">
        <v>7</v>
      </c>
      <c r="L15" s="277">
        <v>597</v>
      </c>
      <c r="M15" s="282">
        <v>597</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40</v>
      </c>
      <c r="H16" s="280">
        <v>80</v>
      </c>
      <c r="I16" s="280">
        <v>14</v>
      </c>
      <c r="J16" s="280">
        <v>29</v>
      </c>
      <c r="K16" s="280">
        <v>9</v>
      </c>
      <c r="L16" s="277">
        <v>172</v>
      </c>
      <c r="M16" s="282">
        <v>172</v>
      </c>
      <c r="N16" s="280">
        <v>0</v>
      </c>
      <c r="O16" s="280">
        <v>0</v>
      </c>
      <c r="P16" s="277">
        <v>0</v>
      </c>
      <c r="Q16" s="279">
        <v>0</v>
      </c>
      <c r="R16" s="280">
        <v>0</v>
      </c>
      <c r="S16" s="280">
        <v>3</v>
      </c>
      <c r="T16" s="280">
        <v>13</v>
      </c>
      <c r="U16" s="280">
        <v>2</v>
      </c>
      <c r="V16" s="280">
        <v>1</v>
      </c>
      <c r="W16" s="277">
        <v>19</v>
      </c>
      <c r="X16" s="282">
        <v>19</v>
      </c>
    </row>
    <row r="17" spans="2:24" ht="21" customHeight="1" x14ac:dyDescent="0.2">
      <c r="B17" s="256" t="s">
        <v>15</v>
      </c>
      <c r="C17" s="280">
        <v>0</v>
      </c>
      <c r="D17" s="280">
        <v>0</v>
      </c>
      <c r="E17" s="277">
        <v>0</v>
      </c>
      <c r="F17" s="279">
        <v>0</v>
      </c>
      <c r="G17" s="280">
        <v>22</v>
      </c>
      <c r="H17" s="280">
        <v>76</v>
      </c>
      <c r="I17" s="280">
        <v>31</v>
      </c>
      <c r="J17" s="280">
        <v>23</v>
      </c>
      <c r="K17" s="280">
        <v>12</v>
      </c>
      <c r="L17" s="277">
        <v>164</v>
      </c>
      <c r="M17" s="282">
        <v>164</v>
      </c>
      <c r="N17" s="280">
        <v>0</v>
      </c>
      <c r="O17" s="280">
        <v>0</v>
      </c>
      <c r="P17" s="277">
        <v>0</v>
      </c>
      <c r="Q17" s="279">
        <v>0</v>
      </c>
      <c r="R17" s="280">
        <v>0</v>
      </c>
      <c r="S17" s="280">
        <v>9</v>
      </c>
      <c r="T17" s="280">
        <v>0</v>
      </c>
      <c r="U17" s="280">
        <v>0</v>
      </c>
      <c r="V17" s="280">
        <v>0</v>
      </c>
      <c r="W17" s="277">
        <v>9</v>
      </c>
      <c r="X17" s="282">
        <v>9</v>
      </c>
    </row>
    <row r="18" spans="2:24" ht="21" customHeight="1" x14ac:dyDescent="0.2">
      <c r="B18" s="256" t="s">
        <v>16</v>
      </c>
      <c r="C18" s="280">
        <v>0</v>
      </c>
      <c r="D18" s="280">
        <v>0</v>
      </c>
      <c r="E18" s="277">
        <v>0</v>
      </c>
      <c r="F18" s="279">
        <v>0</v>
      </c>
      <c r="G18" s="280">
        <v>60</v>
      </c>
      <c r="H18" s="280">
        <v>71</v>
      </c>
      <c r="I18" s="280">
        <v>41</v>
      </c>
      <c r="J18" s="280">
        <v>19</v>
      </c>
      <c r="K18" s="280">
        <v>0</v>
      </c>
      <c r="L18" s="277">
        <v>191</v>
      </c>
      <c r="M18" s="282">
        <v>191</v>
      </c>
      <c r="N18" s="280">
        <v>0</v>
      </c>
      <c r="O18" s="280">
        <v>0</v>
      </c>
      <c r="P18" s="277">
        <v>0</v>
      </c>
      <c r="Q18" s="279">
        <v>0</v>
      </c>
      <c r="R18" s="280">
        <v>2</v>
      </c>
      <c r="S18" s="280">
        <v>0</v>
      </c>
      <c r="T18" s="280">
        <v>9</v>
      </c>
      <c r="U18" s="280">
        <v>0</v>
      </c>
      <c r="V18" s="280">
        <v>0</v>
      </c>
      <c r="W18" s="277">
        <v>11</v>
      </c>
      <c r="X18" s="282">
        <v>11</v>
      </c>
    </row>
    <row r="19" spans="2:24" ht="21" customHeight="1" x14ac:dyDescent="0.2">
      <c r="B19" s="256" t="s">
        <v>17</v>
      </c>
      <c r="C19" s="280">
        <v>0</v>
      </c>
      <c r="D19" s="280">
        <v>0</v>
      </c>
      <c r="E19" s="277">
        <v>0</v>
      </c>
      <c r="F19" s="279">
        <v>0</v>
      </c>
      <c r="G19" s="280">
        <v>141</v>
      </c>
      <c r="H19" s="280">
        <v>134</v>
      </c>
      <c r="I19" s="280">
        <v>83</v>
      </c>
      <c r="J19" s="280">
        <v>14</v>
      </c>
      <c r="K19" s="280">
        <v>15</v>
      </c>
      <c r="L19" s="277">
        <v>387</v>
      </c>
      <c r="M19" s="282">
        <v>387</v>
      </c>
      <c r="N19" s="280">
        <v>0</v>
      </c>
      <c r="O19" s="280">
        <v>0</v>
      </c>
      <c r="P19" s="277">
        <v>0</v>
      </c>
      <c r="Q19" s="279">
        <v>0</v>
      </c>
      <c r="R19" s="280">
        <v>32</v>
      </c>
      <c r="S19" s="280">
        <v>0</v>
      </c>
      <c r="T19" s="280">
        <v>5</v>
      </c>
      <c r="U19" s="280">
        <v>0</v>
      </c>
      <c r="V19" s="280">
        <v>0</v>
      </c>
      <c r="W19" s="277">
        <v>37</v>
      </c>
      <c r="X19" s="282">
        <v>37</v>
      </c>
    </row>
    <row r="20" spans="2:24" ht="21" customHeight="1" x14ac:dyDescent="0.2">
      <c r="B20" s="256" t="s">
        <v>18</v>
      </c>
      <c r="C20" s="280">
        <v>0</v>
      </c>
      <c r="D20" s="280">
        <v>0</v>
      </c>
      <c r="E20" s="277">
        <v>0</v>
      </c>
      <c r="F20" s="279">
        <v>0</v>
      </c>
      <c r="G20" s="280">
        <v>154</v>
      </c>
      <c r="H20" s="280">
        <v>120</v>
      </c>
      <c r="I20" s="280">
        <v>33</v>
      </c>
      <c r="J20" s="280">
        <v>10</v>
      </c>
      <c r="K20" s="280">
        <v>0</v>
      </c>
      <c r="L20" s="277">
        <v>317</v>
      </c>
      <c r="M20" s="282">
        <v>317</v>
      </c>
      <c r="N20" s="280">
        <v>0</v>
      </c>
      <c r="O20" s="280">
        <v>0</v>
      </c>
      <c r="P20" s="277">
        <v>0</v>
      </c>
      <c r="Q20" s="279">
        <v>0</v>
      </c>
      <c r="R20" s="280">
        <v>33</v>
      </c>
      <c r="S20" s="280">
        <v>0</v>
      </c>
      <c r="T20" s="280">
        <v>9</v>
      </c>
      <c r="U20" s="280">
        <v>0</v>
      </c>
      <c r="V20" s="280">
        <v>7</v>
      </c>
      <c r="W20" s="277">
        <v>49</v>
      </c>
      <c r="X20" s="282">
        <v>49</v>
      </c>
    </row>
    <row r="21" spans="2:24" ht="21" customHeight="1" x14ac:dyDescent="0.2">
      <c r="B21" s="256" t="s">
        <v>19</v>
      </c>
      <c r="C21" s="280">
        <v>0</v>
      </c>
      <c r="D21" s="280">
        <v>0</v>
      </c>
      <c r="E21" s="277">
        <v>0</v>
      </c>
      <c r="F21" s="279">
        <v>0</v>
      </c>
      <c r="G21" s="280">
        <v>25</v>
      </c>
      <c r="H21" s="280">
        <v>24</v>
      </c>
      <c r="I21" s="280">
        <v>0</v>
      </c>
      <c r="J21" s="280">
        <v>14</v>
      </c>
      <c r="K21" s="280">
        <v>0</v>
      </c>
      <c r="L21" s="277">
        <v>63</v>
      </c>
      <c r="M21" s="282">
        <v>63</v>
      </c>
      <c r="N21" s="280">
        <v>0</v>
      </c>
      <c r="O21" s="280">
        <v>0</v>
      </c>
      <c r="P21" s="277">
        <v>0</v>
      </c>
      <c r="Q21" s="279">
        <v>0</v>
      </c>
      <c r="R21" s="280">
        <v>0</v>
      </c>
      <c r="S21" s="280">
        <v>34</v>
      </c>
      <c r="T21" s="280">
        <v>0</v>
      </c>
      <c r="U21" s="280">
        <v>0</v>
      </c>
      <c r="V21" s="280">
        <v>0</v>
      </c>
      <c r="W21" s="277">
        <v>34</v>
      </c>
      <c r="X21" s="282">
        <v>34</v>
      </c>
    </row>
    <row r="22" spans="2:24" ht="21" customHeight="1" x14ac:dyDescent="0.2">
      <c r="B22" s="256" t="s">
        <v>20</v>
      </c>
      <c r="C22" s="280">
        <v>0</v>
      </c>
      <c r="D22" s="280">
        <v>0</v>
      </c>
      <c r="E22" s="277">
        <v>0</v>
      </c>
      <c r="F22" s="279">
        <v>0</v>
      </c>
      <c r="G22" s="280">
        <v>99</v>
      </c>
      <c r="H22" s="280">
        <v>-76</v>
      </c>
      <c r="I22" s="280">
        <v>42</v>
      </c>
      <c r="J22" s="280">
        <v>25</v>
      </c>
      <c r="K22" s="280">
        <v>0</v>
      </c>
      <c r="L22" s="277">
        <v>90</v>
      </c>
      <c r="M22" s="282">
        <v>90</v>
      </c>
      <c r="N22" s="280">
        <v>0</v>
      </c>
      <c r="O22" s="280">
        <v>0</v>
      </c>
      <c r="P22" s="277">
        <v>0</v>
      </c>
      <c r="Q22" s="279">
        <v>0</v>
      </c>
      <c r="R22" s="280">
        <v>0</v>
      </c>
      <c r="S22" s="280">
        <v>0</v>
      </c>
      <c r="T22" s="280">
        <v>14</v>
      </c>
      <c r="U22" s="280">
        <v>0</v>
      </c>
      <c r="V22" s="280">
        <v>0</v>
      </c>
      <c r="W22" s="277">
        <v>14</v>
      </c>
      <c r="X22" s="282">
        <v>14</v>
      </c>
    </row>
    <row r="23" spans="2:24" ht="21" customHeight="1" x14ac:dyDescent="0.2">
      <c r="B23" s="256" t="s">
        <v>21</v>
      </c>
      <c r="C23" s="280">
        <v>0</v>
      </c>
      <c r="D23" s="280">
        <v>0</v>
      </c>
      <c r="E23" s="277">
        <v>0</v>
      </c>
      <c r="F23" s="279">
        <v>0</v>
      </c>
      <c r="G23" s="280">
        <v>57</v>
      </c>
      <c r="H23" s="280">
        <v>63</v>
      </c>
      <c r="I23" s="280">
        <v>44</v>
      </c>
      <c r="J23" s="280">
        <v>17</v>
      </c>
      <c r="K23" s="280">
        <v>0</v>
      </c>
      <c r="L23" s="277">
        <v>181</v>
      </c>
      <c r="M23" s="282">
        <v>181</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18</v>
      </c>
      <c r="H24" s="280">
        <v>46</v>
      </c>
      <c r="I24" s="280">
        <v>8</v>
      </c>
      <c r="J24" s="280">
        <v>28</v>
      </c>
      <c r="K24" s="280">
        <v>0</v>
      </c>
      <c r="L24" s="277">
        <v>100</v>
      </c>
      <c r="M24" s="282">
        <v>100</v>
      </c>
      <c r="N24" s="280">
        <v>0</v>
      </c>
      <c r="O24" s="280">
        <v>0</v>
      </c>
      <c r="P24" s="277">
        <v>0</v>
      </c>
      <c r="Q24" s="279">
        <v>0</v>
      </c>
      <c r="R24" s="280">
        <v>1</v>
      </c>
      <c r="S24" s="280">
        <v>0</v>
      </c>
      <c r="T24" s="280">
        <v>0</v>
      </c>
      <c r="U24" s="280">
        <v>13</v>
      </c>
      <c r="V24" s="280">
        <v>0</v>
      </c>
      <c r="W24" s="277">
        <v>14</v>
      </c>
      <c r="X24" s="282">
        <v>14</v>
      </c>
    </row>
    <row r="25" spans="2:24" ht="21" customHeight="1" x14ac:dyDescent="0.2">
      <c r="B25" s="256" t="s">
        <v>23</v>
      </c>
      <c r="C25" s="280">
        <v>0</v>
      </c>
      <c r="D25" s="280">
        <v>0</v>
      </c>
      <c r="E25" s="277">
        <v>0</v>
      </c>
      <c r="F25" s="279">
        <v>0</v>
      </c>
      <c r="G25" s="280">
        <v>26</v>
      </c>
      <c r="H25" s="280">
        <v>6</v>
      </c>
      <c r="I25" s="280">
        <v>2</v>
      </c>
      <c r="J25" s="280">
        <v>29</v>
      </c>
      <c r="K25" s="280">
        <v>0</v>
      </c>
      <c r="L25" s="277">
        <v>63</v>
      </c>
      <c r="M25" s="282">
        <v>63</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18</v>
      </c>
      <c r="H26" s="280">
        <v>0</v>
      </c>
      <c r="I26" s="280">
        <v>31</v>
      </c>
      <c r="J26" s="280">
        <v>0</v>
      </c>
      <c r="K26" s="280">
        <v>0</v>
      </c>
      <c r="L26" s="277">
        <v>49</v>
      </c>
      <c r="M26" s="282">
        <v>49</v>
      </c>
      <c r="N26" s="280">
        <v>0</v>
      </c>
      <c r="O26" s="280">
        <v>0</v>
      </c>
      <c r="P26" s="277">
        <v>0</v>
      </c>
      <c r="Q26" s="279">
        <v>0</v>
      </c>
      <c r="R26" s="280">
        <v>0</v>
      </c>
      <c r="S26" s="280">
        <v>0</v>
      </c>
      <c r="T26" s="280">
        <v>13</v>
      </c>
      <c r="U26" s="280">
        <v>0</v>
      </c>
      <c r="V26" s="280">
        <v>0</v>
      </c>
      <c r="W26" s="277">
        <v>13</v>
      </c>
      <c r="X26" s="282">
        <v>13</v>
      </c>
    </row>
    <row r="27" spans="2:24" ht="21" customHeight="1" x14ac:dyDescent="0.2">
      <c r="B27" s="256" t="s">
        <v>25</v>
      </c>
      <c r="C27" s="280">
        <v>0</v>
      </c>
      <c r="D27" s="280">
        <v>0</v>
      </c>
      <c r="E27" s="277">
        <v>0</v>
      </c>
      <c r="F27" s="279">
        <v>0</v>
      </c>
      <c r="G27" s="280">
        <v>56</v>
      </c>
      <c r="H27" s="280">
        <v>0</v>
      </c>
      <c r="I27" s="280">
        <v>0</v>
      </c>
      <c r="J27" s="280">
        <v>0</v>
      </c>
      <c r="K27" s="280">
        <v>0</v>
      </c>
      <c r="L27" s="277">
        <v>56</v>
      </c>
      <c r="M27" s="282">
        <v>56</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14</v>
      </c>
      <c r="H28" s="280">
        <v>32</v>
      </c>
      <c r="I28" s="280">
        <v>0</v>
      </c>
      <c r="J28" s="280">
        <v>0</v>
      </c>
      <c r="K28" s="280">
        <v>0</v>
      </c>
      <c r="L28" s="277">
        <v>46</v>
      </c>
      <c r="M28" s="282">
        <v>46</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3</v>
      </c>
      <c r="H29" s="280">
        <v>0</v>
      </c>
      <c r="I29" s="280">
        <v>0</v>
      </c>
      <c r="J29" s="280">
        <v>0</v>
      </c>
      <c r="K29" s="280">
        <v>0</v>
      </c>
      <c r="L29" s="277">
        <v>3</v>
      </c>
      <c r="M29" s="282">
        <v>3</v>
      </c>
      <c r="N29" s="280">
        <v>0</v>
      </c>
      <c r="O29" s="280">
        <v>0</v>
      </c>
      <c r="P29" s="277">
        <v>0</v>
      </c>
      <c r="Q29" s="279">
        <v>0</v>
      </c>
      <c r="R29" s="280">
        <v>21</v>
      </c>
      <c r="S29" s="280">
        <v>20</v>
      </c>
      <c r="T29" s="280">
        <v>0</v>
      </c>
      <c r="U29" s="280">
        <v>0</v>
      </c>
      <c r="V29" s="280">
        <v>0</v>
      </c>
      <c r="W29" s="277">
        <v>41</v>
      </c>
      <c r="X29" s="282">
        <v>41</v>
      </c>
    </row>
    <row r="30" spans="2:24" ht="21" customHeight="1" x14ac:dyDescent="0.2">
      <c r="B30" s="256" t="s">
        <v>28</v>
      </c>
      <c r="C30" s="280">
        <v>0</v>
      </c>
      <c r="D30" s="280">
        <v>0</v>
      </c>
      <c r="E30" s="277">
        <v>0</v>
      </c>
      <c r="F30" s="279">
        <v>0</v>
      </c>
      <c r="G30" s="280">
        <v>34</v>
      </c>
      <c r="H30" s="280">
        <v>8</v>
      </c>
      <c r="I30" s="280">
        <v>0</v>
      </c>
      <c r="J30" s="280">
        <v>0</v>
      </c>
      <c r="K30" s="280">
        <v>1</v>
      </c>
      <c r="L30" s="277">
        <v>43</v>
      </c>
      <c r="M30" s="282">
        <v>43</v>
      </c>
      <c r="N30" s="280">
        <v>0</v>
      </c>
      <c r="O30" s="280">
        <v>0</v>
      </c>
      <c r="P30" s="277">
        <v>0</v>
      </c>
      <c r="Q30" s="279">
        <v>0</v>
      </c>
      <c r="R30" s="280">
        <v>0</v>
      </c>
      <c r="S30" s="280">
        <v>0</v>
      </c>
      <c r="T30" s="280">
        <v>0</v>
      </c>
      <c r="U30" s="280">
        <v>0</v>
      </c>
      <c r="V30" s="280">
        <v>2</v>
      </c>
      <c r="W30" s="277">
        <v>2</v>
      </c>
      <c r="X30" s="282">
        <v>2</v>
      </c>
    </row>
    <row r="31" spans="2:24" ht="21" customHeight="1" x14ac:dyDescent="0.2">
      <c r="B31" s="256" t="s">
        <v>29</v>
      </c>
      <c r="C31" s="280">
        <v>0</v>
      </c>
      <c r="D31" s="280">
        <v>0</v>
      </c>
      <c r="E31" s="277">
        <v>0</v>
      </c>
      <c r="F31" s="279">
        <v>0</v>
      </c>
      <c r="G31" s="280">
        <v>16</v>
      </c>
      <c r="H31" s="280">
        <v>0</v>
      </c>
      <c r="I31" s="280">
        <v>0</v>
      </c>
      <c r="J31" s="280">
        <v>0</v>
      </c>
      <c r="K31" s="280">
        <v>0</v>
      </c>
      <c r="L31" s="277">
        <v>16</v>
      </c>
      <c r="M31" s="282">
        <v>16</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6</v>
      </c>
      <c r="H32" s="280">
        <v>14</v>
      </c>
      <c r="I32" s="280">
        <v>0</v>
      </c>
      <c r="J32" s="280">
        <v>0</v>
      </c>
      <c r="K32" s="280">
        <v>0</v>
      </c>
      <c r="L32" s="277">
        <v>20</v>
      </c>
      <c r="M32" s="282">
        <v>20</v>
      </c>
      <c r="N32" s="280">
        <v>0</v>
      </c>
      <c r="O32" s="280">
        <v>0</v>
      </c>
      <c r="P32" s="277">
        <v>0</v>
      </c>
      <c r="Q32" s="279">
        <v>0</v>
      </c>
      <c r="R32" s="280">
        <v>0</v>
      </c>
      <c r="S32" s="280">
        <v>0</v>
      </c>
      <c r="T32" s="280">
        <v>0</v>
      </c>
      <c r="U32" s="280">
        <v>0</v>
      </c>
      <c r="V32" s="280">
        <v>0</v>
      </c>
      <c r="W32" s="277">
        <v>0</v>
      </c>
      <c r="X32" s="282">
        <v>0</v>
      </c>
    </row>
    <row r="33" spans="2:24" ht="21" customHeight="1" x14ac:dyDescent="0.2">
      <c r="B33" s="256" t="s">
        <v>31</v>
      </c>
      <c r="C33" s="280">
        <v>0</v>
      </c>
      <c r="D33" s="280">
        <v>0</v>
      </c>
      <c r="E33" s="277">
        <v>0</v>
      </c>
      <c r="F33" s="279">
        <v>0</v>
      </c>
      <c r="G33" s="280">
        <v>9</v>
      </c>
      <c r="H33" s="280">
        <v>7</v>
      </c>
      <c r="I33" s="280">
        <v>0</v>
      </c>
      <c r="J33" s="280">
        <v>0</v>
      </c>
      <c r="K33" s="280">
        <v>0</v>
      </c>
      <c r="L33" s="277">
        <v>16</v>
      </c>
      <c r="M33" s="282">
        <v>16</v>
      </c>
      <c r="N33" s="280">
        <v>0</v>
      </c>
      <c r="O33" s="280">
        <v>0</v>
      </c>
      <c r="P33" s="277">
        <v>0</v>
      </c>
      <c r="Q33" s="279">
        <v>0</v>
      </c>
      <c r="R33" s="280">
        <v>0</v>
      </c>
      <c r="S33" s="280">
        <v>0</v>
      </c>
      <c r="T33" s="280">
        <v>11</v>
      </c>
      <c r="U33" s="280">
        <v>0</v>
      </c>
      <c r="V33" s="280">
        <v>0</v>
      </c>
      <c r="W33" s="277">
        <v>11</v>
      </c>
      <c r="X33" s="282">
        <v>11</v>
      </c>
    </row>
    <row r="34" spans="2:24" ht="21" customHeight="1" x14ac:dyDescent="0.2">
      <c r="B34" s="256" t="s">
        <v>32</v>
      </c>
      <c r="C34" s="280">
        <v>0</v>
      </c>
      <c r="D34" s="280">
        <v>0</v>
      </c>
      <c r="E34" s="277">
        <v>0</v>
      </c>
      <c r="F34" s="279">
        <v>0</v>
      </c>
      <c r="G34" s="280">
        <v>7</v>
      </c>
      <c r="H34" s="280">
        <v>18</v>
      </c>
      <c r="I34" s="280">
        <v>0</v>
      </c>
      <c r="J34" s="280">
        <v>0</v>
      </c>
      <c r="K34" s="280">
        <v>9</v>
      </c>
      <c r="L34" s="277">
        <v>34</v>
      </c>
      <c r="M34" s="282">
        <v>34</v>
      </c>
      <c r="N34" s="280">
        <v>0</v>
      </c>
      <c r="O34" s="280">
        <v>0</v>
      </c>
      <c r="P34" s="277">
        <v>0</v>
      </c>
      <c r="Q34" s="279">
        <v>0</v>
      </c>
      <c r="R34" s="280">
        <v>0</v>
      </c>
      <c r="S34" s="280">
        <v>0</v>
      </c>
      <c r="T34" s="280">
        <v>0</v>
      </c>
      <c r="U34" s="280">
        <v>13</v>
      </c>
      <c r="V34" s="280">
        <v>0</v>
      </c>
      <c r="W34" s="277">
        <v>13</v>
      </c>
      <c r="X34" s="282">
        <v>13</v>
      </c>
    </row>
    <row r="35" spans="2:24" ht="21" customHeight="1" x14ac:dyDescent="0.2">
      <c r="B35" s="256" t="s">
        <v>33</v>
      </c>
      <c r="C35" s="280">
        <v>0</v>
      </c>
      <c r="D35" s="280">
        <v>0</v>
      </c>
      <c r="E35" s="277">
        <v>0</v>
      </c>
      <c r="F35" s="279">
        <v>0</v>
      </c>
      <c r="G35" s="280">
        <v>5</v>
      </c>
      <c r="H35" s="280">
        <v>0</v>
      </c>
      <c r="I35" s="280">
        <v>9</v>
      </c>
      <c r="J35" s="280">
        <v>0</v>
      </c>
      <c r="K35" s="280">
        <v>0</v>
      </c>
      <c r="L35" s="277">
        <v>14</v>
      </c>
      <c r="M35" s="282">
        <v>14</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22</v>
      </c>
      <c r="H36" s="280">
        <v>0</v>
      </c>
      <c r="I36" s="280">
        <v>0</v>
      </c>
      <c r="J36" s="280">
        <v>0</v>
      </c>
      <c r="K36" s="280">
        <v>0</v>
      </c>
      <c r="L36" s="277">
        <v>22</v>
      </c>
      <c r="M36" s="282">
        <v>22</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21</v>
      </c>
      <c r="H38" s="280">
        <v>16</v>
      </c>
      <c r="I38" s="280">
        <v>0</v>
      </c>
      <c r="J38" s="280">
        <v>0</v>
      </c>
      <c r="K38" s="280">
        <v>23</v>
      </c>
      <c r="L38" s="277">
        <v>60</v>
      </c>
      <c r="M38" s="282">
        <v>60</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0</v>
      </c>
      <c r="L39" s="284">
        <v>0</v>
      </c>
      <c r="M39" s="289">
        <v>0</v>
      </c>
      <c r="N39" s="287">
        <v>0</v>
      </c>
      <c r="O39" s="287">
        <v>0</v>
      </c>
      <c r="P39" s="284">
        <v>0</v>
      </c>
      <c r="Q39" s="286">
        <v>0</v>
      </c>
      <c r="R39" s="287">
        <v>0</v>
      </c>
      <c r="S39" s="287">
        <v>0</v>
      </c>
      <c r="T39" s="287">
        <v>0</v>
      </c>
      <c r="U39" s="287">
        <v>0</v>
      </c>
      <c r="V39" s="287">
        <v>0</v>
      </c>
      <c r="W39" s="284">
        <v>0</v>
      </c>
      <c r="X39" s="289">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6">
        <f>第１表!F2</f>
        <v>4</v>
      </c>
      <c r="I1" s="526"/>
      <c r="J1" s="248">
        <f>第１表!G2</f>
        <v>10</v>
      </c>
      <c r="K1" s="531">
        <f>IF(J1&lt;3,J1+12-2,J1-2)</f>
        <v>8</v>
      </c>
      <c r="L1" s="531"/>
    </row>
    <row r="2" spans="2:24" ht="24" customHeight="1" thickBot="1" x14ac:dyDescent="0.25">
      <c r="B2" s="290" t="s">
        <v>155</v>
      </c>
    </row>
    <row r="3" spans="2:24" ht="18.75" customHeight="1" x14ac:dyDescent="0.2">
      <c r="B3" s="534"/>
      <c r="C3" s="535" t="s">
        <v>142</v>
      </c>
      <c r="D3" s="535"/>
      <c r="E3" s="535"/>
      <c r="F3" s="535"/>
      <c r="G3" s="535"/>
      <c r="H3" s="535"/>
      <c r="I3" s="535"/>
      <c r="J3" s="535"/>
      <c r="K3" s="535"/>
      <c r="L3" s="535"/>
      <c r="M3" s="567"/>
      <c r="N3" s="535" t="s">
        <v>113</v>
      </c>
      <c r="O3" s="535"/>
      <c r="P3" s="535"/>
      <c r="Q3" s="535"/>
      <c r="R3" s="535"/>
      <c r="S3" s="535"/>
      <c r="T3" s="535"/>
      <c r="U3" s="535"/>
      <c r="V3" s="535"/>
      <c r="W3" s="535"/>
      <c r="X3" s="567"/>
    </row>
    <row r="4" spans="2:24" ht="18.75" customHeight="1" x14ac:dyDescent="0.2">
      <c r="B4" s="573"/>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27" thickBot="1" x14ac:dyDescent="0.25">
      <c r="B5" s="574"/>
      <c r="C5" s="259" t="s">
        <v>43</v>
      </c>
      <c r="D5" s="259" t="s">
        <v>44</v>
      </c>
      <c r="E5" s="265" t="s">
        <v>45</v>
      </c>
      <c r="F5" s="267" t="s">
        <v>83</v>
      </c>
      <c r="G5" s="259" t="s">
        <v>47</v>
      </c>
      <c r="H5" s="259" t="s">
        <v>48</v>
      </c>
      <c r="I5" s="259" t="s">
        <v>49</v>
      </c>
      <c r="J5" s="259" t="s">
        <v>50</v>
      </c>
      <c r="K5" s="259" t="s">
        <v>51</v>
      </c>
      <c r="L5" s="265" t="s">
        <v>45</v>
      </c>
      <c r="M5" s="533"/>
      <c r="N5" s="259" t="s">
        <v>43</v>
      </c>
      <c r="O5" s="259" t="s">
        <v>44</v>
      </c>
      <c r="P5" s="265" t="s">
        <v>45</v>
      </c>
      <c r="Q5" s="267" t="s">
        <v>83</v>
      </c>
      <c r="R5" s="259" t="s">
        <v>47</v>
      </c>
      <c r="S5" s="259" t="s">
        <v>48</v>
      </c>
      <c r="T5" s="259" t="s">
        <v>49</v>
      </c>
      <c r="U5" s="259" t="s">
        <v>50</v>
      </c>
      <c r="V5" s="259" t="s">
        <v>51</v>
      </c>
      <c r="W5" s="265" t="s">
        <v>45</v>
      </c>
      <c r="X5" s="533"/>
    </row>
    <row r="6" spans="2:24" ht="21" customHeight="1" x14ac:dyDescent="0.2">
      <c r="B6" s="258" t="s">
        <v>4</v>
      </c>
      <c r="C6" s="273">
        <v>0</v>
      </c>
      <c r="D6" s="273">
        <v>2</v>
      </c>
      <c r="E6" s="270">
        <v>2</v>
      </c>
      <c r="F6" s="272">
        <v>0</v>
      </c>
      <c r="G6" s="273">
        <v>4987</v>
      </c>
      <c r="H6" s="273">
        <v>4327</v>
      </c>
      <c r="I6" s="273">
        <v>2400</v>
      </c>
      <c r="J6" s="273">
        <v>1088</v>
      </c>
      <c r="K6" s="273">
        <v>355</v>
      </c>
      <c r="L6" s="270">
        <v>13157</v>
      </c>
      <c r="M6" s="275">
        <v>13159</v>
      </c>
      <c r="N6" s="273">
        <v>4</v>
      </c>
      <c r="O6" s="273">
        <v>0</v>
      </c>
      <c r="P6" s="270">
        <v>4</v>
      </c>
      <c r="Q6" s="272">
        <v>0</v>
      </c>
      <c r="R6" s="273">
        <v>354</v>
      </c>
      <c r="S6" s="273">
        <v>689</v>
      </c>
      <c r="T6" s="273">
        <v>572</v>
      </c>
      <c r="U6" s="273">
        <v>260</v>
      </c>
      <c r="V6" s="273">
        <v>247</v>
      </c>
      <c r="W6" s="270">
        <v>2122</v>
      </c>
      <c r="X6" s="275">
        <v>2126</v>
      </c>
    </row>
    <row r="7" spans="2:24" ht="21" customHeight="1" x14ac:dyDescent="0.2">
      <c r="B7" s="256" t="s">
        <v>5</v>
      </c>
      <c r="C7" s="280">
        <v>0</v>
      </c>
      <c r="D7" s="280">
        <v>0</v>
      </c>
      <c r="E7" s="277">
        <v>0</v>
      </c>
      <c r="F7" s="279">
        <v>0</v>
      </c>
      <c r="G7" s="280">
        <v>1791</v>
      </c>
      <c r="H7" s="280">
        <v>2367</v>
      </c>
      <c r="I7" s="280">
        <v>951</v>
      </c>
      <c r="J7" s="280">
        <v>574</v>
      </c>
      <c r="K7" s="280">
        <v>139</v>
      </c>
      <c r="L7" s="277">
        <v>5822</v>
      </c>
      <c r="M7" s="282">
        <v>5822</v>
      </c>
      <c r="N7" s="280">
        <v>4</v>
      </c>
      <c r="O7" s="280">
        <v>0</v>
      </c>
      <c r="P7" s="277">
        <v>4</v>
      </c>
      <c r="Q7" s="279">
        <v>0</v>
      </c>
      <c r="R7" s="280">
        <v>213</v>
      </c>
      <c r="S7" s="280">
        <v>390</v>
      </c>
      <c r="T7" s="280">
        <v>285</v>
      </c>
      <c r="U7" s="280">
        <v>140</v>
      </c>
      <c r="V7" s="280">
        <v>155</v>
      </c>
      <c r="W7" s="277">
        <v>1183</v>
      </c>
      <c r="X7" s="282">
        <v>1187</v>
      </c>
    </row>
    <row r="8" spans="2:24" ht="21" customHeight="1" x14ac:dyDescent="0.2">
      <c r="B8" s="256" t="s">
        <v>6</v>
      </c>
      <c r="C8" s="280">
        <v>0</v>
      </c>
      <c r="D8" s="280">
        <v>0</v>
      </c>
      <c r="E8" s="277">
        <v>0</v>
      </c>
      <c r="F8" s="279">
        <v>0</v>
      </c>
      <c r="G8" s="280">
        <v>930</v>
      </c>
      <c r="H8" s="280">
        <v>434</v>
      </c>
      <c r="I8" s="280">
        <v>298</v>
      </c>
      <c r="J8" s="280">
        <v>104</v>
      </c>
      <c r="K8" s="280">
        <v>62</v>
      </c>
      <c r="L8" s="277">
        <v>1828</v>
      </c>
      <c r="M8" s="282">
        <v>1828</v>
      </c>
      <c r="N8" s="280">
        <v>0</v>
      </c>
      <c r="O8" s="280">
        <v>0</v>
      </c>
      <c r="P8" s="277">
        <v>0</v>
      </c>
      <c r="Q8" s="279">
        <v>0</v>
      </c>
      <c r="R8" s="280">
        <v>53</v>
      </c>
      <c r="S8" s="280">
        <v>136</v>
      </c>
      <c r="T8" s="280">
        <v>164</v>
      </c>
      <c r="U8" s="280">
        <v>40</v>
      </c>
      <c r="V8" s="280">
        <v>41</v>
      </c>
      <c r="W8" s="277">
        <v>434</v>
      </c>
      <c r="X8" s="282">
        <v>434</v>
      </c>
    </row>
    <row r="9" spans="2:24" ht="21" customHeight="1" x14ac:dyDescent="0.2">
      <c r="B9" s="256" t="s">
        <v>14</v>
      </c>
      <c r="C9" s="280">
        <v>0</v>
      </c>
      <c r="D9" s="280">
        <v>0</v>
      </c>
      <c r="E9" s="277">
        <v>0</v>
      </c>
      <c r="F9" s="279">
        <v>0</v>
      </c>
      <c r="G9" s="280">
        <v>282</v>
      </c>
      <c r="H9" s="280">
        <v>305</v>
      </c>
      <c r="I9" s="280">
        <v>208</v>
      </c>
      <c r="J9" s="280">
        <v>59</v>
      </c>
      <c r="K9" s="280">
        <v>36</v>
      </c>
      <c r="L9" s="277">
        <v>890</v>
      </c>
      <c r="M9" s="282">
        <v>890</v>
      </c>
      <c r="N9" s="280">
        <v>0</v>
      </c>
      <c r="O9" s="280">
        <v>0</v>
      </c>
      <c r="P9" s="277">
        <v>0</v>
      </c>
      <c r="Q9" s="279">
        <v>0</v>
      </c>
      <c r="R9" s="280">
        <v>7</v>
      </c>
      <c r="S9" s="280">
        <v>0</v>
      </c>
      <c r="T9" s="280">
        <v>2</v>
      </c>
      <c r="U9" s="280">
        <v>5</v>
      </c>
      <c r="V9" s="280">
        <v>19</v>
      </c>
      <c r="W9" s="277">
        <v>33</v>
      </c>
      <c r="X9" s="282">
        <v>33</v>
      </c>
    </row>
    <row r="10" spans="2:24" ht="21" customHeight="1" x14ac:dyDescent="0.2">
      <c r="B10" s="256" t="s">
        <v>7</v>
      </c>
      <c r="C10" s="280">
        <v>0</v>
      </c>
      <c r="D10" s="280">
        <v>0</v>
      </c>
      <c r="E10" s="277">
        <v>0</v>
      </c>
      <c r="F10" s="279">
        <v>0</v>
      </c>
      <c r="G10" s="280">
        <v>146</v>
      </c>
      <c r="H10" s="280">
        <v>107</v>
      </c>
      <c r="I10" s="280">
        <v>106</v>
      </c>
      <c r="J10" s="280">
        <v>52</v>
      </c>
      <c r="K10" s="280">
        <v>8</v>
      </c>
      <c r="L10" s="277">
        <v>419</v>
      </c>
      <c r="M10" s="282">
        <v>419</v>
      </c>
      <c r="N10" s="280">
        <v>0</v>
      </c>
      <c r="O10" s="280">
        <v>0</v>
      </c>
      <c r="P10" s="277">
        <v>0</v>
      </c>
      <c r="Q10" s="279">
        <v>0</v>
      </c>
      <c r="R10" s="280">
        <v>25</v>
      </c>
      <c r="S10" s="280">
        <v>57</v>
      </c>
      <c r="T10" s="280">
        <v>20</v>
      </c>
      <c r="U10" s="280">
        <v>70</v>
      </c>
      <c r="V10" s="280">
        <v>9</v>
      </c>
      <c r="W10" s="277">
        <v>181</v>
      </c>
      <c r="X10" s="282">
        <v>181</v>
      </c>
    </row>
    <row r="11" spans="2:24" ht="21" customHeight="1" x14ac:dyDescent="0.2">
      <c r="B11" s="256" t="s">
        <v>8</v>
      </c>
      <c r="C11" s="280">
        <v>0</v>
      </c>
      <c r="D11" s="280">
        <v>0</v>
      </c>
      <c r="E11" s="277">
        <v>0</v>
      </c>
      <c r="F11" s="279">
        <v>0</v>
      </c>
      <c r="G11" s="280">
        <v>213</v>
      </c>
      <c r="H11" s="280">
        <v>128</v>
      </c>
      <c r="I11" s="280">
        <v>58</v>
      </c>
      <c r="J11" s="280">
        <v>6</v>
      </c>
      <c r="K11" s="280">
        <v>15</v>
      </c>
      <c r="L11" s="277">
        <v>420</v>
      </c>
      <c r="M11" s="282">
        <v>420</v>
      </c>
      <c r="N11" s="280">
        <v>0</v>
      </c>
      <c r="O11" s="280">
        <v>0</v>
      </c>
      <c r="P11" s="277">
        <v>0</v>
      </c>
      <c r="Q11" s="279">
        <v>0</v>
      </c>
      <c r="R11" s="280">
        <v>0</v>
      </c>
      <c r="S11" s="280">
        <v>11</v>
      </c>
      <c r="T11" s="280">
        <v>0</v>
      </c>
      <c r="U11" s="280">
        <v>0</v>
      </c>
      <c r="V11" s="280">
        <v>0</v>
      </c>
      <c r="W11" s="277">
        <v>11</v>
      </c>
      <c r="X11" s="282">
        <v>11</v>
      </c>
    </row>
    <row r="12" spans="2:24" ht="21" customHeight="1" x14ac:dyDescent="0.2">
      <c r="B12" s="256" t="s">
        <v>9</v>
      </c>
      <c r="C12" s="280">
        <v>0</v>
      </c>
      <c r="D12" s="280">
        <v>2</v>
      </c>
      <c r="E12" s="277">
        <v>2</v>
      </c>
      <c r="F12" s="279">
        <v>0</v>
      </c>
      <c r="G12" s="280">
        <v>313</v>
      </c>
      <c r="H12" s="280">
        <v>188</v>
      </c>
      <c r="I12" s="280">
        <v>172</v>
      </c>
      <c r="J12" s="280">
        <v>49</v>
      </c>
      <c r="K12" s="280">
        <v>32</v>
      </c>
      <c r="L12" s="277">
        <v>754</v>
      </c>
      <c r="M12" s="282">
        <v>756</v>
      </c>
      <c r="N12" s="280">
        <v>0</v>
      </c>
      <c r="O12" s="280">
        <v>0</v>
      </c>
      <c r="P12" s="277">
        <v>0</v>
      </c>
      <c r="Q12" s="279">
        <v>0</v>
      </c>
      <c r="R12" s="280">
        <v>9</v>
      </c>
      <c r="S12" s="280">
        <v>0</v>
      </c>
      <c r="T12" s="280">
        <v>16</v>
      </c>
      <c r="U12" s="280">
        <v>0</v>
      </c>
      <c r="V12" s="280">
        <v>4</v>
      </c>
      <c r="W12" s="277">
        <v>29</v>
      </c>
      <c r="X12" s="282">
        <v>29</v>
      </c>
    </row>
    <row r="13" spans="2:24" ht="21" customHeight="1" x14ac:dyDescent="0.2">
      <c r="B13" s="256" t="s">
        <v>10</v>
      </c>
      <c r="C13" s="280">
        <v>0</v>
      </c>
      <c r="D13" s="280">
        <v>0</v>
      </c>
      <c r="E13" s="277">
        <v>0</v>
      </c>
      <c r="F13" s="279">
        <v>0</v>
      </c>
      <c r="G13" s="280">
        <v>216</v>
      </c>
      <c r="H13" s="280">
        <v>105</v>
      </c>
      <c r="I13" s="280">
        <v>53</v>
      </c>
      <c r="J13" s="280">
        <v>8</v>
      </c>
      <c r="K13" s="280">
        <v>1</v>
      </c>
      <c r="L13" s="277">
        <v>383</v>
      </c>
      <c r="M13" s="282">
        <v>383</v>
      </c>
      <c r="N13" s="280">
        <v>0</v>
      </c>
      <c r="O13" s="280">
        <v>0</v>
      </c>
      <c r="P13" s="277">
        <v>0</v>
      </c>
      <c r="Q13" s="279">
        <v>0</v>
      </c>
      <c r="R13" s="280">
        <v>4</v>
      </c>
      <c r="S13" s="280">
        <v>37</v>
      </c>
      <c r="T13" s="280">
        <v>3</v>
      </c>
      <c r="U13" s="280">
        <v>0</v>
      </c>
      <c r="V13" s="280">
        <v>0</v>
      </c>
      <c r="W13" s="277">
        <v>44</v>
      </c>
      <c r="X13" s="282">
        <v>44</v>
      </c>
    </row>
    <row r="14" spans="2:24" ht="21" customHeight="1" x14ac:dyDescent="0.2">
      <c r="B14" s="256" t="s">
        <v>11</v>
      </c>
      <c r="C14" s="280">
        <v>0</v>
      </c>
      <c r="D14" s="280">
        <v>0</v>
      </c>
      <c r="E14" s="277">
        <v>0</v>
      </c>
      <c r="F14" s="279">
        <v>0</v>
      </c>
      <c r="G14" s="280">
        <v>151</v>
      </c>
      <c r="H14" s="280">
        <v>70</v>
      </c>
      <c r="I14" s="280">
        <v>132</v>
      </c>
      <c r="J14" s="280">
        <v>15</v>
      </c>
      <c r="K14" s="280">
        <v>9</v>
      </c>
      <c r="L14" s="277">
        <v>377</v>
      </c>
      <c r="M14" s="282">
        <v>377</v>
      </c>
      <c r="N14" s="280">
        <v>0</v>
      </c>
      <c r="O14" s="280">
        <v>0</v>
      </c>
      <c r="P14" s="277">
        <v>0</v>
      </c>
      <c r="Q14" s="279">
        <v>0</v>
      </c>
      <c r="R14" s="280">
        <v>0</v>
      </c>
      <c r="S14" s="280">
        <v>0</v>
      </c>
      <c r="T14" s="280">
        <v>0</v>
      </c>
      <c r="U14" s="280">
        <v>0</v>
      </c>
      <c r="V14" s="280">
        <v>0</v>
      </c>
      <c r="W14" s="277">
        <v>0</v>
      </c>
      <c r="X14" s="282">
        <v>0</v>
      </c>
    </row>
    <row r="15" spans="2:24" ht="21" customHeight="1" x14ac:dyDescent="0.2">
      <c r="B15" s="256" t="s">
        <v>12</v>
      </c>
      <c r="C15" s="280">
        <v>0</v>
      </c>
      <c r="D15" s="280">
        <v>0</v>
      </c>
      <c r="E15" s="277">
        <v>0</v>
      </c>
      <c r="F15" s="279">
        <v>0</v>
      </c>
      <c r="G15" s="280">
        <v>108</v>
      </c>
      <c r="H15" s="280">
        <v>100</v>
      </c>
      <c r="I15" s="280">
        <v>49</v>
      </c>
      <c r="J15" s="280">
        <v>54</v>
      </c>
      <c r="K15" s="280">
        <v>0</v>
      </c>
      <c r="L15" s="277">
        <v>311</v>
      </c>
      <c r="M15" s="282">
        <v>311</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76</v>
      </c>
      <c r="H16" s="280">
        <v>79</v>
      </c>
      <c r="I16" s="280">
        <v>46</v>
      </c>
      <c r="J16" s="280">
        <v>8</v>
      </c>
      <c r="K16" s="280">
        <v>8</v>
      </c>
      <c r="L16" s="277">
        <v>217</v>
      </c>
      <c r="M16" s="282">
        <v>217</v>
      </c>
      <c r="N16" s="280">
        <v>0</v>
      </c>
      <c r="O16" s="280">
        <v>0</v>
      </c>
      <c r="P16" s="277">
        <v>0</v>
      </c>
      <c r="Q16" s="279">
        <v>0</v>
      </c>
      <c r="R16" s="280">
        <v>0</v>
      </c>
      <c r="S16" s="280">
        <v>0</v>
      </c>
      <c r="T16" s="280">
        <v>0</v>
      </c>
      <c r="U16" s="280">
        <v>0</v>
      </c>
      <c r="V16" s="280">
        <v>0</v>
      </c>
      <c r="W16" s="277">
        <v>0</v>
      </c>
      <c r="X16" s="282">
        <v>0</v>
      </c>
    </row>
    <row r="17" spans="2:24" ht="21" customHeight="1" x14ac:dyDescent="0.2">
      <c r="B17" s="256" t="s">
        <v>15</v>
      </c>
      <c r="C17" s="280">
        <v>0</v>
      </c>
      <c r="D17" s="280">
        <v>0</v>
      </c>
      <c r="E17" s="277">
        <v>0</v>
      </c>
      <c r="F17" s="279">
        <v>0</v>
      </c>
      <c r="G17" s="280">
        <v>41</v>
      </c>
      <c r="H17" s="280">
        <v>55</v>
      </c>
      <c r="I17" s="280">
        <v>2</v>
      </c>
      <c r="J17" s="280">
        <v>0</v>
      </c>
      <c r="K17" s="280">
        <v>3</v>
      </c>
      <c r="L17" s="277">
        <v>101</v>
      </c>
      <c r="M17" s="282">
        <v>101</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77</v>
      </c>
      <c r="H18" s="280">
        <v>49</v>
      </c>
      <c r="I18" s="280">
        <v>33</v>
      </c>
      <c r="J18" s="280">
        <v>2</v>
      </c>
      <c r="K18" s="280">
        <v>7</v>
      </c>
      <c r="L18" s="277">
        <v>168</v>
      </c>
      <c r="M18" s="282">
        <v>168</v>
      </c>
      <c r="N18" s="280">
        <v>0</v>
      </c>
      <c r="O18" s="280">
        <v>0</v>
      </c>
      <c r="P18" s="277">
        <v>0</v>
      </c>
      <c r="Q18" s="279">
        <v>0</v>
      </c>
      <c r="R18" s="280">
        <v>14</v>
      </c>
      <c r="S18" s="280">
        <v>5</v>
      </c>
      <c r="T18" s="280">
        <v>10</v>
      </c>
      <c r="U18" s="280">
        <v>0</v>
      </c>
      <c r="V18" s="280">
        <v>0</v>
      </c>
      <c r="W18" s="277">
        <v>29</v>
      </c>
      <c r="X18" s="282">
        <v>29</v>
      </c>
    </row>
    <row r="19" spans="2:24" ht="21" customHeight="1" x14ac:dyDescent="0.2">
      <c r="B19" s="256" t="s">
        <v>17</v>
      </c>
      <c r="C19" s="280">
        <v>0</v>
      </c>
      <c r="D19" s="280">
        <v>0</v>
      </c>
      <c r="E19" s="277">
        <v>0</v>
      </c>
      <c r="F19" s="279">
        <v>0</v>
      </c>
      <c r="G19" s="280">
        <v>56</v>
      </c>
      <c r="H19" s="280">
        <v>117</v>
      </c>
      <c r="I19" s="280">
        <v>80</v>
      </c>
      <c r="J19" s="280">
        <v>36</v>
      </c>
      <c r="K19" s="280">
        <v>10</v>
      </c>
      <c r="L19" s="277">
        <v>299</v>
      </c>
      <c r="M19" s="282">
        <v>299</v>
      </c>
      <c r="N19" s="280">
        <v>0</v>
      </c>
      <c r="O19" s="280">
        <v>0</v>
      </c>
      <c r="P19" s="277">
        <v>0</v>
      </c>
      <c r="Q19" s="279">
        <v>0</v>
      </c>
      <c r="R19" s="280">
        <v>0</v>
      </c>
      <c r="S19" s="280">
        <v>0</v>
      </c>
      <c r="T19" s="280">
        <v>0</v>
      </c>
      <c r="U19" s="280">
        <v>0</v>
      </c>
      <c r="V19" s="280">
        <v>0</v>
      </c>
      <c r="W19" s="277">
        <v>0</v>
      </c>
      <c r="X19" s="282">
        <v>0</v>
      </c>
    </row>
    <row r="20" spans="2:24" ht="21" customHeight="1" x14ac:dyDescent="0.2">
      <c r="B20" s="256" t="s">
        <v>18</v>
      </c>
      <c r="C20" s="280">
        <v>0</v>
      </c>
      <c r="D20" s="280">
        <v>0</v>
      </c>
      <c r="E20" s="277">
        <v>0</v>
      </c>
      <c r="F20" s="279">
        <v>0</v>
      </c>
      <c r="G20" s="280">
        <v>160</v>
      </c>
      <c r="H20" s="280">
        <v>57</v>
      </c>
      <c r="I20" s="280">
        <v>108</v>
      </c>
      <c r="J20" s="280">
        <v>8</v>
      </c>
      <c r="K20" s="280">
        <v>0</v>
      </c>
      <c r="L20" s="277">
        <v>333</v>
      </c>
      <c r="M20" s="282">
        <v>333</v>
      </c>
      <c r="N20" s="280">
        <v>0</v>
      </c>
      <c r="O20" s="280">
        <v>0</v>
      </c>
      <c r="P20" s="277">
        <v>0</v>
      </c>
      <c r="Q20" s="279">
        <v>0</v>
      </c>
      <c r="R20" s="280">
        <v>12</v>
      </c>
      <c r="S20" s="280">
        <v>0</v>
      </c>
      <c r="T20" s="280">
        <v>23</v>
      </c>
      <c r="U20" s="280">
        <v>5</v>
      </c>
      <c r="V20" s="280">
        <v>0</v>
      </c>
      <c r="W20" s="277">
        <v>40</v>
      </c>
      <c r="X20" s="282">
        <v>40</v>
      </c>
    </row>
    <row r="21" spans="2:24" ht="21" customHeight="1" x14ac:dyDescent="0.2">
      <c r="B21" s="256" t="s">
        <v>19</v>
      </c>
      <c r="C21" s="280">
        <v>0</v>
      </c>
      <c r="D21" s="280">
        <v>0</v>
      </c>
      <c r="E21" s="277">
        <v>0</v>
      </c>
      <c r="F21" s="279">
        <v>0</v>
      </c>
      <c r="G21" s="280">
        <v>72</v>
      </c>
      <c r="H21" s="280">
        <v>40</v>
      </c>
      <c r="I21" s="280">
        <v>18</v>
      </c>
      <c r="J21" s="280">
        <v>18</v>
      </c>
      <c r="K21" s="280">
        <v>0</v>
      </c>
      <c r="L21" s="277">
        <v>148</v>
      </c>
      <c r="M21" s="282">
        <v>148</v>
      </c>
      <c r="N21" s="280">
        <v>0</v>
      </c>
      <c r="O21" s="280">
        <v>0</v>
      </c>
      <c r="P21" s="277">
        <v>0</v>
      </c>
      <c r="Q21" s="279">
        <v>0</v>
      </c>
      <c r="R21" s="280">
        <v>4</v>
      </c>
      <c r="S21" s="280">
        <v>36</v>
      </c>
      <c r="T21" s="280">
        <v>0</v>
      </c>
      <c r="U21" s="280">
        <v>0</v>
      </c>
      <c r="V21" s="280">
        <v>0</v>
      </c>
      <c r="W21" s="277">
        <v>40</v>
      </c>
      <c r="X21" s="282">
        <v>40</v>
      </c>
    </row>
    <row r="22" spans="2:24" ht="21" customHeight="1" x14ac:dyDescent="0.2">
      <c r="B22" s="256" t="s">
        <v>20</v>
      </c>
      <c r="C22" s="280">
        <v>0</v>
      </c>
      <c r="D22" s="280">
        <v>0</v>
      </c>
      <c r="E22" s="277">
        <v>0</v>
      </c>
      <c r="F22" s="279">
        <v>0</v>
      </c>
      <c r="G22" s="280">
        <v>38</v>
      </c>
      <c r="H22" s="280">
        <v>15</v>
      </c>
      <c r="I22" s="280">
        <v>8</v>
      </c>
      <c r="J22" s="280">
        <v>0</v>
      </c>
      <c r="K22" s="280">
        <v>0</v>
      </c>
      <c r="L22" s="277">
        <v>61</v>
      </c>
      <c r="M22" s="282">
        <v>61</v>
      </c>
      <c r="N22" s="280">
        <v>0</v>
      </c>
      <c r="O22" s="280">
        <v>0</v>
      </c>
      <c r="P22" s="277">
        <v>0</v>
      </c>
      <c r="Q22" s="279">
        <v>0</v>
      </c>
      <c r="R22" s="280">
        <v>0</v>
      </c>
      <c r="S22" s="280">
        <v>0</v>
      </c>
      <c r="T22" s="280">
        <v>22</v>
      </c>
      <c r="U22" s="280">
        <v>0</v>
      </c>
      <c r="V22" s="280">
        <v>0</v>
      </c>
      <c r="W22" s="277">
        <v>22</v>
      </c>
      <c r="X22" s="282">
        <v>22</v>
      </c>
    </row>
    <row r="23" spans="2:24" ht="21" customHeight="1" x14ac:dyDescent="0.2">
      <c r="B23" s="256" t="s">
        <v>21</v>
      </c>
      <c r="C23" s="280">
        <v>0</v>
      </c>
      <c r="D23" s="280">
        <v>0</v>
      </c>
      <c r="E23" s="277">
        <v>0</v>
      </c>
      <c r="F23" s="279">
        <v>0</v>
      </c>
      <c r="G23" s="280">
        <v>79</v>
      </c>
      <c r="H23" s="280">
        <v>22</v>
      </c>
      <c r="I23" s="280">
        <v>14</v>
      </c>
      <c r="J23" s="280">
        <v>8</v>
      </c>
      <c r="K23" s="280">
        <v>0</v>
      </c>
      <c r="L23" s="277">
        <v>123</v>
      </c>
      <c r="M23" s="282">
        <v>123</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60</v>
      </c>
      <c r="H24" s="280">
        <v>8</v>
      </c>
      <c r="I24" s="280">
        <v>0</v>
      </c>
      <c r="J24" s="280">
        <v>13</v>
      </c>
      <c r="K24" s="280">
        <v>0</v>
      </c>
      <c r="L24" s="277">
        <v>81</v>
      </c>
      <c r="M24" s="282">
        <v>81</v>
      </c>
      <c r="N24" s="280">
        <v>0</v>
      </c>
      <c r="O24" s="280">
        <v>0</v>
      </c>
      <c r="P24" s="277">
        <v>0</v>
      </c>
      <c r="Q24" s="279">
        <v>0</v>
      </c>
      <c r="R24" s="280">
        <v>0</v>
      </c>
      <c r="S24" s="280">
        <v>0</v>
      </c>
      <c r="T24" s="280">
        <v>9</v>
      </c>
      <c r="U24" s="280">
        <v>0</v>
      </c>
      <c r="V24" s="280">
        <v>0</v>
      </c>
      <c r="W24" s="277">
        <v>9</v>
      </c>
      <c r="X24" s="282">
        <v>9</v>
      </c>
    </row>
    <row r="25" spans="2:24" ht="21" customHeight="1" x14ac:dyDescent="0.2">
      <c r="B25" s="256" t="s">
        <v>23</v>
      </c>
      <c r="C25" s="280">
        <v>0</v>
      </c>
      <c r="D25" s="280">
        <v>0</v>
      </c>
      <c r="E25" s="277">
        <v>0</v>
      </c>
      <c r="F25" s="279">
        <v>0</v>
      </c>
      <c r="G25" s="280">
        <v>9</v>
      </c>
      <c r="H25" s="280">
        <v>26</v>
      </c>
      <c r="I25" s="280">
        <v>9</v>
      </c>
      <c r="J25" s="280">
        <v>0</v>
      </c>
      <c r="K25" s="280">
        <v>21</v>
      </c>
      <c r="L25" s="277">
        <v>65</v>
      </c>
      <c r="M25" s="282">
        <v>65</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0</v>
      </c>
      <c r="H26" s="280">
        <v>0</v>
      </c>
      <c r="I26" s="280">
        <v>5</v>
      </c>
      <c r="J26" s="280">
        <v>26</v>
      </c>
      <c r="K26" s="280">
        <v>0</v>
      </c>
      <c r="L26" s="277">
        <v>31</v>
      </c>
      <c r="M26" s="282">
        <v>31</v>
      </c>
      <c r="N26" s="280">
        <v>0</v>
      </c>
      <c r="O26" s="280">
        <v>0</v>
      </c>
      <c r="P26" s="277">
        <v>0</v>
      </c>
      <c r="Q26" s="279">
        <v>0</v>
      </c>
      <c r="R26" s="280">
        <v>0</v>
      </c>
      <c r="S26" s="280">
        <v>9</v>
      </c>
      <c r="T26" s="280">
        <v>0</v>
      </c>
      <c r="U26" s="280">
        <v>0</v>
      </c>
      <c r="V26" s="280">
        <v>19</v>
      </c>
      <c r="W26" s="277">
        <v>28</v>
      </c>
      <c r="X26" s="282">
        <v>28</v>
      </c>
    </row>
    <row r="27" spans="2:24" ht="21" customHeight="1" x14ac:dyDescent="0.2">
      <c r="B27" s="256" t="s">
        <v>25</v>
      </c>
      <c r="C27" s="280">
        <v>0</v>
      </c>
      <c r="D27" s="280">
        <v>0</v>
      </c>
      <c r="E27" s="277">
        <v>0</v>
      </c>
      <c r="F27" s="279">
        <v>0</v>
      </c>
      <c r="G27" s="280">
        <v>21</v>
      </c>
      <c r="H27" s="280">
        <v>3</v>
      </c>
      <c r="I27" s="280">
        <v>4</v>
      </c>
      <c r="J27" s="280">
        <v>0</v>
      </c>
      <c r="K27" s="280">
        <v>0</v>
      </c>
      <c r="L27" s="277">
        <v>28</v>
      </c>
      <c r="M27" s="282">
        <v>28</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23</v>
      </c>
      <c r="H28" s="280">
        <v>0</v>
      </c>
      <c r="I28" s="280">
        <v>24</v>
      </c>
      <c r="J28" s="280">
        <v>0</v>
      </c>
      <c r="K28" s="280">
        <v>0</v>
      </c>
      <c r="L28" s="277">
        <v>47</v>
      </c>
      <c r="M28" s="282">
        <v>47</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12</v>
      </c>
      <c r="H29" s="280">
        <v>1</v>
      </c>
      <c r="I29" s="280">
        <v>0</v>
      </c>
      <c r="J29" s="280">
        <v>0</v>
      </c>
      <c r="K29" s="280">
        <v>0</v>
      </c>
      <c r="L29" s="277">
        <v>13</v>
      </c>
      <c r="M29" s="282">
        <v>13</v>
      </c>
      <c r="N29" s="280">
        <v>0</v>
      </c>
      <c r="O29" s="280">
        <v>0</v>
      </c>
      <c r="P29" s="277">
        <v>0</v>
      </c>
      <c r="Q29" s="279">
        <v>0</v>
      </c>
      <c r="R29" s="280">
        <v>0</v>
      </c>
      <c r="S29" s="280">
        <v>5</v>
      </c>
      <c r="T29" s="280">
        <v>9</v>
      </c>
      <c r="U29" s="280">
        <v>0</v>
      </c>
      <c r="V29" s="280">
        <v>0</v>
      </c>
      <c r="W29" s="277">
        <v>14</v>
      </c>
      <c r="X29" s="282">
        <v>14</v>
      </c>
    </row>
    <row r="30" spans="2:24" ht="21" customHeight="1" x14ac:dyDescent="0.2">
      <c r="B30" s="256" t="s">
        <v>28</v>
      </c>
      <c r="C30" s="280">
        <v>0</v>
      </c>
      <c r="D30" s="280">
        <v>0</v>
      </c>
      <c r="E30" s="277">
        <v>0</v>
      </c>
      <c r="F30" s="279">
        <v>0</v>
      </c>
      <c r="G30" s="280">
        <v>38</v>
      </c>
      <c r="H30" s="280">
        <v>10</v>
      </c>
      <c r="I30" s="280">
        <v>0</v>
      </c>
      <c r="J30" s="280">
        <v>0</v>
      </c>
      <c r="K30" s="280">
        <v>0</v>
      </c>
      <c r="L30" s="277">
        <v>48</v>
      </c>
      <c r="M30" s="282">
        <v>48</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3</v>
      </c>
      <c r="H31" s="280">
        <v>4</v>
      </c>
      <c r="I31" s="280">
        <v>0</v>
      </c>
      <c r="J31" s="280">
        <v>0</v>
      </c>
      <c r="K31" s="280">
        <v>0</v>
      </c>
      <c r="L31" s="277">
        <v>7</v>
      </c>
      <c r="M31" s="282">
        <v>7</v>
      </c>
      <c r="N31" s="280">
        <v>0</v>
      </c>
      <c r="O31" s="280">
        <v>0</v>
      </c>
      <c r="P31" s="277">
        <v>0</v>
      </c>
      <c r="Q31" s="279">
        <v>0</v>
      </c>
      <c r="R31" s="280">
        <v>0</v>
      </c>
      <c r="S31" s="280">
        <v>0</v>
      </c>
      <c r="T31" s="280">
        <v>9</v>
      </c>
      <c r="U31" s="280">
        <v>0</v>
      </c>
      <c r="V31" s="280">
        <v>0</v>
      </c>
      <c r="W31" s="277">
        <v>9</v>
      </c>
      <c r="X31" s="282">
        <v>9</v>
      </c>
    </row>
    <row r="32" spans="2:24" ht="21" customHeight="1" x14ac:dyDescent="0.2">
      <c r="B32" s="256" t="s">
        <v>30</v>
      </c>
      <c r="C32" s="280">
        <v>0</v>
      </c>
      <c r="D32" s="280">
        <v>0</v>
      </c>
      <c r="E32" s="277">
        <v>0</v>
      </c>
      <c r="F32" s="279">
        <v>0</v>
      </c>
      <c r="G32" s="280">
        <v>14</v>
      </c>
      <c r="H32" s="280">
        <v>0</v>
      </c>
      <c r="I32" s="280">
        <v>0</v>
      </c>
      <c r="J32" s="280">
        <v>7</v>
      </c>
      <c r="K32" s="280">
        <v>0</v>
      </c>
      <c r="L32" s="277">
        <v>21</v>
      </c>
      <c r="M32" s="282">
        <v>21</v>
      </c>
      <c r="N32" s="280">
        <v>0</v>
      </c>
      <c r="O32" s="280">
        <v>0</v>
      </c>
      <c r="P32" s="277">
        <v>0</v>
      </c>
      <c r="Q32" s="279">
        <v>0</v>
      </c>
      <c r="R32" s="280">
        <v>0</v>
      </c>
      <c r="S32" s="280">
        <v>3</v>
      </c>
      <c r="T32" s="280">
        <v>0</v>
      </c>
      <c r="U32" s="280">
        <v>0</v>
      </c>
      <c r="V32" s="280">
        <v>0</v>
      </c>
      <c r="W32" s="277">
        <v>3</v>
      </c>
      <c r="X32" s="282">
        <v>3</v>
      </c>
    </row>
    <row r="33" spans="2:24" ht="21" customHeight="1" x14ac:dyDescent="0.2">
      <c r="B33" s="256" t="s">
        <v>31</v>
      </c>
      <c r="C33" s="280">
        <v>0</v>
      </c>
      <c r="D33" s="280">
        <v>0</v>
      </c>
      <c r="E33" s="277">
        <v>0</v>
      </c>
      <c r="F33" s="279">
        <v>0</v>
      </c>
      <c r="G33" s="280">
        <v>8</v>
      </c>
      <c r="H33" s="280">
        <v>4</v>
      </c>
      <c r="I33" s="280">
        <v>10</v>
      </c>
      <c r="J33" s="280">
        <v>0</v>
      </c>
      <c r="K33" s="280">
        <v>0</v>
      </c>
      <c r="L33" s="277">
        <v>22</v>
      </c>
      <c r="M33" s="282">
        <v>22</v>
      </c>
      <c r="N33" s="280">
        <v>0</v>
      </c>
      <c r="O33" s="280">
        <v>0</v>
      </c>
      <c r="P33" s="277">
        <v>0</v>
      </c>
      <c r="Q33" s="279">
        <v>0</v>
      </c>
      <c r="R33" s="280">
        <v>0</v>
      </c>
      <c r="S33" s="280">
        <v>0</v>
      </c>
      <c r="T33" s="280">
        <v>0</v>
      </c>
      <c r="U33" s="280">
        <v>0</v>
      </c>
      <c r="V33" s="280">
        <v>0</v>
      </c>
      <c r="W33" s="277">
        <v>0</v>
      </c>
      <c r="X33" s="282">
        <v>0</v>
      </c>
    </row>
    <row r="34" spans="2:24" ht="21" customHeight="1" x14ac:dyDescent="0.2">
      <c r="B34" s="256" t="s">
        <v>32</v>
      </c>
      <c r="C34" s="280">
        <v>0</v>
      </c>
      <c r="D34" s="280">
        <v>0</v>
      </c>
      <c r="E34" s="277">
        <v>0</v>
      </c>
      <c r="F34" s="279">
        <v>0</v>
      </c>
      <c r="G34" s="280">
        <v>13</v>
      </c>
      <c r="H34" s="280">
        <v>24</v>
      </c>
      <c r="I34" s="280">
        <v>2</v>
      </c>
      <c r="J34" s="280">
        <v>3</v>
      </c>
      <c r="K34" s="280">
        <v>0</v>
      </c>
      <c r="L34" s="277">
        <v>42</v>
      </c>
      <c r="M34" s="282">
        <v>42</v>
      </c>
      <c r="N34" s="280">
        <v>0</v>
      </c>
      <c r="O34" s="280">
        <v>0</v>
      </c>
      <c r="P34" s="277">
        <v>0</v>
      </c>
      <c r="Q34" s="279">
        <v>0</v>
      </c>
      <c r="R34" s="280">
        <v>13</v>
      </c>
      <c r="S34" s="280">
        <v>0</v>
      </c>
      <c r="T34" s="280">
        <v>0</v>
      </c>
      <c r="U34" s="280">
        <v>0</v>
      </c>
      <c r="V34" s="280">
        <v>0</v>
      </c>
      <c r="W34" s="277">
        <v>13</v>
      </c>
      <c r="X34" s="282">
        <v>13</v>
      </c>
    </row>
    <row r="35" spans="2:24" ht="21" customHeight="1" x14ac:dyDescent="0.2">
      <c r="B35" s="256" t="s">
        <v>33</v>
      </c>
      <c r="C35" s="280">
        <v>0</v>
      </c>
      <c r="D35" s="280">
        <v>0</v>
      </c>
      <c r="E35" s="277">
        <v>0</v>
      </c>
      <c r="F35" s="279">
        <v>0</v>
      </c>
      <c r="G35" s="280">
        <v>17</v>
      </c>
      <c r="H35" s="280">
        <v>0</v>
      </c>
      <c r="I35" s="280">
        <v>10</v>
      </c>
      <c r="J35" s="280">
        <v>0</v>
      </c>
      <c r="K35" s="280">
        <v>0</v>
      </c>
      <c r="L35" s="277">
        <v>27</v>
      </c>
      <c r="M35" s="282">
        <v>27</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0</v>
      </c>
      <c r="H36" s="280">
        <v>0</v>
      </c>
      <c r="I36" s="280">
        <v>0</v>
      </c>
      <c r="J36" s="280">
        <v>0</v>
      </c>
      <c r="K36" s="280">
        <v>0</v>
      </c>
      <c r="L36" s="277">
        <v>0</v>
      </c>
      <c r="M36" s="282">
        <v>0</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8</v>
      </c>
      <c r="H37" s="280">
        <v>9</v>
      </c>
      <c r="I37" s="280">
        <v>0</v>
      </c>
      <c r="J37" s="280">
        <v>0</v>
      </c>
      <c r="K37" s="280">
        <v>0</v>
      </c>
      <c r="L37" s="277">
        <v>17</v>
      </c>
      <c r="M37" s="282">
        <v>17</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12</v>
      </c>
      <c r="H38" s="280">
        <v>0</v>
      </c>
      <c r="I38" s="280">
        <v>0</v>
      </c>
      <c r="J38" s="280">
        <v>38</v>
      </c>
      <c r="K38" s="280">
        <v>0</v>
      </c>
      <c r="L38" s="277">
        <v>50</v>
      </c>
      <c r="M38" s="282">
        <v>50</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4</v>
      </c>
      <c r="L39" s="284">
        <v>4</v>
      </c>
      <c r="M39" s="289">
        <v>4</v>
      </c>
      <c r="N39" s="287">
        <v>0</v>
      </c>
      <c r="O39" s="287">
        <v>0</v>
      </c>
      <c r="P39" s="284">
        <v>0</v>
      </c>
      <c r="Q39" s="286">
        <v>0</v>
      </c>
      <c r="R39" s="287">
        <v>0</v>
      </c>
      <c r="S39" s="287">
        <v>0</v>
      </c>
      <c r="T39" s="287">
        <v>0</v>
      </c>
      <c r="U39" s="287">
        <v>0</v>
      </c>
      <c r="V39" s="287">
        <v>0</v>
      </c>
      <c r="W39" s="284">
        <v>0</v>
      </c>
      <c r="X39" s="289">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6" width="9.6640625" style="1" bestFit="1" customWidth="1"/>
    <col min="7" max="7" width="9.109375" style="1" bestFit="1" customWidth="1"/>
    <col min="8"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F1" s="500">
        <f>第１表!F2</f>
        <v>4</v>
      </c>
      <c r="G1" s="246">
        <f>第１表!G2</f>
        <v>10</v>
      </c>
      <c r="H1" s="557">
        <f>IF(G1&lt;3,G1+12-2,G1-2)</f>
        <v>8</v>
      </c>
      <c r="I1" s="557"/>
    </row>
    <row r="2" spans="2:133" ht="24" customHeight="1" thickBot="1" x14ac:dyDescent="0.25"/>
    <row r="3" spans="2:133" ht="24.75" customHeight="1" thickBot="1" x14ac:dyDescent="0.25">
      <c r="B3" s="575"/>
      <c r="C3" s="578" t="s">
        <v>57</v>
      </c>
      <c r="D3" s="579"/>
      <c r="E3" s="579"/>
      <c r="F3" s="579"/>
      <c r="G3" s="579"/>
      <c r="H3" s="579"/>
      <c r="I3" s="579"/>
      <c r="J3" s="579"/>
      <c r="K3" s="579"/>
      <c r="L3" s="579"/>
      <c r="M3" s="579"/>
      <c r="N3" s="579"/>
      <c r="O3" s="579"/>
      <c r="P3" s="579"/>
      <c r="Q3" s="579"/>
      <c r="R3" s="579"/>
      <c r="S3" s="579"/>
      <c r="T3" s="579"/>
      <c r="U3" s="579"/>
      <c r="V3" s="579"/>
      <c r="W3" s="579"/>
      <c r="X3" s="579"/>
      <c r="Y3" s="579"/>
      <c r="Z3" s="579"/>
      <c r="AA3" s="579"/>
      <c r="AB3" s="579"/>
      <c r="AC3" s="579"/>
      <c r="AD3" s="579"/>
      <c r="AE3" s="579"/>
      <c r="AF3" s="580"/>
      <c r="AG3" s="578" t="s">
        <v>58</v>
      </c>
      <c r="AH3" s="581"/>
      <c r="AI3" s="581"/>
      <c r="AJ3" s="581"/>
      <c r="AK3" s="581"/>
      <c r="AL3" s="581"/>
      <c r="AM3" s="581"/>
      <c r="AN3" s="581"/>
      <c r="AO3" s="581"/>
      <c r="AP3" s="581"/>
      <c r="AQ3" s="581"/>
      <c r="AR3" s="581"/>
      <c r="AS3" s="581"/>
      <c r="AT3" s="581"/>
      <c r="AU3" s="581"/>
      <c r="AV3" s="581"/>
      <c r="AW3" s="581"/>
      <c r="AX3" s="581"/>
      <c r="AY3" s="581"/>
      <c r="AZ3" s="581"/>
      <c r="BA3" s="581"/>
      <c r="BB3" s="581"/>
      <c r="BC3" s="581"/>
      <c r="BD3" s="581"/>
      <c r="BE3" s="581"/>
      <c r="BF3" s="581"/>
      <c r="BG3" s="581"/>
      <c r="BH3" s="581"/>
      <c r="BI3" s="581"/>
      <c r="BJ3" s="582"/>
      <c r="BK3" s="578" t="s">
        <v>59</v>
      </c>
      <c r="BL3" s="579"/>
      <c r="BM3" s="579"/>
      <c r="BN3" s="579"/>
      <c r="BO3" s="579"/>
      <c r="BP3" s="579"/>
      <c r="BQ3" s="579"/>
      <c r="BR3" s="579"/>
      <c r="BS3" s="579"/>
      <c r="BT3" s="579"/>
      <c r="BU3" s="579"/>
      <c r="BV3" s="579"/>
      <c r="BW3" s="579"/>
      <c r="BX3" s="579"/>
      <c r="BY3" s="579"/>
      <c r="BZ3" s="579"/>
      <c r="CA3" s="579"/>
      <c r="CB3" s="579"/>
      <c r="CC3" s="579"/>
      <c r="CD3" s="579"/>
      <c r="CE3" s="579"/>
      <c r="CF3" s="579"/>
      <c r="CG3" s="579"/>
      <c r="CH3" s="579"/>
      <c r="CI3" s="579"/>
      <c r="CJ3" s="579"/>
      <c r="CK3" s="579"/>
      <c r="CL3" s="579"/>
      <c r="CM3" s="579"/>
      <c r="CN3" s="580"/>
      <c r="CO3" s="607" t="s">
        <v>151</v>
      </c>
      <c r="CP3" s="579"/>
      <c r="CQ3" s="579"/>
      <c r="CR3" s="579"/>
      <c r="CS3" s="579"/>
      <c r="CT3" s="579"/>
      <c r="CU3" s="579"/>
      <c r="CV3" s="579"/>
      <c r="CW3" s="579"/>
      <c r="CX3" s="579"/>
      <c r="CY3" s="579"/>
      <c r="CZ3" s="579"/>
      <c r="DA3" s="579"/>
      <c r="DB3" s="579"/>
      <c r="DC3" s="579"/>
      <c r="DD3" s="579"/>
      <c r="DE3" s="579"/>
      <c r="DF3" s="579"/>
      <c r="DG3" s="579"/>
      <c r="DH3" s="579"/>
      <c r="DI3" s="579"/>
      <c r="DJ3" s="579"/>
      <c r="DK3" s="579"/>
      <c r="DL3" s="579"/>
      <c r="DM3" s="579"/>
      <c r="DN3" s="579"/>
      <c r="DO3" s="579"/>
      <c r="DP3" s="579"/>
      <c r="DQ3" s="579"/>
      <c r="DR3" s="580"/>
      <c r="DS3" s="601" t="s">
        <v>60</v>
      </c>
      <c r="DT3" s="506"/>
      <c r="DU3" s="506"/>
      <c r="DV3" s="506"/>
      <c r="DW3" s="506"/>
      <c r="DX3" s="506"/>
      <c r="DY3" s="506"/>
      <c r="DZ3" s="506"/>
      <c r="EA3" s="506"/>
      <c r="EB3" s="507"/>
    </row>
    <row r="4" spans="2:133" ht="24.75" customHeight="1" thickBot="1" x14ac:dyDescent="0.25">
      <c r="B4" s="576"/>
      <c r="C4" s="602"/>
      <c r="D4" s="595"/>
      <c r="E4" s="595"/>
      <c r="F4" s="595"/>
      <c r="G4" s="595"/>
      <c r="H4" s="595"/>
      <c r="I4" s="595"/>
      <c r="J4" s="595"/>
      <c r="K4" s="595"/>
      <c r="L4" s="595"/>
      <c r="M4" s="604" t="s">
        <v>39</v>
      </c>
      <c r="N4" s="605"/>
      <c r="O4" s="605"/>
      <c r="P4" s="605"/>
      <c r="Q4" s="605"/>
      <c r="R4" s="605"/>
      <c r="S4" s="605"/>
      <c r="T4" s="605"/>
      <c r="U4" s="605"/>
      <c r="V4" s="606"/>
      <c r="W4" s="604" t="s">
        <v>40</v>
      </c>
      <c r="X4" s="605"/>
      <c r="Y4" s="605"/>
      <c r="Z4" s="605"/>
      <c r="AA4" s="605"/>
      <c r="AB4" s="605"/>
      <c r="AC4" s="605"/>
      <c r="AD4" s="605"/>
      <c r="AE4" s="605"/>
      <c r="AF4" s="606"/>
      <c r="AG4" s="602"/>
      <c r="AH4" s="595"/>
      <c r="AI4" s="595"/>
      <c r="AJ4" s="595"/>
      <c r="AK4" s="595"/>
      <c r="AL4" s="595"/>
      <c r="AM4" s="595"/>
      <c r="AN4" s="595"/>
      <c r="AO4" s="595"/>
      <c r="AP4" s="595"/>
      <c r="AQ4" s="604" t="s">
        <v>39</v>
      </c>
      <c r="AR4" s="605"/>
      <c r="AS4" s="605"/>
      <c r="AT4" s="605"/>
      <c r="AU4" s="605"/>
      <c r="AV4" s="605"/>
      <c r="AW4" s="605"/>
      <c r="AX4" s="605"/>
      <c r="AY4" s="605"/>
      <c r="AZ4" s="606"/>
      <c r="BA4" s="604" t="s">
        <v>40</v>
      </c>
      <c r="BB4" s="605"/>
      <c r="BC4" s="605"/>
      <c r="BD4" s="605"/>
      <c r="BE4" s="605"/>
      <c r="BF4" s="605"/>
      <c r="BG4" s="605"/>
      <c r="BH4" s="605"/>
      <c r="BI4" s="605"/>
      <c r="BJ4" s="606"/>
      <c r="BK4" s="602"/>
      <c r="BL4" s="595"/>
      <c r="BM4" s="595"/>
      <c r="BN4" s="595"/>
      <c r="BO4" s="595"/>
      <c r="BP4" s="595"/>
      <c r="BQ4" s="595"/>
      <c r="BR4" s="595"/>
      <c r="BS4" s="595"/>
      <c r="BT4" s="595"/>
      <c r="BU4" s="604" t="s">
        <v>39</v>
      </c>
      <c r="BV4" s="605"/>
      <c r="BW4" s="605"/>
      <c r="BX4" s="605"/>
      <c r="BY4" s="605"/>
      <c r="BZ4" s="605"/>
      <c r="CA4" s="605"/>
      <c r="CB4" s="605"/>
      <c r="CC4" s="605"/>
      <c r="CD4" s="606"/>
      <c r="CE4" s="604" t="s">
        <v>40</v>
      </c>
      <c r="CF4" s="605"/>
      <c r="CG4" s="605"/>
      <c r="CH4" s="605"/>
      <c r="CI4" s="605"/>
      <c r="CJ4" s="605"/>
      <c r="CK4" s="605"/>
      <c r="CL4" s="605"/>
      <c r="CM4" s="605"/>
      <c r="CN4" s="606"/>
      <c r="CO4" s="602"/>
      <c r="CP4" s="595"/>
      <c r="CQ4" s="595"/>
      <c r="CR4" s="595"/>
      <c r="CS4" s="595"/>
      <c r="CT4" s="595"/>
      <c r="CU4" s="595"/>
      <c r="CV4" s="595"/>
      <c r="CW4" s="595"/>
      <c r="CX4" s="595"/>
      <c r="CY4" s="604" t="s">
        <v>39</v>
      </c>
      <c r="CZ4" s="605"/>
      <c r="DA4" s="605"/>
      <c r="DB4" s="605"/>
      <c r="DC4" s="605"/>
      <c r="DD4" s="605"/>
      <c r="DE4" s="605"/>
      <c r="DF4" s="605"/>
      <c r="DG4" s="605"/>
      <c r="DH4" s="606"/>
      <c r="DI4" s="604" t="s">
        <v>40</v>
      </c>
      <c r="DJ4" s="605"/>
      <c r="DK4" s="605"/>
      <c r="DL4" s="605"/>
      <c r="DM4" s="605"/>
      <c r="DN4" s="605"/>
      <c r="DO4" s="605"/>
      <c r="DP4" s="605"/>
      <c r="DQ4" s="605"/>
      <c r="DR4" s="606"/>
      <c r="DS4" s="602"/>
      <c r="DT4" s="595"/>
      <c r="DU4" s="595"/>
      <c r="DV4" s="595"/>
      <c r="DW4" s="595"/>
      <c r="DX4" s="595"/>
      <c r="DY4" s="595"/>
      <c r="DZ4" s="595"/>
      <c r="EA4" s="595"/>
      <c r="EB4" s="603"/>
    </row>
    <row r="5" spans="2:133" ht="24.75" customHeight="1" x14ac:dyDescent="0.2">
      <c r="B5" s="577"/>
      <c r="C5" s="583" t="s">
        <v>61</v>
      </c>
      <c r="D5" s="584"/>
      <c r="E5" s="585"/>
      <c r="F5" s="586" t="s">
        <v>62</v>
      </c>
      <c r="G5" s="587"/>
      <c r="H5" s="587"/>
      <c r="I5" s="587"/>
      <c r="J5" s="587"/>
      <c r="K5" s="588"/>
      <c r="L5" s="599" t="s">
        <v>52</v>
      </c>
      <c r="M5" s="591" t="s">
        <v>61</v>
      </c>
      <c r="N5" s="592"/>
      <c r="O5" s="593"/>
      <c r="P5" s="594" t="s">
        <v>62</v>
      </c>
      <c r="Q5" s="595"/>
      <c r="R5" s="595"/>
      <c r="S5" s="595"/>
      <c r="T5" s="595"/>
      <c r="U5" s="596"/>
      <c r="V5" s="600" t="s">
        <v>52</v>
      </c>
      <c r="W5" s="608" t="s">
        <v>61</v>
      </c>
      <c r="X5" s="592"/>
      <c r="Y5" s="593"/>
      <c r="Z5" s="594" t="s">
        <v>62</v>
      </c>
      <c r="AA5" s="595"/>
      <c r="AB5" s="595"/>
      <c r="AC5" s="595"/>
      <c r="AD5" s="595"/>
      <c r="AE5" s="596"/>
      <c r="AF5" s="600" t="s">
        <v>52</v>
      </c>
      <c r="AG5" s="583" t="s">
        <v>61</v>
      </c>
      <c r="AH5" s="584"/>
      <c r="AI5" s="585"/>
      <c r="AJ5" s="586" t="s">
        <v>62</v>
      </c>
      <c r="AK5" s="587"/>
      <c r="AL5" s="587"/>
      <c r="AM5" s="587"/>
      <c r="AN5" s="587"/>
      <c r="AO5" s="588"/>
      <c r="AP5" s="589" t="s">
        <v>52</v>
      </c>
      <c r="AQ5" s="591" t="s">
        <v>61</v>
      </c>
      <c r="AR5" s="592"/>
      <c r="AS5" s="593"/>
      <c r="AT5" s="594" t="s">
        <v>62</v>
      </c>
      <c r="AU5" s="595"/>
      <c r="AV5" s="595"/>
      <c r="AW5" s="595"/>
      <c r="AX5" s="595"/>
      <c r="AY5" s="596"/>
      <c r="AZ5" s="597" t="s">
        <v>52</v>
      </c>
      <c r="BA5" s="591" t="s">
        <v>61</v>
      </c>
      <c r="BB5" s="592"/>
      <c r="BC5" s="593"/>
      <c r="BD5" s="594" t="s">
        <v>62</v>
      </c>
      <c r="BE5" s="595"/>
      <c r="BF5" s="595"/>
      <c r="BG5" s="595"/>
      <c r="BH5" s="595"/>
      <c r="BI5" s="596"/>
      <c r="BJ5" s="600" t="s">
        <v>52</v>
      </c>
      <c r="BK5" s="583" t="s">
        <v>61</v>
      </c>
      <c r="BL5" s="584"/>
      <c r="BM5" s="585"/>
      <c r="BN5" s="586" t="s">
        <v>62</v>
      </c>
      <c r="BO5" s="587"/>
      <c r="BP5" s="587"/>
      <c r="BQ5" s="587"/>
      <c r="BR5" s="587"/>
      <c r="BS5" s="588"/>
      <c r="BT5" s="599" t="s">
        <v>52</v>
      </c>
      <c r="BU5" s="591" t="s">
        <v>61</v>
      </c>
      <c r="BV5" s="592"/>
      <c r="BW5" s="593"/>
      <c r="BX5" s="594" t="s">
        <v>62</v>
      </c>
      <c r="BY5" s="595"/>
      <c r="BZ5" s="595"/>
      <c r="CA5" s="595"/>
      <c r="CB5" s="595"/>
      <c r="CC5" s="596"/>
      <c r="CD5" s="600" t="s">
        <v>52</v>
      </c>
      <c r="CE5" s="608" t="s">
        <v>61</v>
      </c>
      <c r="CF5" s="592"/>
      <c r="CG5" s="593"/>
      <c r="CH5" s="594" t="s">
        <v>62</v>
      </c>
      <c r="CI5" s="595"/>
      <c r="CJ5" s="595"/>
      <c r="CK5" s="595"/>
      <c r="CL5" s="595"/>
      <c r="CM5" s="596"/>
      <c r="CN5" s="600" t="s">
        <v>52</v>
      </c>
      <c r="CO5" s="583" t="s">
        <v>61</v>
      </c>
      <c r="CP5" s="584"/>
      <c r="CQ5" s="585"/>
      <c r="CR5" s="586" t="s">
        <v>62</v>
      </c>
      <c r="CS5" s="587"/>
      <c r="CT5" s="587"/>
      <c r="CU5" s="587"/>
      <c r="CV5" s="587"/>
      <c r="CW5" s="588"/>
      <c r="CX5" s="599" t="s">
        <v>52</v>
      </c>
      <c r="CY5" s="591" t="s">
        <v>61</v>
      </c>
      <c r="CZ5" s="592"/>
      <c r="DA5" s="593"/>
      <c r="DB5" s="594" t="s">
        <v>62</v>
      </c>
      <c r="DC5" s="595"/>
      <c r="DD5" s="595"/>
      <c r="DE5" s="595"/>
      <c r="DF5" s="595"/>
      <c r="DG5" s="596"/>
      <c r="DH5" s="600" t="s">
        <v>52</v>
      </c>
      <c r="DI5" s="608" t="s">
        <v>61</v>
      </c>
      <c r="DJ5" s="592"/>
      <c r="DK5" s="593"/>
      <c r="DL5" s="594" t="s">
        <v>62</v>
      </c>
      <c r="DM5" s="595"/>
      <c r="DN5" s="595"/>
      <c r="DO5" s="595"/>
      <c r="DP5" s="595"/>
      <c r="DQ5" s="596"/>
      <c r="DR5" s="600" t="s">
        <v>52</v>
      </c>
      <c r="DS5" s="583" t="s">
        <v>61</v>
      </c>
      <c r="DT5" s="584"/>
      <c r="DU5" s="585"/>
      <c r="DV5" s="586" t="s">
        <v>62</v>
      </c>
      <c r="DW5" s="587"/>
      <c r="DX5" s="587"/>
      <c r="DY5" s="587"/>
      <c r="DZ5" s="587"/>
      <c r="EA5" s="588"/>
      <c r="EB5" s="589" t="s">
        <v>52</v>
      </c>
    </row>
    <row r="6" spans="2:133" ht="24.75" customHeight="1" thickBot="1" x14ac:dyDescent="0.25">
      <c r="B6" s="313" t="s">
        <v>42</v>
      </c>
      <c r="C6" s="31" t="s">
        <v>43</v>
      </c>
      <c r="D6" s="32" t="s">
        <v>44</v>
      </c>
      <c r="E6" s="32" t="s">
        <v>45</v>
      </c>
      <c r="F6" s="33" t="s">
        <v>47</v>
      </c>
      <c r="G6" s="34" t="s">
        <v>48</v>
      </c>
      <c r="H6" s="34" t="s">
        <v>49</v>
      </c>
      <c r="I6" s="35" t="s">
        <v>50</v>
      </c>
      <c r="J6" s="32" t="s">
        <v>51</v>
      </c>
      <c r="K6" s="36" t="s">
        <v>95</v>
      </c>
      <c r="L6" s="598"/>
      <c r="M6" s="31" t="s">
        <v>43</v>
      </c>
      <c r="N6" s="32" t="s">
        <v>44</v>
      </c>
      <c r="O6" s="36" t="s">
        <v>45</v>
      </c>
      <c r="P6" s="33" t="s">
        <v>47</v>
      </c>
      <c r="Q6" s="34" t="s">
        <v>48</v>
      </c>
      <c r="R6" s="34" t="s">
        <v>49</v>
      </c>
      <c r="S6" s="35" t="s">
        <v>50</v>
      </c>
      <c r="T6" s="32" t="s">
        <v>51</v>
      </c>
      <c r="U6" s="36" t="s">
        <v>45</v>
      </c>
      <c r="V6" s="590"/>
      <c r="W6" s="15" t="s">
        <v>43</v>
      </c>
      <c r="X6" s="32" t="s">
        <v>44</v>
      </c>
      <c r="Y6" s="36" t="s">
        <v>45</v>
      </c>
      <c r="Z6" s="15" t="s">
        <v>47</v>
      </c>
      <c r="AA6" s="34" t="s">
        <v>48</v>
      </c>
      <c r="AB6" s="34" t="s">
        <v>49</v>
      </c>
      <c r="AC6" s="35" t="s">
        <v>50</v>
      </c>
      <c r="AD6" s="32" t="s">
        <v>51</v>
      </c>
      <c r="AE6" s="36" t="s">
        <v>45</v>
      </c>
      <c r="AF6" s="590"/>
      <c r="AG6" s="31" t="s">
        <v>43</v>
      </c>
      <c r="AH6" s="32" t="s">
        <v>44</v>
      </c>
      <c r="AI6" s="36" t="s">
        <v>45</v>
      </c>
      <c r="AJ6" s="15" t="s">
        <v>47</v>
      </c>
      <c r="AK6" s="34" t="s">
        <v>48</v>
      </c>
      <c r="AL6" s="34" t="s">
        <v>49</v>
      </c>
      <c r="AM6" s="35" t="s">
        <v>50</v>
      </c>
      <c r="AN6" s="32" t="s">
        <v>51</v>
      </c>
      <c r="AO6" s="36" t="s">
        <v>45</v>
      </c>
      <c r="AP6" s="590"/>
      <c r="AQ6" s="31" t="s">
        <v>43</v>
      </c>
      <c r="AR6" s="32" t="s">
        <v>44</v>
      </c>
      <c r="AS6" s="36" t="s">
        <v>45</v>
      </c>
      <c r="AT6" s="33" t="s">
        <v>47</v>
      </c>
      <c r="AU6" s="34" t="s">
        <v>48</v>
      </c>
      <c r="AV6" s="34" t="s">
        <v>49</v>
      </c>
      <c r="AW6" s="35" t="s">
        <v>50</v>
      </c>
      <c r="AX6" s="32" t="s">
        <v>51</v>
      </c>
      <c r="AY6" s="36" t="s">
        <v>45</v>
      </c>
      <c r="AZ6" s="598"/>
      <c r="BA6" s="31" t="s">
        <v>43</v>
      </c>
      <c r="BB6" s="32" t="s">
        <v>44</v>
      </c>
      <c r="BC6" s="32" t="s">
        <v>45</v>
      </c>
      <c r="BD6" s="33" t="s">
        <v>47</v>
      </c>
      <c r="BE6" s="34" t="s">
        <v>48</v>
      </c>
      <c r="BF6" s="34" t="s">
        <v>49</v>
      </c>
      <c r="BG6" s="35" t="s">
        <v>50</v>
      </c>
      <c r="BH6" s="32" t="s">
        <v>51</v>
      </c>
      <c r="BI6" s="36" t="s">
        <v>45</v>
      </c>
      <c r="BJ6" s="590"/>
      <c r="BK6" s="31" t="s">
        <v>43</v>
      </c>
      <c r="BL6" s="32" t="s">
        <v>44</v>
      </c>
      <c r="BM6" s="32" t="s">
        <v>45</v>
      </c>
      <c r="BN6" s="33" t="s">
        <v>47</v>
      </c>
      <c r="BO6" s="34" t="s">
        <v>48</v>
      </c>
      <c r="BP6" s="34" t="s">
        <v>49</v>
      </c>
      <c r="BQ6" s="35" t="s">
        <v>50</v>
      </c>
      <c r="BR6" s="32" t="s">
        <v>51</v>
      </c>
      <c r="BS6" s="36" t="s">
        <v>45</v>
      </c>
      <c r="BT6" s="598"/>
      <c r="BU6" s="31" t="s">
        <v>43</v>
      </c>
      <c r="BV6" s="32" t="s">
        <v>44</v>
      </c>
      <c r="BW6" s="32" t="s">
        <v>45</v>
      </c>
      <c r="BX6" s="33" t="s">
        <v>47</v>
      </c>
      <c r="BY6" s="34" t="s">
        <v>48</v>
      </c>
      <c r="BZ6" s="34" t="s">
        <v>49</v>
      </c>
      <c r="CA6" s="35" t="s">
        <v>50</v>
      </c>
      <c r="CB6" s="32" t="s">
        <v>51</v>
      </c>
      <c r="CC6" s="36" t="s">
        <v>45</v>
      </c>
      <c r="CD6" s="590"/>
      <c r="CE6" s="15" t="s">
        <v>43</v>
      </c>
      <c r="CF6" s="32" t="s">
        <v>44</v>
      </c>
      <c r="CG6" s="32" t="s">
        <v>45</v>
      </c>
      <c r="CH6" s="33" t="s">
        <v>47</v>
      </c>
      <c r="CI6" s="34" t="s">
        <v>48</v>
      </c>
      <c r="CJ6" s="34" t="s">
        <v>49</v>
      </c>
      <c r="CK6" s="35" t="s">
        <v>50</v>
      </c>
      <c r="CL6" s="32" t="s">
        <v>51</v>
      </c>
      <c r="CM6" s="36" t="s">
        <v>45</v>
      </c>
      <c r="CN6" s="590"/>
      <c r="CO6" s="31" t="s">
        <v>43</v>
      </c>
      <c r="CP6" s="32" t="s">
        <v>44</v>
      </c>
      <c r="CQ6" s="32" t="s">
        <v>45</v>
      </c>
      <c r="CR6" s="33" t="s">
        <v>47</v>
      </c>
      <c r="CS6" s="34" t="s">
        <v>48</v>
      </c>
      <c r="CT6" s="34" t="s">
        <v>49</v>
      </c>
      <c r="CU6" s="35" t="s">
        <v>50</v>
      </c>
      <c r="CV6" s="32" t="s">
        <v>51</v>
      </c>
      <c r="CW6" s="36" t="s">
        <v>45</v>
      </c>
      <c r="CX6" s="598"/>
      <c r="CY6" s="31" t="s">
        <v>43</v>
      </c>
      <c r="CZ6" s="32" t="s">
        <v>44</v>
      </c>
      <c r="DA6" s="32" t="s">
        <v>45</v>
      </c>
      <c r="DB6" s="33" t="s">
        <v>47</v>
      </c>
      <c r="DC6" s="34" t="s">
        <v>48</v>
      </c>
      <c r="DD6" s="34" t="s">
        <v>49</v>
      </c>
      <c r="DE6" s="35" t="s">
        <v>50</v>
      </c>
      <c r="DF6" s="32" t="s">
        <v>51</v>
      </c>
      <c r="DG6" s="36" t="s">
        <v>45</v>
      </c>
      <c r="DH6" s="590"/>
      <c r="DI6" s="15" t="s">
        <v>43</v>
      </c>
      <c r="DJ6" s="32" t="s">
        <v>44</v>
      </c>
      <c r="DK6" s="32" t="s">
        <v>45</v>
      </c>
      <c r="DL6" s="33" t="s">
        <v>47</v>
      </c>
      <c r="DM6" s="34" t="s">
        <v>48</v>
      </c>
      <c r="DN6" s="34" t="s">
        <v>49</v>
      </c>
      <c r="DO6" s="35" t="s">
        <v>50</v>
      </c>
      <c r="DP6" s="32" t="s">
        <v>51</v>
      </c>
      <c r="DQ6" s="36" t="s">
        <v>45</v>
      </c>
      <c r="DR6" s="590"/>
      <c r="DS6" s="31" t="s">
        <v>43</v>
      </c>
      <c r="DT6" s="32" t="s">
        <v>44</v>
      </c>
      <c r="DU6" s="32" t="s">
        <v>45</v>
      </c>
      <c r="DV6" s="33" t="s">
        <v>47</v>
      </c>
      <c r="DW6" s="34" t="s">
        <v>48</v>
      </c>
      <c r="DX6" s="34" t="s">
        <v>49</v>
      </c>
      <c r="DY6" s="35" t="s">
        <v>50</v>
      </c>
      <c r="DZ6" s="32" t="s">
        <v>51</v>
      </c>
      <c r="EA6" s="36" t="s">
        <v>45</v>
      </c>
      <c r="EB6" s="590"/>
    </row>
    <row r="7" spans="2:133" ht="20.25" customHeight="1" x14ac:dyDescent="0.2">
      <c r="B7" s="312" t="s">
        <v>4</v>
      </c>
      <c r="C7" s="185">
        <v>0</v>
      </c>
      <c r="D7" s="186">
        <v>0</v>
      </c>
      <c r="E7" s="186">
        <v>0</v>
      </c>
      <c r="F7" s="187">
        <v>429</v>
      </c>
      <c r="G7" s="188">
        <v>1455</v>
      </c>
      <c r="H7" s="188">
        <v>9702</v>
      </c>
      <c r="I7" s="188">
        <v>14329</v>
      </c>
      <c r="J7" s="186">
        <v>10232</v>
      </c>
      <c r="K7" s="189">
        <v>36147</v>
      </c>
      <c r="L7" s="190">
        <v>36147</v>
      </c>
      <c r="M7" s="185">
        <v>0</v>
      </c>
      <c r="N7" s="186">
        <v>0</v>
      </c>
      <c r="O7" s="189">
        <v>0</v>
      </c>
      <c r="P7" s="187">
        <v>425</v>
      </c>
      <c r="Q7" s="188">
        <v>1449</v>
      </c>
      <c r="R7" s="188">
        <v>9623</v>
      </c>
      <c r="S7" s="188">
        <v>14201</v>
      </c>
      <c r="T7" s="186">
        <v>10086</v>
      </c>
      <c r="U7" s="189">
        <v>35784</v>
      </c>
      <c r="V7" s="191">
        <v>35784</v>
      </c>
      <c r="W7" s="192">
        <v>0</v>
      </c>
      <c r="X7" s="186">
        <v>0</v>
      </c>
      <c r="Y7" s="189">
        <v>0</v>
      </c>
      <c r="Z7" s="192">
        <v>4</v>
      </c>
      <c r="AA7" s="188">
        <v>6</v>
      </c>
      <c r="AB7" s="188">
        <v>79</v>
      </c>
      <c r="AC7" s="188">
        <v>128</v>
      </c>
      <c r="AD7" s="186">
        <v>146</v>
      </c>
      <c r="AE7" s="189">
        <v>363</v>
      </c>
      <c r="AF7" s="193">
        <v>363</v>
      </c>
      <c r="AG7" s="192">
        <v>0</v>
      </c>
      <c r="AH7" s="186">
        <v>0</v>
      </c>
      <c r="AI7" s="189">
        <v>0</v>
      </c>
      <c r="AJ7" s="192">
        <v>1721</v>
      </c>
      <c r="AK7" s="188">
        <v>3375</v>
      </c>
      <c r="AL7" s="188">
        <v>4638</v>
      </c>
      <c r="AM7" s="188">
        <v>5529</v>
      </c>
      <c r="AN7" s="186">
        <v>2833</v>
      </c>
      <c r="AO7" s="189">
        <v>18096</v>
      </c>
      <c r="AP7" s="193">
        <v>18096</v>
      </c>
      <c r="AQ7" s="192">
        <v>0</v>
      </c>
      <c r="AR7" s="186">
        <v>0</v>
      </c>
      <c r="AS7" s="189">
        <v>0</v>
      </c>
      <c r="AT7" s="187">
        <v>1697</v>
      </c>
      <c r="AU7" s="188">
        <v>3336</v>
      </c>
      <c r="AV7" s="188">
        <v>4557</v>
      </c>
      <c r="AW7" s="188">
        <v>5418</v>
      </c>
      <c r="AX7" s="186">
        <v>2759</v>
      </c>
      <c r="AY7" s="189">
        <v>17767</v>
      </c>
      <c r="AZ7" s="190">
        <v>17767</v>
      </c>
      <c r="BA7" s="185">
        <v>0</v>
      </c>
      <c r="BB7" s="186">
        <v>0</v>
      </c>
      <c r="BC7" s="186">
        <v>0</v>
      </c>
      <c r="BD7" s="187">
        <v>24</v>
      </c>
      <c r="BE7" s="188">
        <v>39</v>
      </c>
      <c r="BF7" s="188">
        <v>81</v>
      </c>
      <c r="BG7" s="188">
        <v>111</v>
      </c>
      <c r="BH7" s="186">
        <v>74</v>
      </c>
      <c r="BI7" s="189">
        <v>329</v>
      </c>
      <c r="BJ7" s="191">
        <v>329</v>
      </c>
      <c r="BK7" s="192">
        <v>0</v>
      </c>
      <c r="BL7" s="186">
        <v>0</v>
      </c>
      <c r="BM7" s="186">
        <v>0</v>
      </c>
      <c r="BN7" s="187">
        <v>0</v>
      </c>
      <c r="BO7" s="188">
        <v>1</v>
      </c>
      <c r="BP7" s="188">
        <v>14</v>
      </c>
      <c r="BQ7" s="188">
        <v>150</v>
      </c>
      <c r="BR7" s="186">
        <v>241</v>
      </c>
      <c r="BS7" s="189">
        <v>406</v>
      </c>
      <c r="BT7" s="190">
        <v>406</v>
      </c>
      <c r="BU7" s="185">
        <v>0</v>
      </c>
      <c r="BV7" s="186">
        <v>0</v>
      </c>
      <c r="BW7" s="186">
        <v>0</v>
      </c>
      <c r="BX7" s="187">
        <v>0</v>
      </c>
      <c r="BY7" s="188">
        <v>1</v>
      </c>
      <c r="BZ7" s="188">
        <v>14</v>
      </c>
      <c r="CA7" s="188">
        <v>149</v>
      </c>
      <c r="CB7" s="186">
        <v>239</v>
      </c>
      <c r="CC7" s="189">
        <v>403</v>
      </c>
      <c r="CD7" s="191">
        <v>403</v>
      </c>
      <c r="CE7" s="192">
        <v>0</v>
      </c>
      <c r="CF7" s="186">
        <v>0</v>
      </c>
      <c r="CG7" s="186">
        <v>0</v>
      </c>
      <c r="CH7" s="187">
        <v>0</v>
      </c>
      <c r="CI7" s="188">
        <v>0</v>
      </c>
      <c r="CJ7" s="188">
        <v>0</v>
      </c>
      <c r="CK7" s="188">
        <v>1</v>
      </c>
      <c r="CL7" s="186">
        <v>2</v>
      </c>
      <c r="CM7" s="189">
        <v>3</v>
      </c>
      <c r="CN7" s="191">
        <v>3</v>
      </c>
      <c r="CO7" s="192">
        <v>0</v>
      </c>
      <c r="CP7" s="186">
        <v>0</v>
      </c>
      <c r="CQ7" s="186">
        <v>0</v>
      </c>
      <c r="CR7" s="187">
        <v>14</v>
      </c>
      <c r="CS7" s="188">
        <v>29</v>
      </c>
      <c r="CT7" s="188">
        <v>52</v>
      </c>
      <c r="CU7" s="188">
        <v>306</v>
      </c>
      <c r="CV7" s="186">
        <v>420</v>
      </c>
      <c r="CW7" s="189">
        <v>821</v>
      </c>
      <c r="CX7" s="190">
        <v>821</v>
      </c>
      <c r="CY7" s="185">
        <v>0</v>
      </c>
      <c r="CZ7" s="186">
        <v>0</v>
      </c>
      <c r="DA7" s="186">
        <v>0</v>
      </c>
      <c r="DB7" s="187">
        <v>13</v>
      </c>
      <c r="DC7" s="188">
        <v>28</v>
      </c>
      <c r="DD7" s="188">
        <v>52</v>
      </c>
      <c r="DE7" s="188">
        <v>301</v>
      </c>
      <c r="DF7" s="186">
        <v>403</v>
      </c>
      <c r="DG7" s="189">
        <v>797</v>
      </c>
      <c r="DH7" s="191">
        <v>797</v>
      </c>
      <c r="DI7" s="192">
        <v>0</v>
      </c>
      <c r="DJ7" s="186">
        <v>0</v>
      </c>
      <c r="DK7" s="186">
        <v>0</v>
      </c>
      <c r="DL7" s="187">
        <v>1</v>
      </c>
      <c r="DM7" s="188">
        <v>1</v>
      </c>
      <c r="DN7" s="188">
        <v>0</v>
      </c>
      <c r="DO7" s="188">
        <v>5</v>
      </c>
      <c r="DP7" s="186">
        <v>17</v>
      </c>
      <c r="DQ7" s="189">
        <v>24</v>
      </c>
      <c r="DR7" s="191">
        <v>24</v>
      </c>
      <c r="DS7" s="192">
        <v>0</v>
      </c>
      <c r="DT7" s="186">
        <v>0</v>
      </c>
      <c r="DU7" s="186">
        <v>0</v>
      </c>
      <c r="DV7" s="187">
        <v>2164</v>
      </c>
      <c r="DW7" s="188">
        <v>4860</v>
      </c>
      <c r="DX7" s="188">
        <v>14395</v>
      </c>
      <c r="DY7" s="188">
        <v>20289</v>
      </c>
      <c r="DZ7" s="186">
        <v>13712</v>
      </c>
      <c r="EA7" s="189">
        <v>55420</v>
      </c>
      <c r="EB7" s="191">
        <v>55420</v>
      </c>
      <c r="EC7" s="37"/>
    </row>
    <row r="8" spans="2:133" ht="20.25" customHeight="1" x14ac:dyDescent="0.2">
      <c r="B8" s="62" t="s">
        <v>5</v>
      </c>
      <c r="C8" s="194">
        <v>0</v>
      </c>
      <c r="D8" s="195">
        <v>0</v>
      </c>
      <c r="E8" s="195">
        <v>0</v>
      </c>
      <c r="F8" s="196">
        <v>227</v>
      </c>
      <c r="G8" s="197">
        <v>887</v>
      </c>
      <c r="H8" s="197">
        <v>4127</v>
      </c>
      <c r="I8" s="197">
        <v>5932</v>
      </c>
      <c r="J8" s="195">
        <v>4412</v>
      </c>
      <c r="K8" s="198">
        <v>15585</v>
      </c>
      <c r="L8" s="199">
        <v>15585</v>
      </c>
      <c r="M8" s="194">
        <v>0</v>
      </c>
      <c r="N8" s="195">
        <v>0</v>
      </c>
      <c r="O8" s="198">
        <v>0</v>
      </c>
      <c r="P8" s="196">
        <v>223</v>
      </c>
      <c r="Q8" s="197">
        <v>883</v>
      </c>
      <c r="R8" s="197">
        <v>4091</v>
      </c>
      <c r="S8" s="197">
        <v>5869</v>
      </c>
      <c r="T8" s="195">
        <v>4338</v>
      </c>
      <c r="U8" s="198">
        <v>15404</v>
      </c>
      <c r="V8" s="200">
        <v>15404</v>
      </c>
      <c r="W8" s="201">
        <v>0</v>
      </c>
      <c r="X8" s="195">
        <v>0</v>
      </c>
      <c r="Y8" s="198">
        <v>0</v>
      </c>
      <c r="Z8" s="201">
        <v>4</v>
      </c>
      <c r="AA8" s="197">
        <v>4</v>
      </c>
      <c r="AB8" s="197">
        <v>36</v>
      </c>
      <c r="AC8" s="197">
        <v>63</v>
      </c>
      <c r="AD8" s="195">
        <v>74</v>
      </c>
      <c r="AE8" s="198">
        <v>181</v>
      </c>
      <c r="AF8" s="202">
        <v>181</v>
      </c>
      <c r="AG8" s="201">
        <v>0</v>
      </c>
      <c r="AH8" s="195">
        <v>0</v>
      </c>
      <c r="AI8" s="198">
        <v>0</v>
      </c>
      <c r="AJ8" s="201">
        <v>634</v>
      </c>
      <c r="AK8" s="197">
        <v>1539</v>
      </c>
      <c r="AL8" s="197">
        <v>2065</v>
      </c>
      <c r="AM8" s="197">
        <v>2464</v>
      </c>
      <c r="AN8" s="195">
        <v>1388</v>
      </c>
      <c r="AO8" s="198">
        <v>8090</v>
      </c>
      <c r="AP8" s="202">
        <v>8090</v>
      </c>
      <c r="AQ8" s="201">
        <v>0</v>
      </c>
      <c r="AR8" s="195">
        <v>0</v>
      </c>
      <c r="AS8" s="198">
        <v>0</v>
      </c>
      <c r="AT8" s="196">
        <v>627</v>
      </c>
      <c r="AU8" s="197">
        <v>1518</v>
      </c>
      <c r="AV8" s="197">
        <v>2033</v>
      </c>
      <c r="AW8" s="197">
        <v>2420</v>
      </c>
      <c r="AX8" s="195">
        <v>1359</v>
      </c>
      <c r="AY8" s="198">
        <v>7957</v>
      </c>
      <c r="AZ8" s="199">
        <v>7957</v>
      </c>
      <c r="BA8" s="194">
        <v>0</v>
      </c>
      <c r="BB8" s="195">
        <v>0</v>
      </c>
      <c r="BC8" s="195">
        <v>0</v>
      </c>
      <c r="BD8" s="196">
        <v>7</v>
      </c>
      <c r="BE8" s="197">
        <v>21</v>
      </c>
      <c r="BF8" s="197">
        <v>32</v>
      </c>
      <c r="BG8" s="197">
        <v>44</v>
      </c>
      <c r="BH8" s="195">
        <v>29</v>
      </c>
      <c r="BI8" s="198">
        <v>133</v>
      </c>
      <c r="BJ8" s="200">
        <v>133</v>
      </c>
      <c r="BK8" s="201">
        <v>0</v>
      </c>
      <c r="BL8" s="195">
        <v>0</v>
      </c>
      <c r="BM8" s="195">
        <v>0</v>
      </c>
      <c r="BN8" s="196">
        <v>0</v>
      </c>
      <c r="BO8" s="197">
        <v>0</v>
      </c>
      <c r="BP8" s="197">
        <v>3</v>
      </c>
      <c r="BQ8" s="197">
        <v>52</v>
      </c>
      <c r="BR8" s="195">
        <v>89</v>
      </c>
      <c r="BS8" s="198">
        <v>144</v>
      </c>
      <c r="BT8" s="199">
        <v>144</v>
      </c>
      <c r="BU8" s="194">
        <v>0</v>
      </c>
      <c r="BV8" s="195">
        <v>0</v>
      </c>
      <c r="BW8" s="195">
        <v>0</v>
      </c>
      <c r="BX8" s="196">
        <v>0</v>
      </c>
      <c r="BY8" s="197">
        <v>0</v>
      </c>
      <c r="BZ8" s="197">
        <v>3</v>
      </c>
      <c r="CA8" s="197">
        <v>52</v>
      </c>
      <c r="CB8" s="195">
        <v>89</v>
      </c>
      <c r="CC8" s="198">
        <v>144</v>
      </c>
      <c r="CD8" s="200">
        <v>144</v>
      </c>
      <c r="CE8" s="201">
        <v>0</v>
      </c>
      <c r="CF8" s="195">
        <v>0</v>
      </c>
      <c r="CG8" s="195">
        <v>0</v>
      </c>
      <c r="CH8" s="196">
        <v>0</v>
      </c>
      <c r="CI8" s="197">
        <v>0</v>
      </c>
      <c r="CJ8" s="197">
        <v>0</v>
      </c>
      <c r="CK8" s="197">
        <v>0</v>
      </c>
      <c r="CL8" s="195">
        <v>0</v>
      </c>
      <c r="CM8" s="198">
        <v>0</v>
      </c>
      <c r="CN8" s="200">
        <v>0</v>
      </c>
      <c r="CO8" s="201">
        <v>0</v>
      </c>
      <c r="CP8" s="195">
        <v>0</v>
      </c>
      <c r="CQ8" s="195">
        <v>0</v>
      </c>
      <c r="CR8" s="196">
        <v>1</v>
      </c>
      <c r="CS8" s="197">
        <v>6</v>
      </c>
      <c r="CT8" s="197">
        <v>12</v>
      </c>
      <c r="CU8" s="197">
        <v>81</v>
      </c>
      <c r="CV8" s="195">
        <v>101</v>
      </c>
      <c r="CW8" s="198">
        <v>201</v>
      </c>
      <c r="CX8" s="199">
        <v>201</v>
      </c>
      <c r="CY8" s="194">
        <v>0</v>
      </c>
      <c r="CZ8" s="195">
        <v>0</v>
      </c>
      <c r="DA8" s="195">
        <v>0</v>
      </c>
      <c r="DB8" s="196">
        <v>1</v>
      </c>
      <c r="DC8" s="197">
        <v>6</v>
      </c>
      <c r="DD8" s="197">
        <v>12</v>
      </c>
      <c r="DE8" s="197">
        <v>79</v>
      </c>
      <c r="DF8" s="195">
        <v>99</v>
      </c>
      <c r="DG8" s="198">
        <v>197</v>
      </c>
      <c r="DH8" s="200">
        <v>197</v>
      </c>
      <c r="DI8" s="201">
        <v>0</v>
      </c>
      <c r="DJ8" s="195">
        <v>0</v>
      </c>
      <c r="DK8" s="195">
        <v>0</v>
      </c>
      <c r="DL8" s="196">
        <v>0</v>
      </c>
      <c r="DM8" s="197">
        <v>0</v>
      </c>
      <c r="DN8" s="197">
        <v>0</v>
      </c>
      <c r="DO8" s="197">
        <v>2</v>
      </c>
      <c r="DP8" s="195">
        <v>2</v>
      </c>
      <c r="DQ8" s="198">
        <v>4</v>
      </c>
      <c r="DR8" s="200">
        <v>4</v>
      </c>
      <c r="DS8" s="201">
        <v>0</v>
      </c>
      <c r="DT8" s="195">
        <v>0</v>
      </c>
      <c r="DU8" s="195">
        <v>0</v>
      </c>
      <c r="DV8" s="196">
        <v>862</v>
      </c>
      <c r="DW8" s="197">
        <v>2432</v>
      </c>
      <c r="DX8" s="197">
        <v>6207</v>
      </c>
      <c r="DY8" s="197">
        <v>8529</v>
      </c>
      <c r="DZ8" s="195">
        <v>5990</v>
      </c>
      <c r="EA8" s="198">
        <v>24020</v>
      </c>
      <c r="EB8" s="200">
        <v>24020</v>
      </c>
      <c r="EC8" s="37"/>
    </row>
    <row r="9" spans="2:133" ht="20.25" customHeight="1" x14ac:dyDescent="0.2">
      <c r="B9" s="62" t="s">
        <v>6</v>
      </c>
      <c r="C9" s="194">
        <v>0</v>
      </c>
      <c r="D9" s="195">
        <v>0</v>
      </c>
      <c r="E9" s="195">
        <v>0</v>
      </c>
      <c r="F9" s="196">
        <v>80</v>
      </c>
      <c r="G9" s="197">
        <v>171</v>
      </c>
      <c r="H9" s="197">
        <v>1293</v>
      </c>
      <c r="I9" s="197">
        <v>1799</v>
      </c>
      <c r="J9" s="195">
        <v>1284</v>
      </c>
      <c r="K9" s="198">
        <v>4627</v>
      </c>
      <c r="L9" s="199">
        <v>4627</v>
      </c>
      <c r="M9" s="194">
        <v>0</v>
      </c>
      <c r="N9" s="195">
        <v>0</v>
      </c>
      <c r="O9" s="198">
        <v>0</v>
      </c>
      <c r="P9" s="196">
        <v>80</v>
      </c>
      <c r="Q9" s="197">
        <v>171</v>
      </c>
      <c r="R9" s="197">
        <v>1278</v>
      </c>
      <c r="S9" s="197">
        <v>1781</v>
      </c>
      <c r="T9" s="195">
        <v>1272</v>
      </c>
      <c r="U9" s="198">
        <v>4582</v>
      </c>
      <c r="V9" s="200">
        <v>4582</v>
      </c>
      <c r="W9" s="201">
        <v>0</v>
      </c>
      <c r="X9" s="195">
        <v>0</v>
      </c>
      <c r="Y9" s="198">
        <v>0</v>
      </c>
      <c r="Z9" s="201">
        <v>0</v>
      </c>
      <c r="AA9" s="197">
        <v>0</v>
      </c>
      <c r="AB9" s="197">
        <v>15</v>
      </c>
      <c r="AC9" s="197">
        <v>18</v>
      </c>
      <c r="AD9" s="195">
        <v>12</v>
      </c>
      <c r="AE9" s="198">
        <v>45</v>
      </c>
      <c r="AF9" s="202">
        <v>45</v>
      </c>
      <c r="AG9" s="201">
        <v>0</v>
      </c>
      <c r="AH9" s="195">
        <v>0</v>
      </c>
      <c r="AI9" s="198">
        <v>0</v>
      </c>
      <c r="AJ9" s="201">
        <v>209</v>
      </c>
      <c r="AK9" s="197">
        <v>325</v>
      </c>
      <c r="AL9" s="197">
        <v>469</v>
      </c>
      <c r="AM9" s="197">
        <v>696</v>
      </c>
      <c r="AN9" s="195">
        <v>318</v>
      </c>
      <c r="AO9" s="198">
        <v>2017</v>
      </c>
      <c r="AP9" s="202">
        <v>2017</v>
      </c>
      <c r="AQ9" s="201">
        <v>0</v>
      </c>
      <c r="AR9" s="195">
        <v>0</v>
      </c>
      <c r="AS9" s="198">
        <v>0</v>
      </c>
      <c r="AT9" s="196">
        <v>204</v>
      </c>
      <c r="AU9" s="197">
        <v>323</v>
      </c>
      <c r="AV9" s="197">
        <v>460</v>
      </c>
      <c r="AW9" s="197">
        <v>674</v>
      </c>
      <c r="AX9" s="195">
        <v>302</v>
      </c>
      <c r="AY9" s="198">
        <v>1963</v>
      </c>
      <c r="AZ9" s="199">
        <v>1963</v>
      </c>
      <c r="BA9" s="194">
        <v>0</v>
      </c>
      <c r="BB9" s="195">
        <v>0</v>
      </c>
      <c r="BC9" s="195">
        <v>0</v>
      </c>
      <c r="BD9" s="196">
        <v>5</v>
      </c>
      <c r="BE9" s="197">
        <v>2</v>
      </c>
      <c r="BF9" s="197">
        <v>9</v>
      </c>
      <c r="BG9" s="197">
        <v>22</v>
      </c>
      <c r="BH9" s="195">
        <v>16</v>
      </c>
      <c r="BI9" s="198">
        <v>54</v>
      </c>
      <c r="BJ9" s="200">
        <v>54</v>
      </c>
      <c r="BK9" s="201">
        <v>0</v>
      </c>
      <c r="BL9" s="195">
        <v>0</v>
      </c>
      <c r="BM9" s="195">
        <v>0</v>
      </c>
      <c r="BN9" s="196">
        <v>0</v>
      </c>
      <c r="BO9" s="197">
        <v>0</v>
      </c>
      <c r="BP9" s="197">
        <v>9</v>
      </c>
      <c r="BQ9" s="197">
        <v>62</v>
      </c>
      <c r="BR9" s="195">
        <v>93</v>
      </c>
      <c r="BS9" s="198">
        <v>164</v>
      </c>
      <c r="BT9" s="199">
        <v>164</v>
      </c>
      <c r="BU9" s="194">
        <v>0</v>
      </c>
      <c r="BV9" s="195">
        <v>0</v>
      </c>
      <c r="BW9" s="195">
        <v>0</v>
      </c>
      <c r="BX9" s="196">
        <v>0</v>
      </c>
      <c r="BY9" s="197">
        <v>0</v>
      </c>
      <c r="BZ9" s="197">
        <v>9</v>
      </c>
      <c r="CA9" s="197">
        <v>61</v>
      </c>
      <c r="CB9" s="195">
        <v>91</v>
      </c>
      <c r="CC9" s="198">
        <v>161</v>
      </c>
      <c r="CD9" s="200">
        <v>161</v>
      </c>
      <c r="CE9" s="201">
        <v>0</v>
      </c>
      <c r="CF9" s="195">
        <v>0</v>
      </c>
      <c r="CG9" s="195">
        <v>0</v>
      </c>
      <c r="CH9" s="196">
        <v>0</v>
      </c>
      <c r="CI9" s="197">
        <v>0</v>
      </c>
      <c r="CJ9" s="197">
        <v>0</v>
      </c>
      <c r="CK9" s="197">
        <v>1</v>
      </c>
      <c r="CL9" s="195">
        <v>2</v>
      </c>
      <c r="CM9" s="198">
        <v>3</v>
      </c>
      <c r="CN9" s="200">
        <v>3</v>
      </c>
      <c r="CO9" s="201">
        <v>0</v>
      </c>
      <c r="CP9" s="195">
        <v>0</v>
      </c>
      <c r="CQ9" s="195">
        <v>0</v>
      </c>
      <c r="CR9" s="196">
        <v>0</v>
      </c>
      <c r="CS9" s="197">
        <v>1</v>
      </c>
      <c r="CT9" s="197">
        <v>4</v>
      </c>
      <c r="CU9" s="197">
        <v>38</v>
      </c>
      <c r="CV9" s="195">
        <v>59</v>
      </c>
      <c r="CW9" s="198">
        <v>102</v>
      </c>
      <c r="CX9" s="199">
        <v>102</v>
      </c>
      <c r="CY9" s="194">
        <v>0</v>
      </c>
      <c r="CZ9" s="195">
        <v>0</v>
      </c>
      <c r="DA9" s="195">
        <v>0</v>
      </c>
      <c r="DB9" s="196">
        <v>0</v>
      </c>
      <c r="DC9" s="197">
        <v>1</v>
      </c>
      <c r="DD9" s="197">
        <v>4</v>
      </c>
      <c r="DE9" s="197">
        <v>37</v>
      </c>
      <c r="DF9" s="195">
        <v>58</v>
      </c>
      <c r="DG9" s="198">
        <v>100</v>
      </c>
      <c r="DH9" s="200">
        <v>100</v>
      </c>
      <c r="DI9" s="201">
        <v>0</v>
      </c>
      <c r="DJ9" s="195">
        <v>0</v>
      </c>
      <c r="DK9" s="195">
        <v>0</v>
      </c>
      <c r="DL9" s="196">
        <v>0</v>
      </c>
      <c r="DM9" s="197">
        <v>0</v>
      </c>
      <c r="DN9" s="197">
        <v>0</v>
      </c>
      <c r="DO9" s="197">
        <v>1</v>
      </c>
      <c r="DP9" s="195">
        <v>1</v>
      </c>
      <c r="DQ9" s="198">
        <v>2</v>
      </c>
      <c r="DR9" s="200">
        <v>2</v>
      </c>
      <c r="DS9" s="201">
        <v>0</v>
      </c>
      <c r="DT9" s="195">
        <v>0</v>
      </c>
      <c r="DU9" s="195">
        <v>0</v>
      </c>
      <c r="DV9" s="196">
        <v>289</v>
      </c>
      <c r="DW9" s="197">
        <v>497</v>
      </c>
      <c r="DX9" s="197">
        <v>1775</v>
      </c>
      <c r="DY9" s="197">
        <v>2595</v>
      </c>
      <c r="DZ9" s="195">
        <v>1754</v>
      </c>
      <c r="EA9" s="198">
        <v>6910</v>
      </c>
      <c r="EB9" s="200">
        <v>6910</v>
      </c>
      <c r="EC9" s="37"/>
    </row>
    <row r="10" spans="2:133" ht="20.25" customHeight="1" x14ac:dyDescent="0.2">
      <c r="B10" s="62" t="s">
        <v>14</v>
      </c>
      <c r="C10" s="194">
        <v>0</v>
      </c>
      <c r="D10" s="195">
        <v>0</v>
      </c>
      <c r="E10" s="195">
        <v>0</v>
      </c>
      <c r="F10" s="196">
        <v>9</v>
      </c>
      <c r="G10" s="197">
        <v>54</v>
      </c>
      <c r="H10" s="197">
        <v>813</v>
      </c>
      <c r="I10" s="197">
        <v>1252</v>
      </c>
      <c r="J10" s="195">
        <v>779</v>
      </c>
      <c r="K10" s="198">
        <v>2907</v>
      </c>
      <c r="L10" s="199">
        <v>2907</v>
      </c>
      <c r="M10" s="194">
        <v>0</v>
      </c>
      <c r="N10" s="195">
        <v>0</v>
      </c>
      <c r="O10" s="198">
        <v>0</v>
      </c>
      <c r="P10" s="196">
        <v>9</v>
      </c>
      <c r="Q10" s="197">
        <v>53</v>
      </c>
      <c r="R10" s="197">
        <v>809</v>
      </c>
      <c r="S10" s="197">
        <v>1245</v>
      </c>
      <c r="T10" s="195">
        <v>773</v>
      </c>
      <c r="U10" s="198">
        <v>2889</v>
      </c>
      <c r="V10" s="200">
        <v>2889</v>
      </c>
      <c r="W10" s="201">
        <v>0</v>
      </c>
      <c r="X10" s="195">
        <v>0</v>
      </c>
      <c r="Y10" s="198">
        <v>0</v>
      </c>
      <c r="Z10" s="201">
        <v>0</v>
      </c>
      <c r="AA10" s="197">
        <v>1</v>
      </c>
      <c r="AB10" s="197">
        <v>4</v>
      </c>
      <c r="AC10" s="197">
        <v>7</v>
      </c>
      <c r="AD10" s="195">
        <v>6</v>
      </c>
      <c r="AE10" s="198">
        <v>18</v>
      </c>
      <c r="AF10" s="202">
        <v>18</v>
      </c>
      <c r="AG10" s="201">
        <v>0</v>
      </c>
      <c r="AH10" s="195">
        <v>0</v>
      </c>
      <c r="AI10" s="198">
        <v>0</v>
      </c>
      <c r="AJ10" s="201">
        <v>77</v>
      </c>
      <c r="AK10" s="197">
        <v>188</v>
      </c>
      <c r="AL10" s="197">
        <v>284</v>
      </c>
      <c r="AM10" s="197">
        <v>367</v>
      </c>
      <c r="AN10" s="195">
        <v>197</v>
      </c>
      <c r="AO10" s="198">
        <v>1113</v>
      </c>
      <c r="AP10" s="202">
        <v>1113</v>
      </c>
      <c r="AQ10" s="201">
        <v>0</v>
      </c>
      <c r="AR10" s="195">
        <v>0</v>
      </c>
      <c r="AS10" s="198">
        <v>0</v>
      </c>
      <c r="AT10" s="196">
        <v>74</v>
      </c>
      <c r="AU10" s="197">
        <v>187</v>
      </c>
      <c r="AV10" s="197">
        <v>280</v>
      </c>
      <c r="AW10" s="197">
        <v>361</v>
      </c>
      <c r="AX10" s="195">
        <v>195</v>
      </c>
      <c r="AY10" s="198">
        <v>1097</v>
      </c>
      <c r="AZ10" s="199">
        <v>1097</v>
      </c>
      <c r="BA10" s="194">
        <v>0</v>
      </c>
      <c r="BB10" s="195">
        <v>0</v>
      </c>
      <c r="BC10" s="195">
        <v>0</v>
      </c>
      <c r="BD10" s="196">
        <v>3</v>
      </c>
      <c r="BE10" s="197">
        <v>1</v>
      </c>
      <c r="BF10" s="197">
        <v>4</v>
      </c>
      <c r="BG10" s="197">
        <v>6</v>
      </c>
      <c r="BH10" s="195">
        <v>2</v>
      </c>
      <c r="BI10" s="198">
        <v>16</v>
      </c>
      <c r="BJ10" s="200">
        <v>16</v>
      </c>
      <c r="BK10" s="201">
        <v>0</v>
      </c>
      <c r="BL10" s="195">
        <v>0</v>
      </c>
      <c r="BM10" s="195">
        <v>0</v>
      </c>
      <c r="BN10" s="196">
        <v>0</v>
      </c>
      <c r="BO10" s="197">
        <v>1</v>
      </c>
      <c r="BP10" s="197">
        <v>1</v>
      </c>
      <c r="BQ10" s="197">
        <v>23</v>
      </c>
      <c r="BR10" s="195">
        <v>25</v>
      </c>
      <c r="BS10" s="198">
        <v>50</v>
      </c>
      <c r="BT10" s="199">
        <v>50</v>
      </c>
      <c r="BU10" s="194">
        <v>0</v>
      </c>
      <c r="BV10" s="195">
        <v>0</v>
      </c>
      <c r="BW10" s="195">
        <v>0</v>
      </c>
      <c r="BX10" s="196">
        <v>0</v>
      </c>
      <c r="BY10" s="197">
        <v>1</v>
      </c>
      <c r="BZ10" s="197">
        <v>1</v>
      </c>
      <c r="CA10" s="197">
        <v>23</v>
      </c>
      <c r="CB10" s="195">
        <v>25</v>
      </c>
      <c r="CC10" s="198">
        <v>50</v>
      </c>
      <c r="CD10" s="200">
        <v>50</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7</v>
      </c>
      <c r="CU10" s="197">
        <v>76</v>
      </c>
      <c r="CV10" s="195">
        <v>76</v>
      </c>
      <c r="CW10" s="198">
        <v>159</v>
      </c>
      <c r="CX10" s="199">
        <v>159</v>
      </c>
      <c r="CY10" s="194">
        <v>0</v>
      </c>
      <c r="CZ10" s="195">
        <v>0</v>
      </c>
      <c r="DA10" s="195">
        <v>0</v>
      </c>
      <c r="DB10" s="196">
        <v>0</v>
      </c>
      <c r="DC10" s="197">
        <v>0</v>
      </c>
      <c r="DD10" s="197">
        <v>7</v>
      </c>
      <c r="DE10" s="197">
        <v>75</v>
      </c>
      <c r="DF10" s="195">
        <v>72</v>
      </c>
      <c r="DG10" s="198">
        <v>154</v>
      </c>
      <c r="DH10" s="200">
        <v>154</v>
      </c>
      <c r="DI10" s="201">
        <v>0</v>
      </c>
      <c r="DJ10" s="195">
        <v>0</v>
      </c>
      <c r="DK10" s="195">
        <v>0</v>
      </c>
      <c r="DL10" s="196">
        <v>0</v>
      </c>
      <c r="DM10" s="197">
        <v>0</v>
      </c>
      <c r="DN10" s="197">
        <v>0</v>
      </c>
      <c r="DO10" s="197">
        <v>1</v>
      </c>
      <c r="DP10" s="195">
        <v>4</v>
      </c>
      <c r="DQ10" s="198">
        <v>5</v>
      </c>
      <c r="DR10" s="200">
        <v>5</v>
      </c>
      <c r="DS10" s="201">
        <v>0</v>
      </c>
      <c r="DT10" s="195">
        <v>0</v>
      </c>
      <c r="DU10" s="195">
        <v>0</v>
      </c>
      <c r="DV10" s="196">
        <v>86</v>
      </c>
      <c r="DW10" s="197">
        <v>243</v>
      </c>
      <c r="DX10" s="197">
        <v>1103</v>
      </c>
      <c r="DY10" s="197">
        <v>1712</v>
      </c>
      <c r="DZ10" s="195">
        <v>1071</v>
      </c>
      <c r="EA10" s="198">
        <v>4215</v>
      </c>
      <c r="EB10" s="200">
        <v>4215</v>
      </c>
      <c r="EC10" s="37"/>
    </row>
    <row r="11" spans="2:133" ht="20.25" customHeight="1" x14ac:dyDescent="0.2">
      <c r="B11" s="62" t="s">
        <v>7</v>
      </c>
      <c r="C11" s="194">
        <v>0</v>
      </c>
      <c r="D11" s="195">
        <v>0</v>
      </c>
      <c r="E11" s="195">
        <v>0</v>
      </c>
      <c r="F11" s="196">
        <v>20</v>
      </c>
      <c r="G11" s="197">
        <v>48</v>
      </c>
      <c r="H11" s="197">
        <v>554</v>
      </c>
      <c r="I11" s="197">
        <v>933</v>
      </c>
      <c r="J11" s="195">
        <v>590</v>
      </c>
      <c r="K11" s="198">
        <v>2145</v>
      </c>
      <c r="L11" s="199">
        <v>2145</v>
      </c>
      <c r="M11" s="194">
        <v>0</v>
      </c>
      <c r="N11" s="195">
        <v>0</v>
      </c>
      <c r="O11" s="198">
        <v>0</v>
      </c>
      <c r="P11" s="196">
        <v>20</v>
      </c>
      <c r="Q11" s="197">
        <v>48</v>
      </c>
      <c r="R11" s="197">
        <v>547</v>
      </c>
      <c r="S11" s="197">
        <v>924</v>
      </c>
      <c r="T11" s="195">
        <v>579</v>
      </c>
      <c r="U11" s="198">
        <v>2118</v>
      </c>
      <c r="V11" s="200">
        <v>2118</v>
      </c>
      <c r="W11" s="201">
        <v>0</v>
      </c>
      <c r="X11" s="195">
        <v>0</v>
      </c>
      <c r="Y11" s="198">
        <v>0</v>
      </c>
      <c r="Z11" s="201">
        <v>0</v>
      </c>
      <c r="AA11" s="197">
        <v>0</v>
      </c>
      <c r="AB11" s="197">
        <v>7</v>
      </c>
      <c r="AC11" s="197">
        <v>9</v>
      </c>
      <c r="AD11" s="195">
        <v>11</v>
      </c>
      <c r="AE11" s="198">
        <v>27</v>
      </c>
      <c r="AF11" s="202">
        <v>27</v>
      </c>
      <c r="AG11" s="201">
        <v>0</v>
      </c>
      <c r="AH11" s="195">
        <v>0</v>
      </c>
      <c r="AI11" s="198">
        <v>0</v>
      </c>
      <c r="AJ11" s="201">
        <v>157</v>
      </c>
      <c r="AK11" s="197">
        <v>210</v>
      </c>
      <c r="AL11" s="197">
        <v>225</v>
      </c>
      <c r="AM11" s="197">
        <v>287</v>
      </c>
      <c r="AN11" s="195">
        <v>100</v>
      </c>
      <c r="AO11" s="198">
        <v>979</v>
      </c>
      <c r="AP11" s="202">
        <v>979</v>
      </c>
      <c r="AQ11" s="201">
        <v>0</v>
      </c>
      <c r="AR11" s="195">
        <v>0</v>
      </c>
      <c r="AS11" s="198">
        <v>0</v>
      </c>
      <c r="AT11" s="196">
        <v>156</v>
      </c>
      <c r="AU11" s="197">
        <v>209</v>
      </c>
      <c r="AV11" s="197">
        <v>220</v>
      </c>
      <c r="AW11" s="197">
        <v>282</v>
      </c>
      <c r="AX11" s="195">
        <v>96</v>
      </c>
      <c r="AY11" s="198">
        <v>963</v>
      </c>
      <c r="AZ11" s="199">
        <v>963</v>
      </c>
      <c r="BA11" s="194">
        <v>0</v>
      </c>
      <c r="BB11" s="195">
        <v>0</v>
      </c>
      <c r="BC11" s="195">
        <v>0</v>
      </c>
      <c r="BD11" s="196">
        <v>1</v>
      </c>
      <c r="BE11" s="197">
        <v>1</v>
      </c>
      <c r="BF11" s="197">
        <v>5</v>
      </c>
      <c r="BG11" s="197">
        <v>5</v>
      </c>
      <c r="BH11" s="195">
        <v>4</v>
      </c>
      <c r="BI11" s="198">
        <v>16</v>
      </c>
      <c r="BJ11" s="200">
        <v>16</v>
      </c>
      <c r="BK11" s="201">
        <v>0</v>
      </c>
      <c r="BL11" s="195">
        <v>0</v>
      </c>
      <c r="BM11" s="195">
        <v>0</v>
      </c>
      <c r="BN11" s="196">
        <v>0</v>
      </c>
      <c r="BO11" s="197">
        <v>0</v>
      </c>
      <c r="BP11" s="197">
        <v>0</v>
      </c>
      <c r="BQ11" s="197">
        <v>2</v>
      </c>
      <c r="BR11" s="195">
        <v>4</v>
      </c>
      <c r="BS11" s="198">
        <v>6</v>
      </c>
      <c r="BT11" s="199">
        <v>6</v>
      </c>
      <c r="BU11" s="194">
        <v>0</v>
      </c>
      <c r="BV11" s="195">
        <v>0</v>
      </c>
      <c r="BW11" s="195">
        <v>0</v>
      </c>
      <c r="BX11" s="196">
        <v>0</v>
      </c>
      <c r="BY11" s="197">
        <v>0</v>
      </c>
      <c r="BZ11" s="197">
        <v>0</v>
      </c>
      <c r="CA11" s="197">
        <v>2</v>
      </c>
      <c r="CB11" s="195">
        <v>4</v>
      </c>
      <c r="CC11" s="198">
        <v>6</v>
      </c>
      <c r="CD11" s="200">
        <v>6</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1</v>
      </c>
      <c r="CV11" s="195">
        <v>3</v>
      </c>
      <c r="CW11" s="198">
        <v>6</v>
      </c>
      <c r="CX11" s="199">
        <v>6</v>
      </c>
      <c r="CY11" s="194">
        <v>0</v>
      </c>
      <c r="CZ11" s="195">
        <v>0</v>
      </c>
      <c r="DA11" s="195">
        <v>0</v>
      </c>
      <c r="DB11" s="196">
        <v>0</v>
      </c>
      <c r="DC11" s="197">
        <v>0</v>
      </c>
      <c r="DD11" s="197">
        <v>2</v>
      </c>
      <c r="DE11" s="197">
        <v>1</v>
      </c>
      <c r="DF11" s="195">
        <v>3</v>
      </c>
      <c r="DG11" s="198">
        <v>6</v>
      </c>
      <c r="DH11" s="200">
        <v>6</v>
      </c>
      <c r="DI11" s="201">
        <v>0</v>
      </c>
      <c r="DJ11" s="195">
        <v>0</v>
      </c>
      <c r="DK11" s="195">
        <v>0</v>
      </c>
      <c r="DL11" s="196">
        <v>0</v>
      </c>
      <c r="DM11" s="197">
        <v>0</v>
      </c>
      <c r="DN11" s="197">
        <v>0</v>
      </c>
      <c r="DO11" s="197">
        <v>0</v>
      </c>
      <c r="DP11" s="195">
        <v>0</v>
      </c>
      <c r="DQ11" s="198">
        <v>0</v>
      </c>
      <c r="DR11" s="200">
        <v>0</v>
      </c>
      <c r="DS11" s="201">
        <v>0</v>
      </c>
      <c r="DT11" s="195">
        <v>0</v>
      </c>
      <c r="DU11" s="195">
        <v>0</v>
      </c>
      <c r="DV11" s="196">
        <v>177</v>
      </c>
      <c r="DW11" s="197">
        <v>258</v>
      </c>
      <c r="DX11" s="197">
        <v>780</v>
      </c>
      <c r="DY11" s="197">
        <v>1222</v>
      </c>
      <c r="DZ11" s="195">
        <v>695</v>
      </c>
      <c r="EA11" s="198">
        <v>3132</v>
      </c>
      <c r="EB11" s="200">
        <v>3132</v>
      </c>
      <c r="EC11" s="37"/>
    </row>
    <row r="12" spans="2:133" ht="20.25" customHeight="1" x14ac:dyDescent="0.2">
      <c r="B12" s="62" t="s">
        <v>8</v>
      </c>
      <c r="C12" s="194">
        <v>0</v>
      </c>
      <c r="D12" s="195">
        <v>0</v>
      </c>
      <c r="E12" s="195">
        <v>0</v>
      </c>
      <c r="F12" s="196">
        <v>24</v>
      </c>
      <c r="G12" s="197">
        <v>67</v>
      </c>
      <c r="H12" s="197">
        <v>357</v>
      </c>
      <c r="I12" s="197">
        <v>394</v>
      </c>
      <c r="J12" s="195">
        <v>227</v>
      </c>
      <c r="K12" s="198">
        <v>1069</v>
      </c>
      <c r="L12" s="199">
        <v>1069</v>
      </c>
      <c r="M12" s="194">
        <v>0</v>
      </c>
      <c r="N12" s="195">
        <v>0</v>
      </c>
      <c r="O12" s="198">
        <v>0</v>
      </c>
      <c r="P12" s="196">
        <v>24</v>
      </c>
      <c r="Q12" s="197">
        <v>67</v>
      </c>
      <c r="R12" s="197">
        <v>354</v>
      </c>
      <c r="S12" s="197">
        <v>391</v>
      </c>
      <c r="T12" s="195">
        <v>224</v>
      </c>
      <c r="U12" s="198">
        <v>1060</v>
      </c>
      <c r="V12" s="200">
        <v>1060</v>
      </c>
      <c r="W12" s="201">
        <v>0</v>
      </c>
      <c r="X12" s="195">
        <v>0</v>
      </c>
      <c r="Y12" s="198">
        <v>0</v>
      </c>
      <c r="Z12" s="201">
        <v>0</v>
      </c>
      <c r="AA12" s="197">
        <v>0</v>
      </c>
      <c r="AB12" s="197">
        <v>3</v>
      </c>
      <c r="AC12" s="197">
        <v>3</v>
      </c>
      <c r="AD12" s="195">
        <v>3</v>
      </c>
      <c r="AE12" s="198">
        <v>9</v>
      </c>
      <c r="AF12" s="202">
        <v>9</v>
      </c>
      <c r="AG12" s="201">
        <v>0</v>
      </c>
      <c r="AH12" s="195">
        <v>0</v>
      </c>
      <c r="AI12" s="198">
        <v>0</v>
      </c>
      <c r="AJ12" s="201">
        <v>48</v>
      </c>
      <c r="AK12" s="197">
        <v>99</v>
      </c>
      <c r="AL12" s="197">
        <v>162</v>
      </c>
      <c r="AM12" s="197">
        <v>134</v>
      </c>
      <c r="AN12" s="195">
        <v>67</v>
      </c>
      <c r="AO12" s="198">
        <v>510</v>
      </c>
      <c r="AP12" s="202">
        <v>510</v>
      </c>
      <c r="AQ12" s="201">
        <v>0</v>
      </c>
      <c r="AR12" s="195">
        <v>0</v>
      </c>
      <c r="AS12" s="198">
        <v>0</v>
      </c>
      <c r="AT12" s="196">
        <v>46</v>
      </c>
      <c r="AU12" s="197">
        <v>95</v>
      </c>
      <c r="AV12" s="197">
        <v>158</v>
      </c>
      <c r="AW12" s="197">
        <v>132</v>
      </c>
      <c r="AX12" s="195">
        <v>65</v>
      </c>
      <c r="AY12" s="198">
        <v>496</v>
      </c>
      <c r="AZ12" s="199">
        <v>496</v>
      </c>
      <c r="BA12" s="194">
        <v>0</v>
      </c>
      <c r="BB12" s="195">
        <v>0</v>
      </c>
      <c r="BC12" s="195">
        <v>0</v>
      </c>
      <c r="BD12" s="196">
        <v>2</v>
      </c>
      <c r="BE12" s="197">
        <v>4</v>
      </c>
      <c r="BF12" s="197">
        <v>4</v>
      </c>
      <c r="BG12" s="197">
        <v>2</v>
      </c>
      <c r="BH12" s="195">
        <v>2</v>
      </c>
      <c r="BI12" s="198">
        <v>14</v>
      </c>
      <c r="BJ12" s="200">
        <v>14</v>
      </c>
      <c r="BK12" s="201">
        <v>0</v>
      </c>
      <c r="BL12" s="195">
        <v>0</v>
      </c>
      <c r="BM12" s="195">
        <v>0</v>
      </c>
      <c r="BN12" s="196">
        <v>0</v>
      </c>
      <c r="BO12" s="197">
        <v>0</v>
      </c>
      <c r="BP12" s="197">
        <v>0</v>
      </c>
      <c r="BQ12" s="197">
        <v>2</v>
      </c>
      <c r="BR12" s="195">
        <v>0</v>
      </c>
      <c r="BS12" s="198">
        <v>2</v>
      </c>
      <c r="BT12" s="199">
        <v>2</v>
      </c>
      <c r="BU12" s="194">
        <v>0</v>
      </c>
      <c r="BV12" s="195">
        <v>0</v>
      </c>
      <c r="BW12" s="195">
        <v>0</v>
      </c>
      <c r="BX12" s="196">
        <v>0</v>
      </c>
      <c r="BY12" s="197">
        <v>0</v>
      </c>
      <c r="BZ12" s="197">
        <v>0</v>
      </c>
      <c r="CA12" s="197">
        <v>2</v>
      </c>
      <c r="CB12" s="195">
        <v>0</v>
      </c>
      <c r="CC12" s="198">
        <v>2</v>
      </c>
      <c r="CD12" s="200">
        <v>2</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0</v>
      </c>
      <c r="CT12" s="197">
        <v>1</v>
      </c>
      <c r="CU12" s="197">
        <v>7</v>
      </c>
      <c r="CV12" s="195">
        <v>10</v>
      </c>
      <c r="CW12" s="198">
        <v>19</v>
      </c>
      <c r="CX12" s="199">
        <v>19</v>
      </c>
      <c r="CY12" s="194">
        <v>0</v>
      </c>
      <c r="CZ12" s="195">
        <v>0</v>
      </c>
      <c r="DA12" s="195">
        <v>0</v>
      </c>
      <c r="DB12" s="196">
        <v>1</v>
      </c>
      <c r="DC12" s="197">
        <v>0</v>
      </c>
      <c r="DD12" s="197">
        <v>1</v>
      </c>
      <c r="DE12" s="197">
        <v>7</v>
      </c>
      <c r="DF12" s="195">
        <v>10</v>
      </c>
      <c r="DG12" s="198">
        <v>19</v>
      </c>
      <c r="DH12" s="200">
        <v>19</v>
      </c>
      <c r="DI12" s="201">
        <v>0</v>
      </c>
      <c r="DJ12" s="195">
        <v>0</v>
      </c>
      <c r="DK12" s="195">
        <v>0</v>
      </c>
      <c r="DL12" s="196">
        <v>0</v>
      </c>
      <c r="DM12" s="197">
        <v>0</v>
      </c>
      <c r="DN12" s="197">
        <v>0</v>
      </c>
      <c r="DO12" s="197">
        <v>0</v>
      </c>
      <c r="DP12" s="195">
        <v>0</v>
      </c>
      <c r="DQ12" s="198">
        <v>0</v>
      </c>
      <c r="DR12" s="200">
        <v>0</v>
      </c>
      <c r="DS12" s="201">
        <v>0</v>
      </c>
      <c r="DT12" s="195">
        <v>0</v>
      </c>
      <c r="DU12" s="195">
        <v>0</v>
      </c>
      <c r="DV12" s="196">
        <v>73</v>
      </c>
      <c r="DW12" s="197">
        <v>166</v>
      </c>
      <c r="DX12" s="197">
        <v>520</v>
      </c>
      <c r="DY12" s="197">
        <v>537</v>
      </c>
      <c r="DZ12" s="195">
        <v>304</v>
      </c>
      <c r="EA12" s="198">
        <v>1600</v>
      </c>
      <c r="EB12" s="200">
        <v>1600</v>
      </c>
      <c r="EC12" s="37"/>
    </row>
    <row r="13" spans="2:133" ht="20.25" customHeight="1" x14ac:dyDescent="0.2">
      <c r="B13" s="62" t="s">
        <v>9</v>
      </c>
      <c r="C13" s="194">
        <v>0</v>
      </c>
      <c r="D13" s="195">
        <v>0</v>
      </c>
      <c r="E13" s="195">
        <v>0</v>
      </c>
      <c r="F13" s="196">
        <v>7</v>
      </c>
      <c r="G13" s="197">
        <v>2</v>
      </c>
      <c r="H13" s="197">
        <v>185</v>
      </c>
      <c r="I13" s="197">
        <v>354</v>
      </c>
      <c r="J13" s="195">
        <v>272</v>
      </c>
      <c r="K13" s="198">
        <v>820</v>
      </c>
      <c r="L13" s="199">
        <v>820</v>
      </c>
      <c r="M13" s="194">
        <v>0</v>
      </c>
      <c r="N13" s="195">
        <v>0</v>
      </c>
      <c r="O13" s="198">
        <v>0</v>
      </c>
      <c r="P13" s="196">
        <v>7</v>
      </c>
      <c r="Q13" s="197">
        <v>2</v>
      </c>
      <c r="R13" s="197">
        <v>185</v>
      </c>
      <c r="S13" s="197">
        <v>350</v>
      </c>
      <c r="T13" s="195">
        <v>270</v>
      </c>
      <c r="U13" s="198">
        <v>814</v>
      </c>
      <c r="V13" s="200">
        <v>814</v>
      </c>
      <c r="W13" s="201">
        <v>0</v>
      </c>
      <c r="X13" s="195">
        <v>0</v>
      </c>
      <c r="Y13" s="198">
        <v>0</v>
      </c>
      <c r="Z13" s="201">
        <v>0</v>
      </c>
      <c r="AA13" s="197">
        <v>0</v>
      </c>
      <c r="AB13" s="197">
        <v>0</v>
      </c>
      <c r="AC13" s="197">
        <v>4</v>
      </c>
      <c r="AD13" s="195">
        <v>2</v>
      </c>
      <c r="AE13" s="198">
        <v>6</v>
      </c>
      <c r="AF13" s="202">
        <v>6</v>
      </c>
      <c r="AG13" s="201">
        <v>0</v>
      </c>
      <c r="AH13" s="195">
        <v>0</v>
      </c>
      <c r="AI13" s="198">
        <v>0</v>
      </c>
      <c r="AJ13" s="201">
        <v>24</v>
      </c>
      <c r="AK13" s="197">
        <v>68</v>
      </c>
      <c r="AL13" s="197">
        <v>80</v>
      </c>
      <c r="AM13" s="197">
        <v>121</v>
      </c>
      <c r="AN13" s="195">
        <v>65</v>
      </c>
      <c r="AO13" s="198">
        <v>358</v>
      </c>
      <c r="AP13" s="202">
        <v>358</v>
      </c>
      <c r="AQ13" s="201">
        <v>0</v>
      </c>
      <c r="AR13" s="195">
        <v>0</v>
      </c>
      <c r="AS13" s="198">
        <v>0</v>
      </c>
      <c r="AT13" s="196">
        <v>24</v>
      </c>
      <c r="AU13" s="197">
        <v>68</v>
      </c>
      <c r="AV13" s="197">
        <v>78</v>
      </c>
      <c r="AW13" s="197">
        <v>119</v>
      </c>
      <c r="AX13" s="195">
        <v>63</v>
      </c>
      <c r="AY13" s="198">
        <v>352</v>
      </c>
      <c r="AZ13" s="199">
        <v>352</v>
      </c>
      <c r="BA13" s="194">
        <v>0</v>
      </c>
      <c r="BB13" s="195">
        <v>0</v>
      </c>
      <c r="BC13" s="195">
        <v>0</v>
      </c>
      <c r="BD13" s="196">
        <v>0</v>
      </c>
      <c r="BE13" s="197">
        <v>0</v>
      </c>
      <c r="BF13" s="197">
        <v>2</v>
      </c>
      <c r="BG13" s="197">
        <v>2</v>
      </c>
      <c r="BH13" s="195">
        <v>2</v>
      </c>
      <c r="BI13" s="198">
        <v>6</v>
      </c>
      <c r="BJ13" s="200">
        <v>6</v>
      </c>
      <c r="BK13" s="201">
        <v>0</v>
      </c>
      <c r="BL13" s="195">
        <v>0</v>
      </c>
      <c r="BM13" s="195">
        <v>0</v>
      </c>
      <c r="BN13" s="196">
        <v>0</v>
      </c>
      <c r="BO13" s="197">
        <v>0</v>
      </c>
      <c r="BP13" s="197">
        <v>0</v>
      </c>
      <c r="BQ13" s="197">
        <v>2</v>
      </c>
      <c r="BR13" s="195">
        <v>1</v>
      </c>
      <c r="BS13" s="198">
        <v>3</v>
      </c>
      <c r="BT13" s="199">
        <v>3</v>
      </c>
      <c r="BU13" s="194">
        <v>0</v>
      </c>
      <c r="BV13" s="195">
        <v>0</v>
      </c>
      <c r="BW13" s="195">
        <v>0</v>
      </c>
      <c r="BX13" s="196">
        <v>0</v>
      </c>
      <c r="BY13" s="197">
        <v>0</v>
      </c>
      <c r="BZ13" s="197">
        <v>0</v>
      </c>
      <c r="CA13" s="197">
        <v>2</v>
      </c>
      <c r="CB13" s="195">
        <v>1</v>
      </c>
      <c r="CC13" s="198">
        <v>3</v>
      </c>
      <c r="CD13" s="200">
        <v>3</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1</v>
      </c>
      <c r="CT13" s="197">
        <v>1</v>
      </c>
      <c r="CU13" s="197">
        <v>3</v>
      </c>
      <c r="CV13" s="195">
        <v>5</v>
      </c>
      <c r="CW13" s="198">
        <v>10</v>
      </c>
      <c r="CX13" s="199">
        <v>10</v>
      </c>
      <c r="CY13" s="194">
        <v>0</v>
      </c>
      <c r="CZ13" s="195">
        <v>0</v>
      </c>
      <c r="DA13" s="195">
        <v>0</v>
      </c>
      <c r="DB13" s="196">
        <v>0</v>
      </c>
      <c r="DC13" s="197">
        <v>1</v>
      </c>
      <c r="DD13" s="197">
        <v>1</v>
      </c>
      <c r="DE13" s="197">
        <v>3</v>
      </c>
      <c r="DF13" s="195">
        <v>5</v>
      </c>
      <c r="DG13" s="198">
        <v>10</v>
      </c>
      <c r="DH13" s="200">
        <v>10</v>
      </c>
      <c r="DI13" s="201">
        <v>0</v>
      </c>
      <c r="DJ13" s="195">
        <v>0</v>
      </c>
      <c r="DK13" s="195">
        <v>0</v>
      </c>
      <c r="DL13" s="196">
        <v>0</v>
      </c>
      <c r="DM13" s="197">
        <v>0</v>
      </c>
      <c r="DN13" s="197">
        <v>0</v>
      </c>
      <c r="DO13" s="197">
        <v>0</v>
      </c>
      <c r="DP13" s="195">
        <v>0</v>
      </c>
      <c r="DQ13" s="198">
        <v>0</v>
      </c>
      <c r="DR13" s="200">
        <v>0</v>
      </c>
      <c r="DS13" s="201">
        <v>0</v>
      </c>
      <c r="DT13" s="195">
        <v>0</v>
      </c>
      <c r="DU13" s="195">
        <v>0</v>
      </c>
      <c r="DV13" s="196">
        <v>31</v>
      </c>
      <c r="DW13" s="197">
        <v>71</v>
      </c>
      <c r="DX13" s="197">
        <v>265</v>
      </c>
      <c r="DY13" s="197">
        <v>477</v>
      </c>
      <c r="DZ13" s="195">
        <v>342</v>
      </c>
      <c r="EA13" s="198">
        <v>1186</v>
      </c>
      <c r="EB13" s="200">
        <v>1186</v>
      </c>
      <c r="EC13" s="37"/>
    </row>
    <row r="14" spans="2:133" ht="20.25" customHeight="1" x14ac:dyDescent="0.2">
      <c r="B14" s="62" t="s">
        <v>10</v>
      </c>
      <c r="C14" s="194">
        <v>0</v>
      </c>
      <c r="D14" s="195">
        <v>0</v>
      </c>
      <c r="E14" s="195">
        <v>0</v>
      </c>
      <c r="F14" s="196">
        <v>16</v>
      </c>
      <c r="G14" s="197">
        <v>48</v>
      </c>
      <c r="H14" s="197">
        <v>357</v>
      </c>
      <c r="I14" s="197">
        <v>518</v>
      </c>
      <c r="J14" s="195">
        <v>484</v>
      </c>
      <c r="K14" s="198">
        <v>1423</v>
      </c>
      <c r="L14" s="199">
        <v>1423</v>
      </c>
      <c r="M14" s="194">
        <v>0</v>
      </c>
      <c r="N14" s="195">
        <v>0</v>
      </c>
      <c r="O14" s="198">
        <v>0</v>
      </c>
      <c r="P14" s="196">
        <v>16</v>
      </c>
      <c r="Q14" s="197">
        <v>48</v>
      </c>
      <c r="R14" s="197">
        <v>354</v>
      </c>
      <c r="S14" s="197">
        <v>515</v>
      </c>
      <c r="T14" s="195">
        <v>476</v>
      </c>
      <c r="U14" s="198">
        <v>1409</v>
      </c>
      <c r="V14" s="200">
        <v>1409</v>
      </c>
      <c r="W14" s="201">
        <v>0</v>
      </c>
      <c r="X14" s="195">
        <v>0</v>
      </c>
      <c r="Y14" s="198">
        <v>0</v>
      </c>
      <c r="Z14" s="201">
        <v>0</v>
      </c>
      <c r="AA14" s="197">
        <v>0</v>
      </c>
      <c r="AB14" s="197">
        <v>3</v>
      </c>
      <c r="AC14" s="197">
        <v>3</v>
      </c>
      <c r="AD14" s="195">
        <v>8</v>
      </c>
      <c r="AE14" s="198">
        <v>14</v>
      </c>
      <c r="AF14" s="202">
        <v>14</v>
      </c>
      <c r="AG14" s="201">
        <v>0</v>
      </c>
      <c r="AH14" s="195">
        <v>0</v>
      </c>
      <c r="AI14" s="198">
        <v>0</v>
      </c>
      <c r="AJ14" s="201">
        <v>89</v>
      </c>
      <c r="AK14" s="197">
        <v>120</v>
      </c>
      <c r="AL14" s="197">
        <v>164</v>
      </c>
      <c r="AM14" s="197">
        <v>164</v>
      </c>
      <c r="AN14" s="195">
        <v>92</v>
      </c>
      <c r="AO14" s="198">
        <v>629</v>
      </c>
      <c r="AP14" s="202">
        <v>629</v>
      </c>
      <c r="AQ14" s="201">
        <v>0</v>
      </c>
      <c r="AR14" s="195">
        <v>0</v>
      </c>
      <c r="AS14" s="198">
        <v>0</v>
      </c>
      <c r="AT14" s="196">
        <v>88</v>
      </c>
      <c r="AU14" s="197">
        <v>117</v>
      </c>
      <c r="AV14" s="197">
        <v>163</v>
      </c>
      <c r="AW14" s="197">
        <v>161</v>
      </c>
      <c r="AX14" s="195">
        <v>88</v>
      </c>
      <c r="AY14" s="198">
        <v>617</v>
      </c>
      <c r="AZ14" s="199">
        <v>617</v>
      </c>
      <c r="BA14" s="194">
        <v>0</v>
      </c>
      <c r="BB14" s="195">
        <v>0</v>
      </c>
      <c r="BC14" s="195">
        <v>0</v>
      </c>
      <c r="BD14" s="196">
        <v>1</v>
      </c>
      <c r="BE14" s="197">
        <v>3</v>
      </c>
      <c r="BF14" s="197">
        <v>1</v>
      </c>
      <c r="BG14" s="197">
        <v>3</v>
      </c>
      <c r="BH14" s="195">
        <v>4</v>
      </c>
      <c r="BI14" s="198">
        <v>12</v>
      </c>
      <c r="BJ14" s="200">
        <v>12</v>
      </c>
      <c r="BK14" s="201">
        <v>0</v>
      </c>
      <c r="BL14" s="195">
        <v>0</v>
      </c>
      <c r="BM14" s="195">
        <v>0</v>
      </c>
      <c r="BN14" s="196">
        <v>0</v>
      </c>
      <c r="BO14" s="197">
        <v>0</v>
      </c>
      <c r="BP14" s="197">
        <v>0</v>
      </c>
      <c r="BQ14" s="197">
        <v>0</v>
      </c>
      <c r="BR14" s="195">
        <v>2</v>
      </c>
      <c r="BS14" s="198">
        <v>2</v>
      </c>
      <c r="BT14" s="199">
        <v>2</v>
      </c>
      <c r="BU14" s="194">
        <v>0</v>
      </c>
      <c r="BV14" s="195">
        <v>0</v>
      </c>
      <c r="BW14" s="195">
        <v>0</v>
      </c>
      <c r="BX14" s="196">
        <v>0</v>
      </c>
      <c r="BY14" s="197">
        <v>0</v>
      </c>
      <c r="BZ14" s="197">
        <v>0</v>
      </c>
      <c r="CA14" s="197">
        <v>0</v>
      </c>
      <c r="CB14" s="195">
        <v>2</v>
      </c>
      <c r="CC14" s="198">
        <v>2</v>
      </c>
      <c r="CD14" s="200">
        <v>2</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1</v>
      </c>
      <c r="CT14" s="197">
        <v>0</v>
      </c>
      <c r="CU14" s="197">
        <v>4</v>
      </c>
      <c r="CV14" s="195">
        <v>32</v>
      </c>
      <c r="CW14" s="198">
        <v>38</v>
      </c>
      <c r="CX14" s="199">
        <v>38</v>
      </c>
      <c r="CY14" s="194">
        <v>0</v>
      </c>
      <c r="CZ14" s="195">
        <v>0</v>
      </c>
      <c r="DA14" s="195">
        <v>0</v>
      </c>
      <c r="DB14" s="196">
        <v>1</v>
      </c>
      <c r="DC14" s="197">
        <v>1</v>
      </c>
      <c r="DD14" s="197">
        <v>0</v>
      </c>
      <c r="DE14" s="197">
        <v>4</v>
      </c>
      <c r="DF14" s="195">
        <v>32</v>
      </c>
      <c r="DG14" s="198">
        <v>38</v>
      </c>
      <c r="DH14" s="200">
        <v>38</v>
      </c>
      <c r="DI14" s="201">
        <v>0</v>
      </c>
      <c r="DJ14" s="195">
        <v>0</v>
      </c>
      <c r="DK14" s="195">
        <v>0</v>
      </c>
      <c r="DL14" s="196">
        <v>0</v>
      </c>
      <c r="DM14" s="197">
        <v>0</v>
      </c>
      <c r="DN14" s="197">
        <v>0</v>
      </c>
      <c r="DO14" s="197">
        <v>0</v>
      </c>
      <c r="DP14" s="195">
        <v>0</v>
      </c>
      <c r="DQ14" s="198">
        <v>0</v>
      </c>
      <c r="DR14" s="200">
        <v>0</v>
      </c>
      <c r="DS14" s="201">
        <v>0</v>
      </c>
      <c r="DT14" s="195">
        <v>0</v>
      </c>
      <c r="DU14" s="195">
        <v>0</v>
      </c>
      <c r="DV14" s="196">
        <v>106</v>
      </c>
      <c r="DW14" s="197">
        <v>169</v>
      </c>
      <c r="DX14" s="197">
        <v>521</v>
      </c>
      <c r="DY14" s="197">
        <v>683</v>
      </c>
      <c r="DZ14" s="195">
        <v>610</v>
      </c>
      <c r="EA14" s="198">
        <v>2089</v>
      </c>
      <c r="EB14" s="200">
        <v>2089</v>
      </c>
      <c r="EC14" s="37"/>
    </row>
    <row r="15" spans="2:133" ht="20.25" customHeight="1" x14ac:dyDescent="0.2">
      <c r="B15" s="62" t="s">
        <v>11</v>
      </c>
      <c r="C15" s="194">
        <v>0</v>
      </c>
      <c r="D15" s="195">
        <v>0</v>
      </c>
      <c r="E15" s="195">
        <v>0</v>
      </c>
      <c r="F15" s="196">
        <v>2</v>
      </c>
      <c r="G15" s="197">
        <v>6</v>
      </c>
      <c r="H15" s="197">
        <v>204</v>
      </c>
      <c r="I15" s="197">
        <v>340</v>
      </c>
      <c r="J15" s="195">
        <v>190</v>
      </c>
      <c r="K15" s="198">
        <v>742</v>
      </c>
      <c r="L15" s="199">
        <v>742</v>
      </c>
      <c r="M15" s="194">
        <v>0</v>
      </c>
      <c r="N15" s="195">
        <v>0</v>
      </c>
      <c r="O15" s="198">
        <v>0</v>
      </c>
      <c r="P15" s="196">
        <v>2</v>
      </c>
      <c r="Q15" s="197">
        <v>6</v>
      </c>
      <c r="R15" s="197">
        <v>204</v>
      </c>
      <c r="S15" s="197">
        <v>338</v>
      </c>
      <c r="T15" s="195">
        <v>189</v>
      </c>
      <c r="U15" s="198">
        <v>739</v>
      </c>
      <c r="V15" s="200">
        <v>739</v>
      </c>
      <c r="W15" s="201">
        <v>0</v>
      </c>
      <c r="X15" s="195">
        <v>0</v>
      </c>
      <c r="Y15" s="198">
        <v>0</v>
      </c>
      <c r="Z15" s="201">
        <v>0</v>
      </c>
      <c r="AA15" s="197">
        <v>0</v>
      </c>
      <c r="AB15" s="197">
        <v>0</v>
      </c>
      <c r="AC15" s="197">
        <v>2</v>
      </c>
      <c r="AD15" s="195">
        <v>1</v>
      </c>
      <c r="AE15" s="198">
        <v>3</v>
      </c>
      <c r="AF15" s="202">
        <v>3</v>
      </c>
      <c r="AG15" s="201">
        <v>0</v>
      </c>
      <c r="AH15" s="195">
        <v>0</v>
      </c>
      <c r="AI15" s="198">
        <v>0</v>
      </c>
      <c r="AJ15" s="201">
        <v>68</v>
      </c>
      <c r="AK15" s="197">
        <v>80</v>
      </c>
      <c r="AL15" s="197">
        <v>116</v>
      </c>
      <c r="AM15" s="197">
        <v>149</v>
      </c>
      <c r="AN15" s="195">
        <v>51</v>
      </c>
      <c r="AO15" s="198">
        <v>464</v>
      </c>
      <c r="AP15" s="202">
        <v>464</v>
      </c>
      <c r="AQ15" s="201">
        <v>0</v>
      </c>
      <c r="AR15" s="195">
        <v>0</v>
      </c>
      <c r="AS15" s="198">
        <v>0</v>
      </c>
      <c r="AT15" s="196">
        <v>67</v>
      </c>
      <c r="AU15" s="197">
        <v>79</v>
      </c>
      <c r="AV15" s="197">
        <v>113</v>
      </c>
      <c r="AW15" s="197">
        <v>148</v>
      </c>
      <c r="AX15" s="195">
        <v>51</v>
      </c>
      <c r="AY15" s="198">
        <v>458</v>
      </c>
      <c r="AZ15" s="199">
        <v>458</v>
      </c>
      <c r="BA15" s="194">
        <v>0</v>
      </c>
      <c r="BB15" s="195">
        <v>0</v>
      </c>
      <c r="BC15" s="195">
        <v>0</v>
      </c>
      <c r="BD15" s="196">
        <v>1</v>
      </c>
      <c r="BE15" s="197">
        <v>1</v>
      </c>
      <c r="BF15" s="197">
        <v>3</v>
      </c>
      <c r="BG15" s="197">
        <v>1</v>
      </c>
      <c r="BH15" s="195">
        <v>0</v>
      </c>
      <c r="BI15" s="198">
        <v>6</v>
      </c>
      <c r="BJ15" s="200">
        <v>6</v>
      </c>
      <c r="BK15" s="201">
        <v>0</v>
      </c>
      <c r="BL15" s="195">
        <v>0</v>
      </c>
      <c r="BM15" s="195">
        <v>0</v>
      </c>
      <c r="BN15" s="196">
        <v>0</v>
      </c>
      <c r="BO15" s="197">
        <v>0</v>
      </c>
      <c r="BP15" s="197">
        <v>0</v>
      </c>
      <c r="BQ15" s="197">
        <v>1</v>
      </c>
      <c r="BR15" s="195">
        <v>1</v>
      </c>
      <c r="BS15" s="198">
        <v>2</v>
      </c>
      <c r="BT15" s="199">
        <v>2</v>
      </c>
      <c r="BU15" s="194">
        <v>0</v>
      </c>
      <c r="BV15" s="195">
        <v>0</v>
      </c>
      <c r="BW15" s="195">
        <v>0</v>
      </c>
      <c r="BX15" s="196">
        <v>0</v>
      </c>
      <c r="BY15" s="197">
        <v>0</v>
      </c>
      <c r="BZ15" s="197">
        <v>0</v>
      </c>
      <c r="CA15" s="197">
        <v>1</v>
      </c>
      <c r="CB15" s="195">
        <v>1</v>
      </c>
      <c r="CC15" s="198">
        <v>2</v>
      </c>
      <c r="CD15" s="200">
        <v>2</v>
      </c>
      <c r="CE15" s="201">
        <v>0</v>
      </c>
      <c r="CF15" s="195">
        <v>0</v>
      </c>
      <c r="CG15" s="195">
        <v>0</v>
      </c>
      <c r="CH15" s="196">
        <v>0</v>
      </c>
      <c r="CI15" s="197">
        <v>0</v>
      </c>
      <c r="CJ15" s="197">
        <v>0</v>
      </c>
      <c r="CK15" s="197">
        <v>0</v>
      </c>
      <c r="CL15" s="195">
        <v>0</v>
      </c>
      <c r="CM15" s="198">
        <v>0</v>
      </c>
      <c r="CN15" s="200">
        <v>0</v>
      </c>
      <c r="CO15" s="201">
        <v>0</v>
      </c>
      <c r="CP15" s="195">
        <v>0</v>
      </c>
      <c r="CQ15" s="195">
        <v>0</v>
      </c>
      <c r="CR15" s="196">
        <v>3</v>
      </c>
      <c r="CS15" s="197">
        <v>6</v>
      </c>
      <c r="CT15" s="197">
        <v>6</v>
      </c>
      <c r="CU15" s="197">
        <v>8</v>
      </c>
      <c r="CV15" s="195">
        <v>19</v>
      </c>
      <c r="CW15" s="198">
        <v>42</v>
      </c>
      <c r="CX15" s="199">
        <v>42</v>
      </c>
      <c r="CY15" s="194">
        <v>0</v>
      </c>
      <c r="CZ15" s="195">
        <v>0</v>
      </c>
      <c r="DA15" s="195">
        <v>0</v>
      </c>
      <c r="DB15" s="196">
        <v>2</v>
      </c>
      <c r="DC15" s="197">
        <v>6</v>
      </c>
      <c r="DD15" s="197">
        <v>6</v>
      </c>
      <c r="DE15" s="197">
        <v>8</v>
      </c>
      <c r="DF15" s="195">
        <v>16</v>
      </c>
      <c r="DG15" s="198">
        <v>38</v>
      </c>
      <c r="DH15" s="200">
        <v>38</v>
      </c>
      <c r="DI15" s="201">
        <v>0</v>
      </c>
      <c r="DJ15" s="195">
        <v>0</v>
      </c>
      <c r="DK15" s="195">
        <v>0</v>
      </c>
      <c r="DL15" s="196">
        <v>1</v>
      </c>
      <c r="DM15" s="197">
        <v>0</v>
      </c>
      <c r="DN15" s="197">
        <v>0</v>
      </c>
      <c r="DO15" s="197">
        <v>0</v>
      </c>
      <c r="DP15" s="195">
        <v>3</v>
      </c>
      <c r="DQ15" s="198">
        <v>4</v>
      </c>
      <c r="DR15" s="200">
        <v>4</v>
      </c>
      <c r="DS15" s="201">
        <v>0</v>
      </c>
      <c r="DT15" s="195">
        <v>0</v>
      </c>
      <c r="DU15" s="195">
        <v>0</v>
      </c>
      <c r="DV15" s="196">
        <v>73</v>
      </c>
      <c r="DW15" s="197">
        <v>92</v>
      </c>
      <c r="DX15" s="197">
        <v>325</v>
      </c>
      <c r="DY15" s="197">
        <v>496</v>
      </c>
      <c r="DZ15" s="195">
        <v>261</v>
      </c>
      <c r="EA15" s="198">
        <v>1247</v>
      </c>
      <c r="EB15" s="200">
        <v>1247</v>
      </c>
      <c r="EC15" s="37"/>
    </row>
    <row r="16" spans="2:133" ht="20.25" customHeight="1" x14ac:dyDescent="0.2">
      <c r="B16" s="62" t="s">
        <v>12</v>
      </c>
      <c r="C16" s="194">
        <v>0</v>
      </c>
      <c r="D16" s="195">
        <v>0</v>
      </c>
      <c r="E16" s="195">
        <v>0</v>
      </c>
      <c r="F16" s="196">
        <v>3</v>
      </c>
      <c r="G16" s="197">
        <v>18</v>
      </c>
      <c r="H16" s="197">
        <v>173</v>
      </c>
      <c r="I16" s="197">
        <v>297</v>
      </c>
      <c r="J16" s="195">
        <v>235</v>
      </c>
      <c r="K16" s="198">
        <v>726</v>
      </c>
      <c r="L16" s="199">
        <v>726</v>
      </c>
      <c r="M16" s="194">
        <v>0</v>
      </c>
      <c r="N16" s="195">
        <v>0</v>
      </c>
      <c r="O16" s="198">
        <v>0</v>
      </c>
      <c r="P16" s="196">
        <v>3</v>
      </c>
      <c r="Q16" s="197">
        <v>18</v>
      </c>
      <c r="R16" s="197">
        <v>173</v>
      </c>
      <c r="S16" s="197">
        <v>295</v>
      </c>
      <c r="T16" s="195">
        <v>231</v>
      </c>
      <c r="U16" s="198">
        <v>720</v>
      </c>
      <c r="V16" s="200">
        <v>720</v>
      </c>
      <c r="W16" s="201">
        <v>0</v>
      </c>
      <c r="X16" s="195">
        <v>0</v>
      </c>
      <c r="Y16" s="198">
        <v>0</v>
      </c>
      <c r="Z16" s="201">
        <v>0</v>
      </c>
      <c r="AA16" s="197">
        <v>0</v>
      </c>
      <c r="AB16" s="197">
        <v>0</v>
      </c>
      <c r="AC16" s="197">
        <v>2</v>
      </c>
      <c r="AD16" s="195">
        <v>4</v>
      </c>
      <c r="AE16" s="198">
        <v>6</v>
      </c>
      <c r="AF16" s="202">
        <v>6</v>
      </c>
      <c r="AG16" s="201">
        <v>0</v>
      </c>
      <c r="AH16" s="195">
        <v>0</v>
      </c>
      <c r="AI16" s="198">
        <v>0</v>
      </c>
      <c r="AJ16" s="201">
        <v>45</v>
      </c>
      <c r="AK16" s="197">
        <v>74</v>
      </c>
      <c r="AL16" s="197">
        <v>157</v>
      </c>
      <c r="AM16" s="197">
        <v>166</v>
      </c>
      <c r="AN16" s="195">
        <v>65</v>
      </c>
      <c r="AO16" s="198">
        <v>507</v>
      </c>
      <c r="AP16" s="202">
        <v>507</v>
      </c>
      <c r="AQ16" s="201">
        <v>0</v>
      </c>
      <c r="AR16" s="195">
        <v>0</v>
      </c>
      <c r="AS16" s="198">
        <v>0</v>
      </c>
      <c r="AT16" s="196">
        <v>45</v>
      </c>
      <c r="AU16" s="197">
        <v>73</v>
      </c>
      <c r="AV16" s="197">
        <v>155</v>
      </c>
      <c r="AW16" s="197">
        <v>163</v>
      </c>
      <c r="AX16" s="195">
        <v>65</v>
      </c>
      <c r="AY16" s="198">
        <v>501</v>
      </c>
      <c r="AZ16" s="199">
        <v>501</v>
      </c>
      <c r="BA16" s="194">
        <v>0</v>
      </c>
      <c r="BB16" s="195">
        <v>0</v>
      </c>
      <c r="BC16" s="195">
        <v>0</v>
      </c>
      <c r="BD16" s="196">
        <v>0</v>
      </c>
      <c r="BE16" s="197">
        <v>1</v>
      </c>
      <c r="BF16" s="197">
        <v>2</v>
      </c>
      <c r="BG16" s="197">
        <v>3</v>
      </c>
      <c r="BH16" s="195">
        <v>0</v>
      </c>
      <c r="BI16" s="198">
        <v>6</v>
      </c>
      <c r="BJ16" s="200">
        <v>6</v>
      </c>
      <c r="BK16" s="201">
        <v>0</v>
      </c>
      <c r="BL16" s="195">
        <v>0</v>
      </c>
      <c r="BM16" s="195">
        <v>0</v>
      </c>
      <c r="BN16" s="196">
        <v>0</v>
      </c>
      <c r="BO16" s="197">
        <v>0</v>
      </c>
      <c r="BP16" s="197">
        <v>0</v>
      </c>
      <c r="BQ16" s="197">
        <v>0</v>
      </c>
      <c r="BR16" s="195">
        <v>1</v>
      </c>
      <c r="BS16" s="198">
        <v>1</v>
      </c>
      <c r="BT16" s="199">
        <v>1</v>
      </c>
      <c r="BU16" s="194">
        <v>0</v>
      </c>
      <c r="BV16" s="195">
        <v>0</v>
      </c>
      <c r="BW16" s="195">
        <v>0</v>
      </c>
      <c r="BX16" s="196">
        <v>0</v>
      </c>
      <c r="BY16" s="197">
        <v>0</v>
      </c>
      <c r="BZ16" s="197">
        <v>0</v>
      </c>
      <c r="CA16" s="197">
        <v>0</v>
      </c>
      <c r="CB16" s="195">
        <v>1</v>
      </c>
      <c r="CC16" s="198">
        <v>1</v>
      </c>
      <c r="CD16" s="200">
        <v>1</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2</v>
      </c>
      <c r="CT16" s="197">
        <v>2</v>
      </c>
      <c r="CU16" s="197">
        <v>15</v>
      </c>
      <c r="CV16" s="195">
        <v>12</v>
      </c>
      <c r="CW16" s="198">
        <v>31</v>
      </c>
      <c r="CX16" s="199">
        <v>31</v>
      </c>
      <c r="CY16" s="194">
        <v>0</v>
      </c>
      <c r="CZ16" s="195">
        <v>0</v>
      </c>
      <c r="DA16" s="195">
        <v>0</v>
      </c>
      <c r="DB16" s="196">
        <v>0</v>
      </c>
      <c r="DC16" s="197">
        <v>2</v>
      </c>
      <c r="DD16" s="197">
        <v>2</v>
      </c>
      <c r="DE16" s="197">
        <v>15</v>
      </c>
      <c r="DF16" s="195">
        <v>12</v>
      </c>
      <c r="DG16" s="198">
        <v>31</v>
      </c>
      <c r="DH16" s="200">
        <v>31</v>
      </c>
      <c r="DI16" s="201">
        <v>0</v>
      </c>
      <c r="DJ16" s="195">
        <v>0</v>
      </c>
      <c r="DK16" s="195">
        <v>0</v>
      </c>
      <c r="DL16" s="196">
        <v>0</v>
      </c>
      <c r="DM16" s="197">
        <v>0</v>
      </c>
      <c r="DN16" s="197">
        <v>0</v>
      </c>
      <c r="DO16" s="197">
        <v>0</v>
      </c>
      <c r="DP16" s="195">
        <v>0</v>
      </c>
      <c r="DQ16" s="198">
        <v>0</v>
      </c>
      <c r="DR16" s="200">
        <v>0</v>
      </c>
      <c r="DS16" s="201">
        <v>0</v>
      </c>
      <c r="DT16" s="195">
        <v>0</v>
      </c>
      <c r="DU16" s="195">
        <v>0</v>
      </c>
      <c r="DV16" s="196">
        <v>48</v>
      </c>
      <c r="DW16" s="197">
        <v>94</v>
      </c>
      <c r="DX16" s="197">
        <v>329</v>
      </c>
      <c r="DY16" s="197">
        <v>478</v>
      </c>
      <c r="DZ16" s="195">
        <v>312</v>
      </c>
      <c r="EA16" s="198">
        <v>1261</v>
      </c>
      <c r="EB16" s="200">
        <v>1261</v>
      </c>
      <c r="EC16" s="37"/>
    </row>
    <row r="17" spans="2:133" ht="20.25" customHeight="1" x14ac:dyDescent="0.2">
      <c r="B17" s="62" t="s">
        <v>13</v>
      </c>
      <c r="C17" s="194">
        <v>0</v>
      </c>
      <c r="D17" s="195">
        <v>0</v>
      </c>
      <c r="E17" s="195">
        <v>0</v>
      </c>
      <c r="F17" s="196">
        <v>3</v>
      </c>
      <c r="G17" s="197">
        <v>3</v>
      </c>
      <c r="H17" s="197">
        <v>63</v>
      </c>
      <c r="I17" s="197">
        <v>145</v>
      </c>
      <c r="J17" s="195">
        <v>122</v>
      </c>
      <c r="K17" s="198">
        <v>336</v>
      </c>
      <c r="L17" s="199">
        <v>336</v>
      </c>
      <c r="M17" s="194">
        <v>0</v>
      </c>
      <c r="N17" s="195">
        <v>0</v>
      </c>
      <c r="O17" s="198">
        <v>0</v>
      </c>
      <c r="P17" s="196">
        <v>3</v>
      </c>
      <c r="Q17" s="197">
        <v>3</v>
      </c>
      <c r="R17" s="197">
        <v>63</v>
      </c>
      <c r="S17" s="197">
        <v>145</v>
      </c>
      <c r="T17" s="195">
        <v>121</v>
      </c>
      <c r="U17" s="198">
        <v>335</v>
      </c>
      <c r="V17" s="200">
        <v>335</v>
      </c>
      <c r="W17" s="201">
        <v>0</v>
      </c>
      <c r="X17" s="195">
        <v>0</v>
      </c>
      <c r="Y17" s="198">
        <v>0</v>
      </c>
      <c r="Z17" s="201">
        <v>0</v>
      </c>
      <c r="AA17" s="197">
        <v>0</v>
      </c>
      <c r="AB17" s="197">
        <v>0</v>
      </c>
      <c r="AC17" s="197">
        <v>0</v>
      </c>
      <c r="AD17" s="195">
        <v>1</v>
      </c>
      <c r="AE17" s="198">
        <v>1</v>
      </c>
      <c r="AF17" s="202">
        <v>1</v>
      </c>
      <c r="AG17" s="201">
        <v>0</v>
      </c>
      <c r="AH17" s="195">
        <v>0</v>
      </c>
      <c r="AI17" s="198">
        <v>0</v>
      </c>
      <c r="AJ17" s="201">
        <v>13</v>
      </c>
      <c r="AK17" s="197">
        <v>28</v>
      </c>
      <c r="AL17" s="197">
        <v>35</v>
      </c>
      <c r="AM17" s="197">
        <v>22</v>
      </c>
      <c r="AN17" s="195">
        <v>22</v>
      </c>
      <c r="AO17" s="198">
        <v>120</v>
      </c>
      <c r="AP17" s="202">
        <v>120</v>
      </c>
      <c r="AQ17" s="201">
        <v>0</v>
      </c>
      <c r="AR17" s="195">
        <v>0</v>
      </c>
      <c r="AS17" s="198">
        <v>0</v>
      </c>
      <c r="AT17" s="196">
        <v>13</v>
      </c>
      <c r="AU17" s="197">
        <v>28</v>
      </c>
      <c r="AV17" s="197">
        <v>33</v>
      </c>
      <c r="AW17" s="197">
        <v>21</v>
      </c>
      <c r="AX17" s="195">
        <v>21</v>
      </c>
      <c r="AY17" s="198">
        <v>116</v>
      </c>
      <c r="AZ17" s="199">
        <v>116</v>
      </c>
      <c r="BA17" s="194">
        <v>0</v>
      </c>
      <c r="BB17" s="195">
        <v>0</v>
      </c>
      <c r="BC17" s="195">
        <v>0</v>
      </c>
      <c r="BD17" s="196">
        <v>0</v>
      </c>
      <c r="BE17" s="197">
        <v>0</v>
      </c>
      <c r="BF17" s="197">
        <v>2</v>
      </c>
      <c r="BG17" s="197">
        <v>1</v>
      </c>
      <c r="BH17" s="195">
        <v>1</v>
      </c>
      <c r="BI17" s="198">
        <v>4</v>
      </c>
      <c r="BJ17" s="200">
        <v>4</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0</v>
      </c>
      <c r="CW17" s="198">
        <v>0</v>
      </c>
      <c r="CX17" s="199">
        <v>0</v>
      </c>
      <c r="CY17" s="194">
        <v>0</v>
      </c>
      <c r="CZ17" s="195">
        <v>0</v>
      </c>
      <c r="DA17" s="195">
        <v>0</v>
      </c>
      <c r="DB17" s="196">
        <v>0</v>
      </c>
      <c r="DC17" s="197">
        <v>0</v>
      </c>
      <c r="DD17" s="197">
        <v>0</v>
      </c>
      <c r="DE17" s="197">
        <v>0</v>
      </c>
      <c r="DF17" s="195">
        <v>0</v>
      </c>
      <c r="DG17" s="198">
        <v>0</v>
      </c>
      <c r="DH17" s="200">
        <v>0</v>
      </c>
      <c r="DI17" s="201">
        <v>0</v>
      </c>
      <c r="DJ17" s="195">
        <v>0</v>
      </c>
      <c r="DK17" s="195">
        <v>0</v>
      </c>
      <c r="DL17" s="196">
        <v>0</v>
      </c>
      <c r="DM17" s="197">
        <v>0</v>
      </c>
      <c r="DN17" s="197">
        <v>0</v>
      </c>
      <c r="DO17" s="197">
        <v>0</v>
      </c>
      <c r="DP17" s="195">
        <v>0</v>
      </c>
      <c r="DQ17" s="198">
        <v>0</v>
      </c>
      <c r="DR17" s="200">
        <v>0</v>
      </c>
      <c r="DS17" s="201">
        <v>0</v>
      </c>
      <c r="DT17" s="195">
        <v>0</v>
      </c>
      <c r="DU17" s="195">
        <v>0</v>
      </c>
      <c r="DV17" s="196">
        <v>16</v>
      </c>
      <c r="DW17" s="197">
        <v>31</v>
      </c>
      <c r="DX17" s="197">
        <v>98</v>
      </c>
      <c r="DY17" s="197">
        <v>167</v>
      </c>
      <c r="DZ17" s="195">
        <v>144</v>
      </c>
      <c r="EA17" s="198">
        <v>456</v>
      </c>
      <c r="EB17" s="200">
        <v>456</v>
      </c>
      <c r="EC17" s="37"/>
    </row>
    <row r="18" spans="2:133" ht="20.25" customHeight="1" x14ac:dyDescent="0.2">
      <c r="B18" s="62" t="s">
        <v>15</v>
      </c>
      <c r="C18" s="194">
        <v>0</v>
      </c>
      <c r="D18" s="195">
        <v>0</v>
      </c>
      <c r="E18" s="195">
        <v>0</v>
      </c>
      <c r="F18" s="196">
        <v>0</v>
      </c>
      <c r="G18" s="197">
        <v>1</v>
      </c>
      <c r="H18" s="197">
        <v>79</v>
      </c>
      <c r="I18" s="197">
        <v>132</v>
      </c>
      <c r="J18" s="195">
        <v>72</v>
      </c>
      <c r="K18" s="198">
        <v>284</v>
      </c>
      <c r="L18" s="199">
        <v>284</v>
      </c>
      <c r="M18" s="194">
        <v>0</v>
      </c>
      <c r="N18" s="195">
        <v>0</v>
      </c>
      <c r="O18" s="198">
        <v>0</v>
      </c>
      <c r="P18" s="196">
        <v>0</v>
      </c>
      <c r="Q18" s="197">
        <v>1</v>
      </c>
      <c r="R18" s="197">
        <v>79</v>
      </c>
      <c r="S18" s="197">
        <v>131</v>
      </c>
      <c r="T18" s="195">
        <v>70</v>
      </c>
      <c r="U18" s="198">
        <v>281</v>
      </c>
      <c r="V18" s="200">
        <v>281</v>
      </c>
      <c r="W18" s="201">
        <v>0</v>
      </c>
      <c r="X18" s="195">
        <v>0</v>
      </c>
      <c r="Y18" s="198">
        <v>0</v>
      </c>
      <c r="Z18" s="201">
        <v>0</v>
      </c>
      <c r="AA18" s="197">
        <v>0</v>
      </c>
      <c r="AB18" s="197">
        <v>0</v>
      </c>
      <c r="AC18" s="197">
        <v>1</v>
      </c>
      <c r="AD18" s="195">
        <v>2</v>
      </c>
      <c r="AE18" s="198">
        <v>3</v>
      </c>
      <c r="AF18" s="202">
        <v>3</v>
      </c>
      <c r="AG18" s="201">
        <v>0</v>
      </c>
      <c r="AH18" s="195">
        <v>0</v>
      </c>
      <c r="AI18" s="198">
        <v>0</v>
      </c>
      <c r="AJ18" s="201">
        <v>26</v>
      </c>
      <c r="AK18" s="197">
        <v>34</v>
      </c>
      <c r="AL18" s="197">
        <v>50</v>
      </c>
      <c r="AM18" s="197">
        <v>47</v>
      </c>
      <c r="AN18" s="195">
        <v>26</v>
      </c>
      <c r="AO18" s="198">
        <v>183</v>
      </c>
      <c r="AP18" s="202">
        <v>183</v>
      </c>
      <c r="AQ18" s="201">
        <v>0</v>
      </c>
      <c r="AR18" s="195">
        <v>0</v>
      </c>
      <c r="AS18" s="198">
        <v>0</v>
      </c>
      <c r="AT18" s="196">
        <v>25</v>
      </c>
      <c r="AU18" s="197">
        <v>34</v>
      </c>
      <c r="AV18" s="197">
        <v>50</v>
      </c>
      <c r="AW18" s="197">
        <v>45</v>
      </c>
      <c r="AX18" s="195">
        <v>25</v>
      </c>
      <c r="AY18" s="198">
        <v>179</v>
      </c>
      <c r="AZ18" s="199">
        <v>179</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1</v>
      </c>
      <c r="BS18" s="198">
        <v>1</v>
      </c>
      <c r="BT18" s="199">
        <v>1</v>
      </c>
      <c r="BU18" s="194">
        <v>0</v>
      </c>
      <c r="BV18" s="195">
        <v>0</v>
      </c>
      <c r="BW18" s="195">
        <v>0</v>
      </c>
      <c r="BX18" s="196">
        <v>0</v>
      </c>
      <c r="BY18" s="197">
        <v>0</v>
      </c>
      <c r="BZ18" s="197">
        <v>0</v>
      </c>
      <c r="CA18" s="197">
        <v>0</v>
      </c>
      <c r="CB18" s="195">
        <v>1</v>
      </c>
      <c r="CC18" s="198">
        <v>1</v>
      </c>
      <c r="CD18" s="200">
        <v>1</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6</v>
      </c>
      <c r="DW18" s="197">
        <v>35</v>
      </c>
      <c r="DX18" s="197">
        <v>129</v>
      </c>
      <c r="DY18" s="197">
        <v>179</v>
      </c>
      <c r="DZ18" s="195">
        <v>99</v>
      </c>
      <c r="EA18" s="198">
        <v>468</v>
      </c>
      <c r="EB18" s="200">
        <v>468</v>
      </c>
      <c r="EC18" s="37"/>
    </row>
    <row r="19" spans="2:133" ht="20.25" customHeight="1" x14ac:dyDescent="0.2">
      <c r="B19" s="62" t="s">
        <v>16</v>
      </c>
      <c r="C19" s="194">
        <v>0</v>
      </c>
      <c r="D19" s="195">
        <v>0</v>
      </c>
      <c r="E19" s="195">
        <v>0</v>
      </c>
      <c r="F19" s="196">
        <v>6</v>
      </c>
      <c r="G19" s="197">
        <v>25</v>
      </c>
      <c r="H19" s="197">
        <v>194</v>
      </c>
      <c r="I19" s="197">
        <v>284</v>
      </c>
      <c r="J19" s="195">
        <v>199</v>
      </c>
      <c r="K19" s="198">
        <v>708</v>
      </c>
      <c r="L19" s="199">
        <v>708</v>
      </c>
      <c r="M19" s="194">
        <v>0</v>
      </c>
      <c r="N19" s="195">
        <v>0</v>
      </c>
      <c r="O19" s="198">
        <v>0</v>
      </c>
      <c r="P19" s="196">
        <v>6</v>
      </c>
      <c r="Q19" s="197">
        <v>24</v>
      </c>
      <c r="R19" s="197">
        <v>194</v>
      </c>
      <c r="S19" s="197">
        <v>282</v>
      </c>
      <c r="T19" s="195">
        <v>195</v>
      </c>
      <c r="U19" s="198">
        <v>701</v>
      </c>
      <c r="V19" s="200">
        <v>701</v>
      </c>
      <c r="W19" s="201">
        <v>0</v>
      </c>
      <c r="X19" s="195">
        <v>0</v>
      </c>
      <c r="Y19" s="198">
        <v>0</v>
      </c>
      <c r="Z19" s="201">
        <v>0</v>
      </c>
      <c r="AA19" s="197">
        <v>1</v>
      </c>
      <c r="AB19" s="197">
        <v>0</v>
      </c>
      <c r="AC19" s="197">
        <v>2</v>
      </c>
      <c r="AD19" s="195">
        <v>4</v>
      </c>
      <c r="AE19" s="198">
        <v>7</v>
      </c>
      <c r="AF19" s="202">
        <v>7</v>
      </c>
      <c r="AG19" s="201">
        <v>0</v>
      </c>
      <c r="AH19" s="195">
        <v>0</v>
      </c>
      <c r="AI19" s="198">
        <v>0</v>
      </c>
      <c r="AJ19" s="201">
        <v>62</v>
      </c>
      <c r="AK19" s="197">
        <v>93</v>
      </c>
      <c r="AL19" s="197">
        <v>131</v>
      </c>
      <c r="AM19" s="197">
        <v>146</v>
      </c>
      <c r="AN19" s="195">
        <v>45</v>
      </c>
      <c r="AO19" s="198">
        <v>477</v>
      </c>
      <c r="AP19" s="202">
        <v>477</v>
      </c>
      <c r="AQ19" s="201">
        <v>0</v>
      </c>
      <c r="AR19" s="195">
        <v>0</v>
      </c>
      <c r="AS19" s="198">
        <v>0</v>
      </c>
      <c r="AT19" s="196">
        <v>62</v>
      </c>
      <c r="AU19" s="197">
        <v>92</v>
      </c>
      <c r="AV19" s="197">
        <v>130</v>
      </c>
      <c r="AW19" s="197">
        <v>145</v>
      </c>
      <c r="AX19" s="195">
        <v>44</v>
      </c>
      <c r="AY19" s="198">
        <v>473</v>
      </c>
      <c r="AZ19" s="199">
        <v>473</v>
      </c>
      <c r="BA19" s="194">
        <v>0</v>
      </c>
      <c r="BB19" s="195">
        <v>0</v>
      </c>
      <c r="BC19" s="195">
        <v>0</v>
      </c>
      <c r="BD19" s="196">
        <v>0</v>
      </c>
      <c r="BE19" s="197">
        <v>1</v>
      </c>
      <c r="BF19" s="197">
        <v>1</v>
      </c>
      <c r="BG19" s="197">
        <v>1</v>
      </c>
      <c r="BH19" s="195">
        <v>1</v>
      </c>
      <c r="BI19" s="198">
        <v>4</v>
      </c>
      <c r="BJ19" s="200">
        <v>4</v>
      </c>
      <c r="BK19" s="201">
        <v>0</v>
      </c>
      <c r="BL19" s="195">
        <v>0</v>
      </c>
      <c r="BM19" s="195">
        <v>0</v>
      </c>
      <c r="BN19" s="196">
        <v>0</v>
      </c>
      <c r="BO19" s="197">
        <v>0</v>
      </c>
      <c r="BP19" s="197">
        <v>0</v>
      </c>
      <c r="BQ19" s="197">
        <v>0</v>
      </c>
      <c r="BR19" s="195">
        <v>3</v>
      </c>
      <c r="BS19" s="198">
        <v>3</v>
      </c>
      <c r="BT19" s="199">
        <v>3</v>
      </c>
      <c r="BU19" s="194">
        <v>0</v>
      </c>
      <c r="BV19" s="195">
        <v>0</v>
      </c>
      <c r="BW19" s="195">
        <v>0</v>
      </c>
      <c r="BX19" s="196">
        <v>0</v>
      </c>
      <c r="BY19" s="197">
        <v>0</v>
      </c>
      <c r="BZ19" s="197">
        <v>0</v>
      </c>
      <c r="CA19" s="197">
        <v>0</v>
      </c>
      <c r="CB19" s="195">
        <v>3</v>
      </c>
      <c r="CC19" s="198">
        <v>3</v>
      </c>
      <c r="CD19" s="200">
        <v>3</v>
      </c>
      <c r="CE19" s="201">
        <v>0</v>
      </c>
      <c r="CF19" s="195">
        <v>0</v>
      </c>
      <c r="CG19" s="195">
        <v>0</v>
      </c>
      <c r="CH19" s="196">
        <v>0</v>
      </c>
      <c r="CI19" s="197">
        <v>0</v>
      </c>
      <c r="CJ19" s="197">
        <v>0</v>
      </c>
      <c r="CK19" s="197">
        <v>0</v>
      </c>
      <c r="CL19" s="195">
        <v>0</v>
      </c>
      <c r="CM19" s="198">
        <v>0</v>
      </c>
      <c r="CN19" s="200">
        <v>0</v>
      </c>
      <c r="CO19" s="201">
        <v>0</v>
      </c>
      <c r="CP19" s="195">
        <v>0</v>
      </c>
      <c r="CQ19" s="195">
        <v>0</v>
      </c>
      <c r="CR19" s="196">
        <v>1</v>
      </c>
      <c r="CS19" s="197">
        <v>0</v>
      </c>
      <c r="CT19" s="197">
        <v>3</v>
      </c>
      <c r="CU19" s="197">
        <v>14</v>
      </c>
      <c r="CV19" s="195">
        <v>13</v>
      </c>
      <c r="CW19" s="198">
        <v>31</v>
      </c>
      <c r="CX19" s="199">
        <v>31</v>
      </c>
      <c r="CY19" s="194">
        <v>0</v>
      </c>
      <c r="CZ19" s="195">
        <v>0</v>
      </c>
      <c r="DA19" s="195">
        <v>0</v>
      </c>
      <c r="DB19" s="196">
        <v>1</v>
      </c>
      <c r="DC19" s="197">
        <v>0</v>
      </c>
      <c r="DD19" s="197">
        <v>3</v>
      </c>
      <c r="DE19" s="197">
        <v>14</v>
      </c>
      <c r="DF19" s="195">
        <v>13</v>
      </c>
      <c r="DG19" s="198">
        <v>31</v>
      </c>
      <c r="DH19" s="200">
        <v>31</v>
      </c>
      <c r="DI19" s="201">
        <v>0</v>
      </c>
      <c r="DJ19" s="195">
        <v>0</v>
      </c>
      <c r="DK19" s="195">
        <v>0</v>
      </c>
      <c r="DL19" s="196">
        <v>0</v>
      </c>
      <c r="DM19" s="197">
        <v>0</v>
      </c>
      <c r="DN19" s="197">
        <v>0</v>
      </c>
      <c r="DO19" s="197">
        <v>0</v>
      </c>
      <c r="DP19" s="195">
        <v>0</v>
      </c>
      <c r="DQ19" s="198">
        <v>0</v>
      </c>
      <c r="DR19" s="200">
        <v>0</v>
      </c>
      <c r="DS19" s="201">
        <v>0</v>
      </c>
      <c r="DT19" s="195">
        <v>0</v>
      </c>
      <c r="DU19" s="195">
        <v>0</v>
      </c>
      <c r="DV19" s="196">
        <v>69</v>
      </c>
      <c r="DW19" s="197">
        <v>118</v>
      </c>
      <c r="DX19" s="197">
        <v>327</v>
      </c>
      <c r="DY19" s="197">
        <v>443</v>
      </c>
      <c r="DZ19" s="195">
        <v>260</v>
      </c>
      <c r="EA19" s="198">
        <v>1217</v>
      </c>
      <c r="EB19" s="200">
        <v>1217</v>
      </c>
      <c r="EC19" s="37"/>
    </row>
    <row r="20" spans="2:133" ht="20.25" customHeight="1" x14ac:dyDescent="0.2">
      <c r="B20" s="62" t="s">
        <v>17</v>
      </c>
      <c r="C20" s="194">
        <v>0</v>
      </c>
      <c r="D20" s="195">
        <v>0</v>
      </c>
      <c r="E20" s="195">
        <v>0</v>
      </c>
      <c r="F20" s="196">
        <v>6</v>
      </c>
      <c r="G20" s="197">
        <v>14</v>
      </c>
      <c r="H20" s="197">
        <v>208</v>
      </c>
      <c r="I20" s="197">
        <v>274</v>
      </c>
      <c r="J20" s="195">
        <v>200</v>
      </c>
      <c r="K20" s="198">
        <v>702</v>
      </c>
      <c r="L20" s="199">
        <v>702</v>
      </c>
      <c r="M20" s="194">
        <v>0</v>
      </c>
      <c r="N20" s="195">
        <v>0</v>
      </c>
      <c r="O20" s="198">
        <v>0</v>
      </c>
      <c r="P20" s="196">
        <v>6</v>
      </c>
      <c r="Q20" s="197">
        <v>14</v>
      </c>
      <c r="R20" s="197">
        <v>207</v>
      </c>
      <c r="S20" s="197">
        <v>273</v>
      </c>
      <c r="T20" s="195">
        <v>198</v>
      </c>
      <c r="U20" s="198">
        <v>698</v>
      </c>
      <c r="V20" s="200">
        <v>698</v>
      </c>
      <c r="W20" s="201">
        <v>0</v>
      </c>
      <c r="X20" s="195">
        <v>0</v>
      </c>
      <c r="Y20" s="198">
        <v>0</v>
      </c>
      <c r="Z20" s="201">
        <v>0</v>
      </c>
      <c r="AA20" s="197">
        <v>0</v>
      </c>
      <c r="AB20" s="197">
        <v>1</v>
      </c>
      <c r="AC20" s="197">
        <v>1</v>
      </c>
      <c r="AD20" s="195">
        <v>2</v>
      </c>
      <c r="AE20" s="198">
        <v>4</v>
      </c>
      <c r="AF20" s="202">
        <v>4</v>
      </c>
      <c r="AG20" s="201">
        <v>0</v>
      </c>
      <c r="AH20" s="195">
        <v>0</v>
      </c>
      <c r="AI20" s="198">
        <v>0</v>
      </c>
      <c r="AJ20" s="201">
        <v>38</v>
      </c>
      <c r="AK20" s="197">
        <v>102</v>
      </c>
      <c r="AL20" s="197">
        <v>131</v>
      </c>
      <c r="AM20" s="197">
        <v>131</v>
      </c>
      <c r="AN20" s="195">
        <v>71</v>
      </c>
      <c r="AO20" s="198">
        <v>473</v>
      </c>
      <c r="AP20" s="202">
        <v>473</v>
      </c>
      <c r="AQ20" s="201">
        <v>0</v>
      </c>
      <c r="AR20" s="195">
        <v>0</v>
      </c>
      <c r="AS20" s="198">
        <v>0</v>
      </c>
      <c r="AT20" s="196">
        <v>36</v>
      </c>
      <c r="AU20" s="197">
        <v>101</v>
      </c>
      <c r="AV20" s="197">
        <v>127</v>
      </c>
      <c r="AW20" s="197">
        <v>128</v>
      </c>
      <c r="AX20" s="195">
        <v>69</v>
      </c>
      <c r="AY20" s="198">
        <v>461</v>
      </c>
      <c r="AZ20" s="199">
        <v>461</v>
      </c>
      <c r="BA20" s="194">
        <v>0</v>
      </c>
      <c r="BB20" s="195">
        <v>0</v>
      </c>
      <c r="BC20" s="195">
        <v>0</v>
      </c>
      <c r="BD20" s="196">
        <v>2</v>
      </c>
      <c r="BE20" s="197">
        <v>1</v>
      </c>
      <c r="BF20" s="197">
        <v>4</v>
      </c>
      <c r="BG20" s="197">
        <v>3</v>
      </c>
      <c r="BH20" s="195">
        <v>2</v>
      </c>
      <c r="BI20" s="198">
        <v>12</v>
      </c>
      <c r="BJ20" s="200">
        <v>12</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4</v>
      </c>
      <c r="CV20" s="195">
        <v>14</v>
      </c>
      <c r="CW20" s="198">
        <v>19</v>
      </c>
      <c r="CX20" s="199">
        <v>19</v>
      </c>
      <c r="CY20" s="194">
        <v>0</v>
      </c>
      <c r="CZ20" s="195">
        <v>0</v>
      </c>
      <c r="DA20" s="195">
        <v>0</v>
      </c>
      <c r="DB20" s="196">
        <v>0</v>
      </c>
      <c r="DC20" s="197">
        <v>0</v>
      </c>
      <c r="DD20" s="197">
        <v>1</v>
      </c>
      <c r="DE20" s="197">
        <v>4</v>
      </c>
      <c r="DF20" s="195">
        <v>13</v>
      </c>
      <c r="DG20" s="198">
        <v>18</v>
      </c>
      <c r="DH20" s="200">
        <v>18</v>
      </c>
      <c r="DI20" s="201">
        <v>0</v>
      </c>
      <c r="DJ20" s="195">
        <v>0</v>
      </c>
      <c r="DK20" s="195">
        <v>0</v>
      </c>
      <c r="DL20" s="196">
        <v>0</v>
      </c>
      <c r="DM20" s="197">
        <v>0</v>
      </c>
      <c r="DN20" s="197">
        <v>0</v>
      </c>
      <c r="DO20" s="197">
        <v>0</v>
      </c>
      <c r="DP20" s="195">
        <v>1</v>
      </c>
      <c r="DQ20" s="198">
        <v>1</v>
      </c>
      <c r="DR20" s="200">
        <v>1</v>
      </c>
      <c r="DS20" s="201">
        <v>0</v>
      </c>
      <c r="DT20" s="195">
        <v>0</v>
      </c>
      <c r="DU20" s="195">
        <v>0</v>
      </c>
      <c r="DV20" s="196">
        <v>44</v>
      </c>
      <c r="DW20" s="197">
        <v>116</v>
      </c>
      <c r="DX20" s="197">
        <v>340</v>
      </c>
      <c r="DY20" s="197">
        <v>409</v>
      </c>
      <c r="DZ20" s="195">
        <v>289</v>
      </c>
      <c r="EA20" s="198">
        <v>1198</v>
      </c>
      <c r="EB20" s="200">
        <v>1198</v>
      </c>
      <c r="EC20" s="37"/>
    </row>
    <row r="21" spans="2:133" ht="20.25" customHeight="1" x14ac:dyDescent="0.2">
      <c r="B21" s="62" t="s">
        <v>18</v>
      </c>
      <c r="C21" s="194">
        <v>0</v>
      </c>
      <c r="D21" s="195">
        <v>0</v>
      </c>
      <c r="E21" s="195">
        <v>0</v>
      </c>
      <c r="F21" s="196">
        <v>5</v>
      </c>
      <c r="G21" s="197">
        <v>15</v>
      </c>
      <c r="H21" s="197">
        <v>184</v>
      </c>
      <c r="I21" s="197">
        <v>371</v>
      </c>
      <c r="J21" s="195">
        <v>263</v>
      </c>
      <c r="K21" s="198">
        <v>838</v>
      </c>
      <c r="L21" s="199">
        <v>838</v>
      </c>
      <c r="M21" s="194">
        <v>0</v>
      </c>
      <c r="N21" s="195">
        <v>0</v>
      </c>
      <c r="O21" s="198">
        <v>0</v>
      </c>
      <c r="P21" s="196">
        <v>5</v>
      </c>
      <c r="Q21" s="197">
        <v>15</v>
      </c>
      <c r="R21" s="197">
        <v>180</v>
      </c>
      <c r="S21" s="197">
        <v>369</v>
      </c>
      <c r="T21" s="195">
        <v>260</v>
      </c>
      <c r="U21" s="198">
        <v>829</v>
      </c>
      <c r="V21" s="200">
        <v>829</v>
      </c>
      <c r="W21" s="201">
        <v>0</v>
      </c>
      <c r="X21" s="195">
        <v>0</v>
      </c>
      <c r="Y21" s="198">
        <v>0</v>
      </c>
      <c r="Z21" s="201">
        <v>0</v>
      </c>
      <c r="AA21" s="197">
        <v>0</v>
      </c>
      <c r="AB21" s="197">
        <v>4</v>
      </c>
      <c r="AC21" s="197">
        <v>2</v>
      </c>
      <c r="AD21" s="195">
        <v>3</v>
      </c>
      <c r="AE21" s="198">
        <v>9</v>
      </c>
      <c r="AF21" s="202">
        <v>9</v>
      </c>
      <c r="AG21" s="201">
        <v>0</v>
      </c>
      <c r="AH21" s="195">
        <v>0</v>
      </c>
      <c r="AI21" s="198">
        <v>0</v>
      </c>
      <c r="AJ21" s="201">
        <v>36</v>
      </c>
      <c r="AK21" s="197">
        <v>63</v>
      </c>
      <c r="AL21" s="197">
        <v>110</v>
      </c>
      <c r="AM21" s="197">
        <v>119</v>
      </c>
      <c r="AN21" s="195">
        <v>80</v>
      </c>
      <c r="AO21" s="198">
        <v>408</v>
      </c>
      <c r="AP21" s="202">
        <v>408</v>
      </c>
      <c r="AQ21" s="201">
        <v>0</v>
      </c>
      <c r="AR21" s="195">
        <v>0</v>
      </c>
      <c r="AS21" s="198">
        <v>0</v>
      </c>
      <c r="AT21" s="196">
        <v>36</v>
      </c>
      <c r="AU21" s="197">
        <v>62</v>
      </c>
      <c r="AV21" s="197">
        <v>106</v>
      </c>
      <c r="AW21" s="197">
        <v>117</v>
      </c>
      <c r="AX21" s="195">
        <v>79</v>
      </c>
      <c r="AY21" s="198">
        <v>400</v>
      </c>
      <c r="AZ21" s="199">
        <v>400</v>
      </c>
      <c r="BA21" s="194">
        <v>0</v>
      </c>
      <c r="BB21" s="195">
        <v>0</v>
      </c>
      <c r="BC21" s="195">
        <v>0</v>
      </c>
      <c r="BD21" s="196">
        <v>0</v>
      </c>
      <c r="BE21" s="197">
        <v>1</v>
      </c>
      <c r="BF21" s="197">
        <v>4</v>
      </c>
      <c r="BG21" s="197">
        <v>2</v>
      </c>
      <c r="BH21" s="195">
        <v>1</v>
      </c>
      <c r="BI21" s="198">
        <v>8</v>
      </c>
      <c r="BJ21" s="200">
        <v>8</v>
      </c>
      <c r="BK21" s="201">
        <v>0</v>
      </c>
      <c r="BL21" s="195">
        <v>0</v>
      </c>
      <c r="BM21" s="195">
        <v>0</v>
      </c>
      <c r="BN21" s="196">
        <v>0</v>
      </c>
      <c r="BO21" s="197">
        <v>0</v>
      </c>
      <c r="BP21" s="197">
        <v>0</v>
      </c>
      <c r="BQ21" s="197">
        <v>1</v>
      </c>
      <c r="BR21" s="195">
        <v>8</v>
      </c>
      <c r="BS21" s="198">
        <v>9</v>
      </c>
      <c r="BT21" s="199">
        <v>9</v>
      </c>
      <c r="BU21" s="194">
        <v>0</v>
      </c>
      <c r="BV21" s="195">
        <v>0</v>
      </c>
      <c r="BW21" s="195">
        <v>0</v>
      </c>
      <c r="BX21" s="196">
        <v>0</v>
      </c>
      <c r="BY21" s="197">
        <v>0</v>
      </c>
      <c r="BZ21" s="197">
        <v>0</v>
      </c>
      <c r="CA21" s="197">
        <v>1</v>
      </c>
      <c r="CB21" s="195">
        <v>8</v>
      </c>
      <c r="CC21" s="198">
        <v>9</v>
      </c>
      <c r="CD21" s="200">
        <v>9</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10</v>
      </c>
      <c r="CV21" s="195">
        <v>17</v>
      </c>
      <c r="CW21" s="198">
        <v>28</v>
      </c>
      <c r="CX21" s="199">
        <v>28</v>
      </c>
      <c r="CY21" s="194">
        <v>0</v>
      </c>
      <c r="CZ21" s="195">
        <v>0</v>
      </c>
      <c r="DA21" s="195">
        <v>0</v>
      </c>
      <c r="DB21" s="196">
        <v>0</v>
      </c>
      <c r="DC21" s="197">
        <v>0</v>
      </c>
      <c r="DD21" s="197">
        <v>1</v>
      </c>
      <c r="DE21" s="197">
        <v>10</v>
      </c>
      <c r="DF21" s="195">
        <v>16</v>
      </c>
      <c r="DG21" s="198">
        <v>27</v>
      </c>
      <c r="DH21" s="200">
        <v>27</v>
      </c>
      <c r="DI21" s="201">
        <v>0</v>
      </c>
      <c r="DJ21" s="195">
        <v>0</v>
      </c>
      <c r="DK21" s="195">
        <v>0</v>
      </c>
      <c r="DL21" s="196">
        <v>0</v>
      </c>
      <c r="DM21" s="197">
        <v>0</v>
      </c>
      <c r="DN21" s="197">
        <v>0</v>
      </c>
      <c r="DO21" s="197">
        <v>0</v>
      </c>
      <c r="DP21" s="195">
        <v>1</v>
      </c>
      <c r="DQ21" s="198">
        <v>1</v>
      </c>
      <c r="DR21" s="200">
        <v>1</v>
      </c>
      <c r="DS21" s="201">
        <v>0</v>
      </c>
      <c r="DT21" s="195">
        <v>0</v>
      </c>
      <c r="DU21" s="195">
        <v>0</v>
      </c>
      <c r="DV21" s="196">
        <v>41</v>
      </c>
      <c r="DW21" s="197">
        <v>78</v>
      </c>
      <c r="DX21" s="197">
        <v>294</v>
      </c>
      <c r="DY21" s="197">
        <v>501</v>
      </c>
      <c r="DZ21" s="195">
        <v>368</v>
      </c>
      <c r="EA21" s="198">
        <v>1282</v>
      </c>
      <c r="EB21" s="200">
        <v>1282</v>
      </c>
      <c r="EC21" s="37"/>
    </row>
    <row r="22" spans="2:133" ht="20.25" customHeight="1" x14ac:dyDescent="0.2">
      <c r="B22" s="62" t="s">
        <v>19</v>
      </c>
      <c r="C22" s="194">
        <v>0</v>
      </c>
      <c r="D22" s="195">
        <v>0</v>
      </c>
      <c r="E22" s="195">
        <v>0</v>
      </c>
      <c r="F22" s="196">
        <v>0</v>
      </c>
      <c r="G22" s="197">
        <v>8</v>
      </c>
      <c r="H22" s="197">
        <v>106</v>
      </c>
      <c r="I22" s="197">
        <v>149</v>
      </c>
      <c r="J22" s="195">
        <v>88</v>
      </c>
      <c r="K22" s="198">
        <v>351</v>
      </c>
      <c r="L22" s="199">
        <v>351</v>
      </c>
      <c r="M22" s="194">
        <v>0</v>
      </c>
      <c r="N22" s="195">
        <v>0</v>
      </c>
      <c r="O22" s="198">
        <v>0</v>
      </c>
      <c r="P22" s="196">
        <v>0</v>
      </c>
      <c r="Q22" s="197">
        <v>8</v>
      </c>
      <c r="R22" s="197">
        <v>105</v>
      </c>
      <c r="S22" s="197">
        <v>149</v>
      </c>
      <c r="T22" s="195">
        <v>88</v>
      </c>
      <c r="U22" s="198">
        <v>350</v>
      </c>
      <c r="V22" s="200">
        <v>350</v>
      </c>
      <c r="W22" s="201">
        <v>0</v>
      </c>
      <c r="X22" s="195">
        <v>0</v>
      </c>
      <c r="Y22" s="198">
        <v>0</v>
      </c>
      <c r="Z22" s="201">
        <v>0</v>
      </c>
      <c r="AA22" s="197">
        <v>0</v>
      </c>
      <c r="AB22" s="197">
        <v>1</v>
      </c>
      <c r="AC22" s="197">
        <v>0</v>
      </c>
      <c r="AD22" s="195">
        <v>0</v>
      </c>
      <c r="AE22" s="198">
        <v>1</v>
      </c>
      <c r="AF22" s="202">
        <v>1</v>
      </c>
      <c r="AG22" s="201">
        <v>0</v>
      </c>
      <c r="AH22" s="195">
        <v>0</v>
      </c>
      <c r="AI22" s="198">
        <v>0</v>
      </c>
      <c r="AJ22" s="201">
        <v>19</v>
      </c>
      <c r="AK22" s="197">
        <v>52</v>
      </c>
      <c r="AL22" s="197">
        <v>69</v>
      </c>
      <c r="AM22" s="197">
        <v>56</v>
      </c>
      <c r="AN22" s="195">
        <v>31</v>
      </c>
      <c r="AO22" s="198">
        <v>227</v>
      </c>
      <c r="AP22" s="202">
        <v>227</v>
      </c>
      <c r="AQ22" s="201">
        <v>0</v>
      </c>
      <c r="AR22" s="195">
        <v>0</v>
      </c>
      <c r="AS22" s="198">
        <v>0</v>
      </c>
      <c r="AT22" s="196">
        <v>19</v>
      </c>
      <c r="AU22" s="197">
        <v>52</v>
      </c>
      <c r="AV22" s="197">
        <v>66</v>
      </c>
      <c r="AW22" s="197">
        <v>55</v>
      </c>
      <c r="AX22" s="195">
        <v>31</v>
      </c>
      <c r="AY22" s="198">
        <v>223</v>
      </c>
      <c r="AZ22" s="199">
        <v>223</v>
      </c>
      <c r="BA22" s="194">
        <v>0</v>
      </c>
      <c r="BB22" s="195">
        <v>0</v>
      </c>
      <c r="BC22" s="195">
        <v>0</v>
      </c>
      <c r="BD22" s="196">
        <v>0</v>
      </c>
      <c r="BE22" s="197">
        <v>0</v>
      </c>
      <c r="BF22" s="197">
        <v>3</v>
      </c>
      <c r="BG22" s="197">
        <v>1</v>
      </c>
      <c r="BH22" s="195">
        <v>0</v>
      </c>
      <c r="BI22" s="198">
        <v>4</v>
      </c>
      <c r="BJ22" s="200">
        <v>4</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3</v>
      </c>
      <c r="CV22" s="195">
        <v>5</v>
      </c>
      <c r="CW22" s="198">
        <v>8</v>
      </c>
      <c r="CX22" s="199">
        <v>8</v>
      </c>
      <c r="CY22" s="194">
        <v>0</v>
      </c>
      <c r="CZ22" s="195">
        <v>0</v>
      </c>
      <c r="DA22" s="195">
        <v>0</v>
      </c>
      <c r="DB22" s="196">
        <v>0</v>
      </c>
      <c r="DC22" s="197">
        <v>0</v>
      </c>
      <c r="DD22" s="197">
        <v>0</v>
      </c>
      <c r="DE22" s="197">
        <v>3</v>
      </c>
      <c r="DF22" s="195">
        <v>4</v>
      </c>
      <c r="DG22" s="198">
        <v>7</v>
      </c>
      <c r="DH22" s="200">
        <v>7</v>
      </c>
      <c r="DI22" s="201">
        <v>0</v>
      </c>
      <c r="DJ22" s="195">
        <v>0</v>
      </c>
      <c r="DK22" s="195">
        <v>0</v>
      </c>
      <c r="DL22" s="196">
        <v>0</v>
      </c>
      <c r="DM22" s="197">
        <v>0</v>
      </c>
      <c r="DN22" s="197">
        <v>0</v>
      </c>
      <c r="DO22" s="197">
        <v>0</v>
      </c>
      <c r="DP22" s="195">
        <v>1</v>
      </c>
      <c r="DQ22" s="198">
        <v>1</v>
      </c>
      <c r="DR22" s="200">
        <v>1</v>
      </c>
      <c r="DS22" s="201">
        <v>0</v>
      </c>
      <c r="DT22" s="195">
        <v>0</v>
      </c>
      <c r="DU22" s="195">
        <v>0</v>
      </c>
      <c r="DV22" s="196">
        <v>19</v>
      </c>
      <c r="DW22" s="197">
        <v>60</v>
      </c>
      <c r="DX22" s="197">
        <v>175</v>
      </c>
      <c r="DY22" s="197">
        <v>204</v>
      </c>
      <c r="DZ22" s="195">
        <v>124</v>
      </c>
      <c r="EA22" s="198">
        <v>582</v>
      </c>
      <c r="EB22" s="200">
        <v>582</v>
      </c>
      <c r="EC22" s="37"/>
    </row>
    <row r="23" spans="2:133" ht="20.25" customHeight="1" x14ac:dyDescent="0.2">
      <c r="B23" s="62" t="s">
        <v>20</v>
      </c>
      <c r="C23" s="194">
        <v>0</v>
      </c>
      <c r="D23" s="195">
        <v>0</v>
      </c>
      <c r="E23" s="195">
        <v>0</v>
      </c>
      <c r="F23" s="196">
        <v>4</v>
      </c>
      <c r="G23" s="197">
        <v>23</v>
      </c>
      <c r="H23" s="197">
        <v>143</v>
      </c>
      <c r="I23" s="197">
        <v>195</v>
      </c>
      <c r="J23" s="195">
        <v>102</v>
      </c>
      <c r="K23" s="198">
        <v>467</v>
      </c>
      <c r="L23" s="199">
        <v>467</v>
      </c>
      <c r="M23" s="194">
        <v>0</v>
      </c>
      <c r="N23" s="195">
        <v>0</v>
      </c>
      <c r="O23" s="198">
        <v>0</v>
      </c>
      <c r="P23" s="196">
        <v>4</v>
      </c>
      <c r="Q23" s="197">
        <v>23</v>
      </c>
      <c r="R23" s="197">
        <v>142</v>
      </c>
      <c r="S23" s="197">
        <v>193</v>
      </c>
      <c r="T23" s="195">
        <v>100</v>
      </c>
      <c r="U23" s="198">
        <v>462</v>
      </c>
      <c r="V23" s="200">
        <v>462</v>
      </c>
      <c r="W23" s="201">
        <v>0</v>
      </c>
      <c r="X23" s="195">
        <v>0</v>
      </c>
      <c r="Y23" s="198">
        <v>0</v>
      </c>
      <c r="Z23" s="201">
        <v>0</v>
      </c>
      <c r="AA23" s="197">
        <v>0</v>
      </c>
      <c r="AB23" s="197">
        <v>1</v>
      </c>
      <c r="AC23" s="197">
        <v>2</v>
      </c>
      <c r="AD23" s="195">
        <v>2</v>
      </c>
      <c r="AE23" s="198">
        <v>5</v>
      </c>
      <c r="AF23" s="202">
        <v>5</v>
      </c>
      <c r="AG23" s="201">
        <v>0</v>
      </c>
      <c r="AH23" s="195">
        <v>0</v>
      </c>
      <c r="AI23" s="198">
        <v>0</v>
      </c>
      <c r="AJ23" s="201">
        <v>19</v>
      </c>
      <c r="AK23" s="197">
        <v>35</v>
      </c>
      <c r="AL23" s="197">
        <v>44</v>
      </c>
      <c r="AM23" s="197">
        <v>51</v>
      </c>
      <c r="AN23" s="195">
        <v>20</v>
      </c>
      <c r="AO23" s="198">
        <v>169</v>
      </c>
      <c r="AP23" s="202">
        <v>169</v>
      </c>
      <c r="AQ23" s="201">
        <v>0</v>
      </c>
      <c r="AR23" s="195">
        <v>0</v>
      </c>
      <c r="AS23" s="198">
        <v>0</v>
      </c>
      <c r="AT23" s="196">
        <v>19</v>
      </c>
      <c r="AU23" s="197">
        <v>35</v>
      </c>
      <c r="AV23" s="197">
        <v>43</v>
      </c>
      <c r="AW23" s="197">
        <v>49</v>
      </c>
      <c r="AX23" s="195">
        <v>20</v>
      </c>
      <c r="AY23" s="198">
        <v>166</v>
      </c>
      <c r="AZ23" s="199">
        <v>166</v>
      </c>
      <c r="BA23" s="194">
        <v>0</v>
      </c>
      <c r="BB23" s="195">
        <v>0</v>
      </c>
      <c r="BC23" s="195">
        <v>0</v>
      </c>
      <c r="BD23" s="196">
        <v>0</v>
      </c>
      <c r="BE23" s="197">
        <v>0</v>
      </c>
      <c r="BF23" s="197">
        <v>1</v>
      </c>
      <c r="BG23" s="197">
        <v>2</v>
      </c>
      <c r="BH23" s="195">
        <v>0</v>
      </c>
      <c r="BI23" s="198">
        <v>3</v>
      </c>
      <c r="BJ23" s="200">
        <v>3</v>
      </c>
      <c r="BK23" s="201">
        <v>0</v>
      </c>
      <c r="BL23" s="195">
        <v>0</v>
      </c>
      <c r="BM23" s="195">
        <v>0</v>
      </c>
      <c r="BN23" s="196">
        <v>0</v>
      </c>
      <c r="BO23" s="197">
        <v>0</v>
      </c>
      <c r="BP23" s="197">
        <v>0</v>
      </c>
      <c r="BQ23" s="197">
        <v>1</v>
      </c>
      <c r="BR23" s="195">
        <v>1</v>
      </c>
      <c r="BS23" s="198">
        <v>2</v>
      </c>
      <c r="BT23" s="199">
        <v>2</v>
      </c>
      <c r="BU23" s="194">
        <v>0</v>
      </c>
      <c r="BV23" s="195">
        <v>0</v>
      </c>
      <c r="BW23" s="195">
        <v>0</v>
      </c>
      <c r="BX23" s="196">
        <v>0</v>
      </c>
      <c r="BY23" s="197">
        <v>0</v>
      </c>
      <c r="BZ23" s="197">
        <v>0</v>
      </c>
      <c r="CA23" s="197">
        <v>1</v>
      </c>
      <c r="CB23" s="195">
        <v>1</v>
      </c>
      <c r="CC23" s="198">
        <v>2</v>
      </c>
      <c r="CD23" s="200">
        <v>2</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1</v>
      </c>
      <c r="CU23" s="197">
        <v>1</v>
      </c>
      <c r="CV23" s="195">
        <v>8</v>
      </c>
      <c r="CW23" s="198">
        <v>10</v>
      </c>
      <c r="CX23" s="199">
        <v>10</v>
      </c>
      <c r="CY23" s="194">
        <v>0</v>
      </c>
      <c r="CZ23" s="195">
        <v>0</v>
      </c>
      <c r="DA23" s="195">
        <v>0</v>
      </c>
      <c r="DB23" s="196">
        <v>0</v>
      </c>
      <c r="DC23" s="197">
        <v>0</v>
      </c>
      <c r="DD23" s="197">
        <v>1</v>
      </c>
      <c r="DE23" s="197">
        <v>1</v>
      </c>
      <c r="DF23" s="195">
        <v>8</v>
      </c>
      <c r="DG23" s="198">
        <v>10</v>
      </c>
      <c r="DH23" s="200">
        <v>10</v>
      </c>
      <c r="DI23" s="201">
        <v>0</v>
      </c>
      <c r="DJ23" s="195">
        <v>0</v>
      </c>
      <c r="DK23" s="195">
        <v>0</v>
      </c>
      <c r="DL23" s="196">
        <v>0</v>
      </c>
      <c r="DM23" s="197">
        <v>0</v>
      </c>
      <c r="DN23" s="197">
        <v>0</v>
      </c>
      <c r="DO23" s="197">
        <v>0</v>
      </c>
      <c r="DP23" s="195">
        <v>0</v>
      </c>
      <c r="DQ23" s="198">
        <v>0</v>
      </c>
      <c r="DR23" s="200">
        <v>0</v>
      </c>
      <c r="DS23" s="201">
        <v>0</v>
      </c>
      <c r="DT23" s="195">
        <v>0</v>
      </c>
      <c r="DU23" s="195">
        <v>0</v>
      </c>
      <c r="DV23" s="196">
        <v>23</v>
      </c>
      <c r="DW23" s="197">
        <v>58</v>
      </c>
      <c r="DX23" s="197">
        <v>188</v>
      </c>
      <c r="DY23" s="197">
        <v>246</v>
      </c>
      <c r="DZ23" s="195">
        <v>130</v>
      </c>
      <c r="EA23" s="198">
        <v>645</v>
      </c>
      <c r="EB23" s="200">
        <v>645</v>
      </c>
      <c r="EC23" s="37"/>
    </row>
    <row r="24" spans="2:133" ht="20.25" customHeight="1" x14ac:dyDescent="0.2">
      <c r="B24" s="62" t="s">
        <v>21</v>
      </c>
      <c r="C24" s="194">
        <v>0</v>
      </c>
      <c r="D24" s="195">
        <v>0</v>
      </c>
      <c r="E24" s="195">
        <v>0</v>
      </c>
      <c r="F24" s="196">
        <v>3</v>
      </c>
      <c r="G24" s="197">
        <v>14</v>
      </c>
      <c r="H24" s="197">
        <v>172</v>
      </c>
      <c r="I24" s="197">
        <v>166</v>
      </c>
      <c r="J24" s="195">
        <v>130</v>
      </c>
      <c r="K24" s="198">
        <v>485</v>
      </c>
      <c r="L24" s="199">
        <v>485</v>
      </c>
      <c r="M24" s="194">
        <v>0</v>
      </c>
      <c r="N24" s="195">
        <v>0</v>
      </c>
      <c r="O24" s="198">
        <v>0</v>
      </c>
      <c r="P24" s="196">
        <v>3</v>
      </c>
      <c r="Q24" s="197">
        <v>14</v>
      </c>
      <c r="R24" s="197">
        <v>171</v>
      </c>
      <c r="S24" s="197">
        <v>166</v>
      </c>
      <c r="T24" s="195">
        <v>128</v>
      </c>
      <c r="U24" s="198">
        <v>482</v>
      </c>
      <c r="V24" s="200">
        <v>482</v>
      </c>
      <c r="W24" s="201">
        <v>0</v>
      </c>
      <c r="X24" s="195">
        <v>0</v>
      </c>
      <c r="Y24" s="198">
        <v>0</v>
      </c>
      <c r="Z24" s="201">
        <v>0</v>
      </c>
      <c r="AA24" s="197">
        <v>0</v>
      </c>
      <c r="AB24" s="197">
        <v>1</v>
      </c>
      <c r="AC24" s="197">
        <v>0</v>
      </c>
      <c r="AD24" s="195">
        <v>2</v>
      </c>
      <c r="AE24" s="198">
        <v>3</v>
      </c>
      <c r="AF24" s="202">
        <v>3</v>
      </c>
      <c r="AG24" s="201">
        <v>0</v>
      </c>
      <c r="AH24" s="195">
        <v>0</v>
      </c>
      <c r="AI24" s="198">
        <v>0</v>
      </c>
      <c r="AJ24" s="201">
        <v>18</v>
      </c>
      <c r="AK24" s="197">
        <v>28</v>
      </c>
      <c r="AL24" s="197">
        <v>40</v>
      </c>
      <c r="AM24" s="197">
        <v>53</v>
      </c>
      <c r="AN24" s="195">
        <v>23</v>
      </c>
      <c r="AO24" s="198">
        <v>162</v>
      </c>
      <c r="AP24" s="202">
        <v>162</v>
      </c>
      <c r="AQ24" s="201">
        <v>0</v>
      </c>
      <c r="AR24" s="195">
        <v>0</v>
      </c>
      <c r="AS24" s="198">
        <v>0</v>
      </c>
      <c r="AT24" s="196">
        <v>18</v>
      </c>
      <c r="AU24" s="197">
        <v>27</v>
      </c>
      <c r="AV24" s="197">
        <v>40</v>
      </c>
      <c r="AW24" s="197">
        <v>50</v>
      </c>
      <c r="AX24" s="195">
        <v>20</v>
      </c>
      <c r="AY24" s="198">
        <v>155</v>
      </c>
      <c r="AZ24" s="199">
        <v>155</v>
      </c>
      <c r="BA24" s="194">
        <v>0</v>
      </c>
      <c r="BB24" s="195">
        <v>0</v>
      </c>
      <c r="BC24" s="195">
        <v>0</v>
      </c>
      <c r="BD24" s="196">
        <v>0</v>
      </c>
      <c r="BE24" s="197">
        <v>1</v>
      </c>
      <c r="BF24" s="197">
        <v>0</v>
      </c>
      <c r="BG24" s="197">
        <v>3</v>
      </c>
      <c r="BH24" s="195">
        <v>3</v>
      </c>
      <c r="BI24" s="198">
        <v>7</v>
      </c>
      <c r="BJ24" s="200">
        <v>7</v>
      </c>
      <c r="BK24" s="201">
        <v>0</v>
      </c>
      <c r="BL24" s="195">
        <v>0</v>
      </c>
      <c r="BM24" s="195">
        <v>0</v>
      </c>
      <c r="BN24" s="196">
        <v>0</v>
      </c>
      <c r="BO24" s="197">
        <v>0</v>
      </c>
      <c r="BP24" s="197">
        <v>1</v>
      </c>
      <c r="BQ24" s="197">
        <v>1</v>
      </c>
      <c r="BR24" s="195">
        <v>1</v>
      </c>
      <c r="BS24" s="198">
        <v>3</v>
      </c>
      <c r="BT24" s="199">
        <v>3</v>
      </c>
      <c r="BU24" s="194">
        <v>0</v>
      </c>
      <c r="BV24" s="195">
        <v>0</v>
      </c>
      <c r="BW24" s="195">
        <v>0</v>
      </c>
      <c r="BX24" s="196">
        <v>0</v>
      </c>
      <c r="BY24" s="197">
        <v>0</v>
      </c>
      <c r="BZ24" s="197">
        <v>1</v>
      </c>
      <c r="CA24" s="197">
        <v>1</v>
      </c>
      <c r="CB24" s="195">
        <v>1</v>
      </c>
      <c r="CC24" s="198">
        <v>3</v>
      </c>
      <c r="CD24" s="200">
        <v>3</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8</v>
      </c>
      <c r="CV24" s="195">
        <v>12</v>
      </c>
      <c r="CW24" s="198">
        <v>21</v>
      </c>
      <c r="CX24" s="199">
        <v>21</v>
      </c>
      <c r="CY24" s="194">
        <v>0</v>
      </c>
      <c r="CZ24" s="195">
        <v>0</v>
      </c>
      <c r="DA24" s="195">
        <v>0</v>
      </c>
      <c r="DB24" s="196">
        <v>0</v>
      </c>
      <c r="DC24" s="197">
        <v>0</v>
      </c>
      <c r="DD24" s="197">
        <v>1</v>
      </c>
      <c r="DE24" s="197">
        <v>8</v>
      </c>
      <c r="DF24" s="195">
        <v>11</v>
      </c>
      <c r="DG24" s="198">
        <v>20</v>
      </c>
      <c r="DH24" s="200">
        <v>20</v>
      </c>
      <c r="DI24" s="201">
        <v>0</v>
      </c>
      <c r="DJ24" s="195">
        <v>0</v>
      </c>
      <c r="DK24" s="195">
        <v>0</v>
      </c>
      <c r="DL24" s="196">
        <v>0</v>
      </c>
      <c r="DM24" s="197">
        <v>0</v>
      </c>
      <c r="DN24" s="197">
        <v>0</v>
      </c>
      <c r="DO24" s="197">
        <v>0</v>
      </c>
      <c r="DP24" s="195">
        <v>1</v>
      </c>
      <c r="DQ24" s="198">
        <v>1</v>
      </c>
      <c r="DR24" s="200">
        <v>1</v>
      </c>
      <c r="DS24" s="201">
        <v>0</v>
      </c>
      <c r="DT24" s="195">
        <v>0</v>
      </c>
      <c r="DU24" s="195">
        <v>0</v>
      </c>
      <c r="DV24" s="196">
        <v>21</v>
      </c>
      <c r="DW24" s="197">
        <v>42</v>
      </c>
      <c r="DX24" s="197">
        <v>214</v>
      </c>
      <c r="DY24" s="197">
        <v>228</v>
      </c>
      <c r="DZ24" s="195">
        <v>166</v>
      </c>
      <c r="EA24" s="198">
        <v>671</v>
      </c>
      <c r="EB24" s="200">
        <v>671</v>
      </c>
      <c r="EC24" s="37"/>
    </row>
    <row r="25" spans="2:133" ht="20.25" customHeight="1" x14ac:dyDescent="0.2">
      <c r="B25" s="62" t="s">
        <v>22</v>
      </c>
      <c r="C25" s="194">
        <v>0</v>
      </c>
      <c r="D25" s="195">
        <v>0</v>
      </c>
      <c r="E25" s="195">
        <v>0</v>
      </c>
      <c r="F25" s="196">
        <v>2</v>
      </c>
      <c r="G25" s="197">
        <v>2</v>
      </c>
      <c r="H25" s="197">
        <v>50</v>
      </c>
      <c r="I25" s="197">
        <v>61</v>
      </c>
      <c r="J25" s="195">
        <v>33</v>
      </c>
      <c r="K25" s="198">
        <v>148</v>
      </c>
      <c r="L25" s="199">
        <v>148</v>
      </c>
      <c r="M25" s="194">
        <v>0</v>
      </c>
      <c r="N25" s="195">
        <v>0</v>
      </c>
      <c r="O25" s="198">
        <v>0</v>
      </c>
      <c r="P25" s="196">
        <v>2</v>
      </c>
      <c r="Q25" s="197">
        <v>2</v>
      </c>
      <c r="R25" s="197">
        <v>50</v>
      </c>
      <c r="S25" s="197">
        <v>61</v>
      </c>
      <c r="T25" s="195">
        <v>31</v>
      </c>
      <c r="U25" s="198">
        <v>146</v>
      </c>
      <c r="V25" s="200">
        <v>146</v>
      </c>
      <c r="W25" s="201">
        <v>0</v>
      </c>
      <c r="X25" s="195">
        <v>0</v>
      </c>
      <c r="Y25" s="198">
        <v>0</v>
      </c>
      <c r="Z25" s="201">
        <v>0</v>
      </c>
      <c r="AA25" s="197">
        <v>0</v>
      </c>
      <c r="AB25" s="197">
        <v>0</v>
      </c>
      <c r="AC25" s="197">
        <v>0</v>
      </c>
      <c r="AD25" s="195">
        <v>2</v>
      </c>
      <c r="AE25" s="198">
        <v>2</v>
      </c>
      <c r="AF25" s="202">
        <v>2</v>
      </c>
      <c r="AG25" s="201">
        <v>0</v>
      </c>
      <c r="AH25" s="195">
        <v>0</v>
      </c>
      <c r="AI25" s="198">
        <v>0</v>
      </c>
      <c r="AJ25" s="201">
        <v>9</v>
      </c>
      <c r="AK25" s="197">
        <v>26</v>
      </c>
      <c r="AL25" s="197">
        <v>31</v>
      </c>
      <c r="AM25" s="197">
        <v>36</v>
      </c>
      <c r="AN25" s="195">
        <v>19</v>
      </c>
      <c r="AO25" s="198">
        <v>121</v>
      </c>
      <c r="AP25" s="202">
        <v>121</v>
      </c>
      <c r="AQ25" s="201">
        <v>0</v>
      </c>
      <c r="AR25" s="195">
        <v>0</v>
      </c>
      <c r="AS25" s="198">
        <v>0</v>
      </c>
      <c r="AT25" s="196">
        <v>9</v>
      </c>
      <c r="AU25" s="197">
        <v>26</v>
      </c>
      <c r="AV25" s="197">
        <v>31</v>
      </c>
      <c r="AW25" s="197">
        <v>35</v>
      </c>
      <c r="AX25" s="195">
        <v>19</v>
      </c>
      <c r="AY25" s="198">
        <v>120</v>
      </c>
      <c r="AZ25" s="199">
        <v>120</v>
      </c>
      <c r="BA25" s="194">
        <v>0</v>
      </c>
      <c r="BB25" s="195">
        <v>0</v>
      </c>
      <c r="BC25" s="195">
        <v>0</v>
      </c>
      <c r="BD25" s="196">
        <v>0</v>
      </c>
      <c r="BE25" s="197">
        <v>0</v>
      </c>
      <c r="BF25" s="197">
        <v>0</v>
      </c>
      <c r="BG25" s="197">
        <v>1</v>
      </c>
      <c r="BH25" s="195">
        <v>0</v>
      </c>
      <c r="BI25" s="198">
        <v>1</v>
      </c>
      <c r="BJ25" s="200">
        <v>1</v>
      </c>
      <c r="BK25" s="201">
        <v>0</v>
      </c>
      <c r="BL25" s="195">
        <v>0</v>
      </c>
      <c r="BM25" s="195">
        <v>0</v>
      </c>
      <c r="BN25" s="196">
        <v>0</v>
      </c>
      <c r="BO25" s="197">
        <v>0</v>
      </c>
      <c r="BP25" s="197">
        <v>0</v>
      </c>
      <c r="BQ25" s="197">
        <v>0</v>
      </c>
      <c r="BR25" s="195">
        <v>3</v>
      </c>
      <c r="BS25" s="198">
        <v>3</v>
      </c>
      <c r="BT25" s="199">
        <v>3</v>
      </c>
      <c r="BU25" s="194">
        <v>0</v>
      </c>
      <c r="BV25" s="195">
        <v>0</v>
      </c>
      <c r="BW25" s="195">
        <v>0</v>
      </c>
      <c r="BX25" s="196">
        <v>0</v>
      </c>
      <c r="BY25" s="197">
        <v>0</v>
      </c>
      <c r="BZ25" s="197">
        <v>0</v>
      </c>
      <c r="CA25" s="197">
        <v>0</v>
      </c>
      <c r="CB25" s="195">
        <v>3</v>
      </c>
      <c r="CC25" s="198">
        <v>3</v>
      </c>
      <c r="CD25" s="200">
        <v>3</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3</v>
      </c>
      <c r="CV25" s="195">
        <v>2</v>
      </c>
      <c r="CW25" s="198">
        <v>5</v>
      </c>
      <c r="CX25" s="199">
        <v>5</v>
      </c>
      <c r="CY25" s="194">
        <v>0</v>
      </c>
      <c r="CZ25" s="195">
        <v>0</v>
      </c>
      <c r="DA25" s="195">
        <v>0</v>
      </c>
      <c r="DB25" s="196">
        <v>0</v>
      </c>
      <c r="DC25" s="197">
        <v>0</v>
      </c>
      <c r="DD25" s="197">
        <v>0</v>
      </c>
      <c r="DE25" s="197">
        <v>3</v>
      </c>
      <c r="DF25" s="195">
        <v>2</v>
      </c>
      <c r="DG25" s="198">
        <v>5</v>
      </c>
      <c r="DH25" s="200">
        <v>5</v>
      </c>
      <c r="DI25" s="201">
        <v>0</v>
      </c>
      <c r="DJ25" s="195">
        <v>0</v>
      </c>
      <c r="DK25" s="195">
        <v>0</v>
      </c>
      <c r="DL25" s="196">
        <v>0</v>
      </c>
      <c r="DM25" s="197">
        <v>0</v>
      </c>
      <c r="DN25" s="197">
        <v>0</v>
      </c>
      <c r="DO25" s="197">
        <v>0</v>
      </c>
      <c r="DP25" s="195">
        <v>0</v>
      </c>
      <c r="DQ25" s="198">
        <v>0</v>
      </c>
      <c r="DR25" s="200">
        <v>0</v>
      </c>
      <c r="DS25" s="201">
        <v>0</v>
      </c>
      <c r="DT25" s="195">
        <v>0</v>
      </c>
      <c r="DU25" s="195">
        <v>0</v>
      </c>
      <c r="DV25" s="196">
        <v>11</v>
      </c>
      <c r="DW25" s="197">
        <v>28</v>
      </c>
      <c r="DX25" s="197">
        <v>80</v>
      </c>
      <c r="DY25" s="197">
        <v>100</v>
      </c>
      <c r="DZ25" s="195">
        <v>57</v>
      </c>
      <c r="EA25" s="198">
        <v>276</v>
      </c>
      <c r="EB25" s="200">
        <v>276</v>
      </c>
      <c r="EC25" s="37"/>
    </row>
    <row r="26" spans="2:133" ht="20.25" customHeight="1" x14ac:dyDescent="0.2">
      <c r="B26" s="62" t="s">
        <v>23</v>
      </c>
      <c r="C26" s="194">
        <v>0</v>
      </c>
      <c r="D26" s="195">
        <v>0</v>
      </c>
      <c r="E26" s="195">
        <v>0</v>
      </c>
      <c r="F26" s="196">
        <v>3</v>
      </c>
      <c r="G26" s="197">
        <v>14</v>
      </c>
      <c r="H26" s="197">
        <v>84</v>
      </c>
      <c r="I26" s="197">
        <v>126</v>
      </c>
      <c r="J26" s="195">
        <v>111</v>
      </c>
      <c r="K26" s="198">
        <v>338</v>
      </c>
      <c r="L26" s="199">
        <v>338</v>
      </c>
      <c r="M26" s="194">
        <v>0</v>
      </c>
      <c r="N26" s="195">
        <v>0</v>
      </c>
      <c r="O26" s="198">
        <v>0</v>
      </c>
      <c r="P26" s="196">
        <v>3</v>
      </c>
      <c r="Q26" s="197">
        <v>14</v>
      </c>
      <c r="R26" s="197">
        <v>84</v>
      </c>
      <c r="S26" s="197">
        <v>125</v>
      </c>
      <c r="T26" s="195">
        <v>110</v>
      </c>
      <c r="U26" s="198">
        <v>336</v>
      </c>
      <c r="V26" s="200">
        <v>336</v>
      </c>
      <c r="W26" s="201">
        <v>0</v>
      </c>
      <c r="X26" s="195">
        <v>0</v>
      </c>
      <c r="Y26" s="198">
        <v>0</v>
      </c>
      <c r="Z26" s="201">
        <v>0</v>
      </c>
      <c r="AA26" s="197">
        <v>0</v>
      </c>
      <c r="AB26" s="197">
        <v>0</v>
      </c>
      <c r="AC26" s="197">
        <v>1</v>
      </c>
      <c r="AD26" s="195">
        <v>1</v>
      </c>
      <c r="AE26" s="198">
        <v>2</v>
      </c>
      <c r="AF26" s="202">
        <v>2</v>
      </c>
      <c r="AG26" s="201">
        <v>0</v>
      </c>
      <c r="AH26" s="195">
        <v>0</v>
      </c>
      <c r="AI26" s="198">
        <v>0</v>
      </c>
      <c r="AJ26" s="201">
        <v>19</v>
      </c>
      <c r="AK26" s="197">
        <v>27</v>
      </c>
      <c r="AL26" s="197">
        <v>34</v>
      </c>
      <c r="AM26" s="197">
        <v>56</v>
      </c>
      <c r="AN26" s="195">
        <v>32</v>
      </c>
      <c r="AO26" s="198">
        <v>168</v>
      </c>
      <c r="AP26" s="202">
        <v>168</v>
      </c>
      <c r="AQ26" s="201">
        <v>0</v>
      </c>
      <c r="AR26" s="195">
        <v>0</v>
      </c>
      <c r="AS26" s="198">
        <v>0</v>
      </c>
      <c r="AT26" s="196">
        <v>18</v>
      </c>
      <c r="AU26" s="197">
        <v>27</v>
      </c>
      <c r="AV26" s="197">
        <v>34</v>
      </c>
      <c r="AW26" s="197">
        <v>56</v>
      </c>
      <c r="AX26" s="195">
        <v>29</v>
      </c>
      <c r="AY26" s="198">
        <v>164</v>
      </c>
      <c r="AZ26" s="199">
        <v>164</v>
      </c>
      <c r="BA26" s="194">
        <v>0</v>
      </c>
      <c r="BB26" s="195">
        <v>0</v>
      </c>
      <c r="BC26" s="195">
        <v>0</v>
      </c>
      <c r="BD26" s="196">
        <v>1</v>
      </c>
      <c r="BE26" s="197">
        <v>0</v>
      </c>
      <c r="BF26" s="197">
        <v>0</v>
      </c>
      <c r="BG26" s="197">
        <v>0</v>
      </c>
      <c r="BH26" s="195">
        <v>3</v>
      </c>
      <c r="BI26" s="198">
        <v>4</v>
      </c>
      <c r="BJ26" s="200">
        <v>4</v>
      </c>
      <c r="BK26" s="201">
        <v>0</v>
      </c>
      <c r="BL26" s="195">
        <v>0</v>
      </c>
      <c r="BM26" s="195">
        <v>0</v>
      </c>
      <c r="BN26" s="196">
        <v>0</v>
      </c>
      <c r="BO26" s="197">
        <v>0</v>
      </c>
      <c r="BP26" s="197">
        <v>0</v>
      </c>
      <c r="BQ26" s="197">
        <v>1</v>
      </c>
      <c r="BR26" s="195">
        <v>1</v>
      </c>
      <c r="BS26" s="198">
        <v>2</v>
      </c>
      <c r="BT26" s="199">
        <v>2</v>
      </c>
      <c r="BU26" s="194">
        <v>0</v>
      </c>
      <c r="BV26" s="195">
        <v>0</v>
      </c>
      <c r="BW26" s="195">
        <v>0</v>
      </c>
      <c r="BX26" s="196">
        <v>0</v>
      </c>
      <c r="BY26" s="197">
        <v>0</v>
      </c>
      <c r="BZ26" s="197">
        <v>0</v>
      </c>
      <c r="CA26" s="197">
        <v>1</v>
      </c>
      <c r="CB26" s="195">
        <v>1</v>
      </c>
      <c r="CC26" s="198">
        <v>2</v>
      </c>
      <c r="CD26" s="200">
        <v>2</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1</v>
      </c>
      <c r="CU26" s="197">
        <v>4</v>
      </c>
      <c r="CV26" s="195">
        <v>6</v>
      </c>
      <c r="CW26" s="198">
        <v>11</v>
      </c>
      <c r="CX26" s="199">
        <v>11</v>
      </c>
      <c r="CY26" s="194">
        <v>0</v>
      </c>
      <c r="CZ26" s="195">
        <v>0</v>
      </c>
      <c r="DA26" s="195">
        <v>0</v>
      </c>
      <c r="DB26" s="196">
        <v>0</v>
      </c>
      <c r="DC26" s="197">
        <v>0</v>
      </c>
      <c r="DD26" s="197">
        <v>1</v>
      </c>
      <c r="DE26" s="197">
        <v>4</v>
      </c>
      <c r="DF26" s="195">
        <v>6</v>
      </c>
      <c r="DG26" s="198">
        <v>11</v>
      </c>
      <c r="DH26" s="200">
        <v>11</v>
      </c>
      <c r="DI26" s="201">
        <v>0</v>
      </c>
      <c r="DJ26" s="195">
        <v>0</v>
      </c>
      <c r="DK26" s="195">
        <v>0</v>
      </c>
      <c r="DL26" s="196">
        <v>0</v>
      </c>
      <c r="DM26" s="197">
        <v>0</v>
      </c>
      <c r="DN26" s="197">
        <v>0</v>
      </c>
      <c r="DO26" s="197">
        <v>0</v>
      </c>
      <c r="DP26" s="195">
        <v>0</v>
      </c>
      <c r="DQ26" s="198">
        <v>0</v>
      </c>
      <c r="DR26" s="200">
        <v>0</v>
      </c>
      <c r="DS26" s="201">
        <v>0</v>
      </c>
      <c r="DT26" s="195">
        <v>0</v>
      </c>
      <c r="DU26" s="195">
        <v>0</v>
      </c>
      <c r="DV26" s="196">
        <v>22</v>
      </c>
      <c r="DW26" s="197">
        <v>41</v>
      </c>
      <c r="DX26" s="197">
        <v>119</v>
      </c>
      <c r="DY26" s="197">
        <v>187</v>
      </c>
      <c r="DZ26" s="195">
        <v>149</v>
      </c>
      <c r="EA26" s="198">
        <v>518</v>
      </c>
      <c r="EB26" s="200">
        <v>518</v>
      </c>
      <c r="EC26" s="37"/>
    </row>
    <row r="27" spans="2:133" ht="20.25" customHeight="1" x14ac:dyDescent="0.2">
      <c r="B27" s="62" t="s">
        <v>24</v>
      </c>
      <c r="C27" s="194">
        <v>0</v>
      </c>
      <c r="D27" s="195">
        <v>0</v>
      </c>
      <c r="E27" s="195">
        <v>0</v>
      </c>
      <c r="F27" s="196">
        <v>0</v>
      </c>
      <c r="G27" s="197">
        <v>0</v>
      </c>
      <c r="H27" s="197">
        <v>34</v>
      </c>
      <c r="I27" s="197">
        <v>77</v>
      </c>
      <c r="J27" s="195">
        <v>64</v>
      </c>
      <c r="K27" s="198">
        <v>175</v>
      </c>
      <c r="L27" s="199">
        <v>175</v>
      </c>
      <c r="M27" s="194">
        <v>0</v>
      </c>
      <c r="N27" s="195">
        <v>0</v>
      </c>
      <c r="O27" s="198">
        <v>0</v>
      </c>
      <c r="P27" s="196">
        <v>0</v>
      </c>
      <c r="Q27" s="197">
        <v>0</v>
      </c>
      <c r="R27" s="197">
        <v>34</v>
      </c>
      <c r="S27" s="197">
        <v>77</v>
      </c>
      <c r="T27" s="195">
        <v>64</v>
      </c>
      <c r="U27" s="198">
        <v>175</v>
      </c>
      <c r="V27" s="200">
        <v>175</v>
      </c>
      <c r="W27" s="201">
        <v>0</v>
      </c>
      <c r="X27" s="195">
        <v>0</v>
      </c>
      <c r="Y27" s="198">
        <v>0</v>
      </c>
      <c r="Z27" s="201">
        <v>0</v>
      </c>
      <c r="AA27" s="197">
        <v>0</v>
      </c>
      <c r="AB27" s="197">
        <v>0</v>
      </c>
      <c r="AC27" s="197">
        <v>0</v>
      </c>
      <c r="AD27" s="195">
        <v>0</v>
      </c>
      <c r="AE27" s="198">
        <v>0</v>
      </c>
      <c r="AF27" s="202">
        <v>0</v>
      </c>
      <c r="AG27" s="201">
        <v>0</v>
      </c>
      <c r="AH27" s="195">
        <v>0</v>
      </c>
      <c r="AI27" s="198">
        <v>0</v>
      </c>
      <c r="AJ27" s="201">
        <v>12</v>
      </c>
      <c r="AK27" s="197">
        <v>15</v>
      </c>
      <c r="AL27" s="197">
        <v>19</v>
      </c>
      <c r="AM27" s="197">
        <v>33</v>
      </c>
      <c r="AN27" s="195">
        <v>8</v>
      </c>
      <c r="AO27" s="198">
        <v>87</v>
      </c>
      <c r="AP27" s="202">
        <v>87</v>
      </c>
      <c r="AQ27" s="201">
        <v>0</v>
      </c>
      <c r="AR27" s="195">
        <v>0</v>
      </c>
      <c r="AS27" s="198">
        <v>0</v>
      </c>
      <c r="AT27" s="196">
        <v>12</v>
      </c>
      <c r="AU27" s="197">
        <v>15</v>
      </c>
      <c r="AV27" s="197">
        <v>19</v>
      </c>
      <c r="AW27" s="197">
        <v>32</v>
      </c>
      <c r="AX27" s="195">
        <v>8</v>
      </c>
      <c r="AY27" s="198">
        <v>86</v>
      </c>
      <c r="AZ27" s="199">
        <v>86</v>
      </c>
      <c r="BA27" s="194">
        <v>0</v>
      </c>
      <c r="BB27" s="195">
        <v>0</v>
      </c>
      <c r="BC27" s="195">
        <v>0</v>
      </c>
      <c r="BD27" s="196">
        <v>0</v>
      </c>
      <c r="BE27" s="197">
        <v>0</v>
      </c>
      <c r="BF27" s="197">
        <v>0</v>
      </c>
      <c r="BG27" s="197">
        <v>1</v>
      </c>
      <c r="BH27" s="195">
        <v>0</v>
      </c>
      <c r="BI27" s="198">
        <v>1</v>
      </c>
      <c r="BJ27" s="200">
        <v>1</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2</v>
      </c>
      <c r="DW27" s="197">
        <v>15</v>
      </c>
      <c r="DX27" s="197">
        <v>53</v>
      </c>
      <c r="DY27" s="197">
        <v>109</v>
      </c>
      <c r="DZ27" s="195">
        <v>70</v>
      </c>
      <c r="EA27" s="198">
        <v>259</v>
      </c>
      <c r="EB27" s="200">
        <v>259</v>
      </c>
      <c r="EC27" s="37"/>
    </row>
    <row r="28" spans="2:133" ht="20.25" customHeight="1" x14ac:dyDescent="0.2">
      <c r="B28" s="62" t="s">
        <v>25</v>
      </c>
      <c r="C28" s="194">
        <v>0</v>
      </c>
      <c r="D28" s="195">
        <v>0</v>
      </c>
      <c r="E28" s="195">
        <v>0</v>
      </c>
      <c r="F28" s="196">
        <v>3</v>
      </c>
      <c r="G28" s="197">
        <v>8</v>
      </c>
      <c r="H28" s="197">
        <v>58</v>
      </c>
      <c r="I28" s="197">
        <v>78</v>
      </c>
      <c r="J28" s="195">
        <v>57</v>
      </c>
      <c r="K28" s="198">
        <v>204</v>
      </c>
      <c r="L28" s="199">
        <v>204</v>
      </c>
      <c r="M28" s="194">
        <v>0</v>
      </c>
      <c r="N28" s="195">
        <v>0</v>
      </c>
      <c r="O28" s="198">
        <v>0</v>
      </c>
      <c r="P28" s="196">
        <v>3</v>
      </c>
      <c r="Q28" s="197">
        <v>8</v>
      </c>
      <c r="R28" s="197">
        <v>58</v>
      </c>
      <c r="S28" s="197">
        <v>76</v>
      </c>
      <c r="T28" s="195">
        <v>53</v>
      </c>
      <c r="U28" s="198">
        <v>198</v>
      </c>
      <c r="V28" s="200">
        <v>198</v>
      </c>
      <c r="W28" s="201">
        <v>0</v>
      </c>
      <c r="X28" s="195">
        <v>0</v>
      </c>
      <c r="Y28" s="198">
        <v>0</v>
      </c>
      <c r="Z28" s="201">
        <v>0</v>
      </c>
      <c r="AA28" s="197">
        <v>0</v>
      </c>
      <c r="AB28" s="197">
        <v>0</v>
      </c>
      <c r="AC28" s="197">
        <v>2</v>
      </c>
      <c r="AD28" s="195">
        <v>4</v>
      </c>
      <c r="AE28" s="198">
        <v>6</v>
      </c>
      <c r="AF28" s="202">
        <v>6</v>
      </c>
      <c r="AG28" s="201">
        <v>0</v>
      </c>
      <c r="AH28" s="195">
        <v>0</v>
      </c>
      <c r="AI28" s="198">
        <v>0</v>
      </c>
      <c r="AJ28" s="201">
        <v>10</v>
      </c>
      <c r="AK28" s="197">
        <v>19</v>
      </c>
      <c r="AL28" s="197">
        <v>23</v>
      </c>
      <c r="AM28" s="197">
        <v>42</v>
      </c>
      <c r="AN28" s="195">
        <v>19</v>
      </c>
      <c r="AO28" s="198">
        <v>113</v>
      </c>
      <c r="AP28" s="202">
        <v>113</v>
      </c>
      <c r="AQ28" s="201">
        <v>0</v>
      </c>
      <c r="AR28" s="195">
        <v>0</v>
      </c>
      <c r="AS28" s="198">
        <v>0</v>
      </c>
      <c r="AT28" s="196">
        <v>10</v>
      </c>
      <c r="AU28" s="197">
        <v>19</v>
      </c>
      <c r="AV28" s="197">
        <v>23</v>
      </c>
      <c r="AW28" s="197">
        <v>41</v>
      </c>
      <c r="AX28" s="195">
        <v>19</v>
      </c>
      <c r="AY28" s="198">
        <v>112</v>
      </c>
      <c r="AZ28" s="199">
        <v>112</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1</v>
      </c>
      <c r="CV28" s="195">
        <v>1</v>
      </c>
      <c r="CW28" s="198">
        <v>2</v>
      </c>
      <c r="CX28" s="199">
        <v>2</v>
      </c>
      <c r="CY28" s="194">
        <v>0</v>
      </c>
      <c r="CZ28" s="195">
        <v>0</v>
      </c>
      <c r="DA28" s="195">
        <v>0</v>
      </c>
      <c r="DB28" s="196">
        <v>0</v>
      </c>
      <c r="DC28" s="197">
        <v>0</v>
      </c>
      <c r="DD28" s="197">
        <v>0</v>
      </c>
      <c r="DE28" s="197">
        <v>1</v>
      </c>
      <c r="DF28" s="195">
        <v>1</v>
      </c>
      <c r="DG28" s="198">
        <v>2</v>
      </c>
      <c r="DH28" s="200">
        <v>2</v>
      </c>
      <c r="DI28" s="201">
        <v>0</v>
      </c>
      <c r="DJ28" s="195">
        <v>0</v>
      </c>
      <c r="DK28" s="195">
        <v>0</v>
      </c>
      <c r="DL28" s="196">
        <v>0</v>
      </c>
      <c r="DM28" s="197">
        <v>0</v>
      </c>
      <c r="DN28" s="197">
        <v>0</v>
      </c>
      <c r="DO28" s="197">
        <v>0</v>
      </c>
      <c r="DP28" s="195">
        <v>0</v>
      </c>
      <c r="DQ28" s="198">
        <v>0</v>
      </c>
      <c r="DR28" s="200">
        <v>0</v>
      </c>
      <c r="DS28" s="201">
        <v>0</v>
      </c>
      <c r="DT28" s="195">
        <v>0</v>
      </c>
      <c r="DU28" s="195">
        <v>0</v>
      </c>
      <c r="DV28" s="196">
        <v>13</v>
      </c>
      <c r="DW28" s="197">
        <v>27</v>
      </c>
      <c r="DX28" s="197">
        <v>81</v>
      </c>
      <c r="DY28" s="197">
        <v>121</v>
      </c>
      <c r="DZ28" s="195">
        <v>77</v>
      </c>
      <c r="EA28" s="198">
        <v>319</v>
      </c>
      <c r="EB28" s="200">
        <v>319</v>
      </c>
      <c r="EC28" s="37"/>
    </row>
    <row r="29" spans="2:133" ht="20.25" customHeight="1" x14ac:dyDescent="0.2">
      <c r="B29" s="62" t="s">
        <v>26</v>
      </c>
      <c r="C29" s="194">
        <v>0</v>
      </c>
      <c r="D29" s="195">
        <v>0</v>
      </c>
      <c r="E29" s="195">
        <v>0</v>
      </c>
      <c r="F29" s="196">
        <v>0</v>
      </c>
      <c r="G29" s="197">
        <v>7</v>
      </c>
      <c r="H29" s="197">
        <v>29</v>
      </c>
      <c r="I29" s="197">
        <v>86</v>
      </c>
      <c r="J29" s="195">
        <v>47</v>
      </c>
      <c r="K29" s="198">
        <v>169</v>
      </c>
      <c r="L29" s="199">
        <v>169</v>
      </c>
      <c r="M29" s="194">
        <v>0</v>
      </c>
      <c r="N29" s="195">
        <v>0</v>
      </c>
      <c r="O29" s="198">
        <v>0</v>
      </c>
      <c r="P29" s="196">
        <v>0</v>
      </c>
      <c r="Q29" s="197">
        <v>7</v>
      </c>
      <c r="R29" s="197">
        <v>29</v>
      </c>
      <c r="S29" s="197">
        <v>84</v>
      </c>
      <c r="T29" s="195">
        <v>47</v>
      </c>
      <c r="U29" s="198">
        <v>167</v>
      </c>
      <c r="V29" s="200">
        <v>167</v>
      </c>
      <c r="W29" s="201">
        <v>0</v>
      </c>
      <c r="X29" s="195">
        <v>0</v>
      </c>
      <c r="Y29" s="198">
        <v>0</v>
      </c>
      <c r="Z29" s="201">
        <v>0</v>
      </c>
      <c r="AA29" s="197">
        <v>0</v>
      </c>
      <c r="AB29" s="197">
        <v>0</v>
      </c>
      <c r="AC29" s="197">
        <v>2</v>
      </c>
      <c r="AD29" s="195">
        <v>0</v>
      </c>
      <c r="AE29" s="198">
        <v>2</v>
      </c>
      <c r="AF29" s="202">
        <v>2</v>
      </c>
      <c r="AG29" s="201">
        <v>0</v>
      </c>
      <c r="AH29" s="195">
        <v>0</v>
      </c>
      <c r="AI29" s="198">
        <v>0</v>
      </c>
      <c r="AJ29" s="201">
        <v>10</v>
      </c>
      <c r="AK29" s="197">
        <v>21</v>
      </c>
      <c r="AL29" s="197">
        <v>18</v>
      </c>
      <c r="AM29" s="197">
        <v>21</v>
      </c>
      <c r="AN29" s="195">
        <v>12</v>
      </c>
      <c r="AO29" s="198">
        <v>82</v>
      </c>
      <c r="AP29" s="202">
        <v>82</v>
      </c>
      <c r="AQ29" s="201">
        <v>0</v>
      </c>
      <c r="AR29" s="195">
        <v>0</v>
      </c>
      <c r="AS29" s="198">
        <v>0</v>
      </c>
      <c r="AT29" s="196">
        <v>10</v>
      </c>
      <c r="AU29" s="197">
        <v>21</v>
      </c>
      <c r="AV29" s="197">
        <v>18</v>
      </c>
      <c r="AW29" s="197">
        <v>20</v>
      </c>
      <c r="AX29" s="195">
        <v>12</v>
      </c>
      <c r="AY29" s="198">
        <v>81</v>
      </c>
      <c r="AZ29" s="199">
        <v>81</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0</v>
      </c>
      <c r="CU29" s="197">
        <v>0</v>
      </c>
      <c r="CV29" s="195">
        <v>2</v>
      </c>
      <c r="CW29" s="198">
        <v>2</v>
      </c>
      <c r="CX29" s="199">
        <v>2</v>
      </c>
      <c r="CY29" s="194">
        <v>0</v>
      </c>
      <c r="CZ29" s="195">
        <v>0</v>
      </c>
      <c r="DA29" s="195">
        <v>0</v>
      </c>
      <c r="DB29" s="196">
        <v>0</v>
      </c>
      <c r="DC29" s="197">
        <v>0</v>
      </c>
      <c r="DD29" s="197">
        <v>0</v>
      </c>
      <c r="DE29" s="197">
        <v>0</v>
      </c>
      <c r="DF29" s="195">
        <v>2</v>
      </c>
      <c r="DG29" s="198">
        <v>2</v>
      </c>
      <c r="DH29" s="200">
        <v>2</v>
      </c>
      <c r="DI29" s="201">
        <v>0</v>
      </c>
      <c r="DJ29" s="195">
        <v>0</v>
      </c>
      <c r="DK29" s="195">
        <v>0</v>
      </c>
      <c r="DL29" s="196">
        <v>0</v>
      </c>
      <c r="DM29" s="197">
        <v>0</v>
      </c>
      <c r="DN29" s="197">
        <v>0</v>
      </c>
      <c r="DO29" s="197">
        <v>0</v>
      </c>
      <c r="DP29" s="195">
        <v>0</v>
      </c>
      <c r="DQ29" s="198">
        <v>0</v>
      </c>
      <c r="DR29" s="200">
        <v>0</v>
      </c>
      <c r="DS29" s="201">
        <v>0</v>
      </c>
      <c r="DT29" s="195">
        <v>0</v>
      </c>
      <c r="DU29" s="195">
        <v>0</v>
      </c>
      <c r="DV29" s="196">
        <v>10</v>
      </c>
      <c r="DW29" s="197">
        <v>28</v>
      </c>
      <c r="DX29" s="197">
        <v>47</v>
      </c>
      <c r="DY29" s="197">
        <v>107</v>
      </c>
      <c r="DZ29" s="195">
        <v>61</v>
      </c>
      <c r="EA29" s="198">
        <v>253</v>
      </c>
      <c r="EB29" s="200">
        <v>253</v>
      </c>
      <c r="EC29" s="37"/>
    </row>
    <row r="30" spans="2:133" ht="20.25" customHeight="1" x14ac:dyDescent="0.2">
      <c r="B30" s="62" t="s">
        <v>27</v>
      </c>
      <c r="C30" s="194">
        <v>0</v>
      </c>
      <c r="D30" s="195">
        <v>0</v>
      </c>
      <c r="E30" s="195">
        <v>0</v>
      </c>
      <c r="F30" s="196">
        <v>2</v>
      </c>
      <c r="G30" s="197">
        <v>2</v>
      </c>
      <c r="H30" s="197">
        <v>37</v>
      </c>
      <c r="I30" s="197">
        <v>53</v>
      </c>
      <c r="J30" s="195">
        <v>46</v>
      </c>
      <c r="K30" s="198">
        <v>140</v>
      </c>
      <c r="L30" s="199">
        <v>140</v>
      </c>
      <c r="M30" s="194">
        <v>0</v>
      </c>
      <c r="N30" s="195">
        <v>0</v>
      </c>
      <c r="O30" s="198">
        <v>0</v>
      </c>
      <c r="P30" s="196">
        <v>2</v>
      </c>
      <c r="Q30" s="197">
        <v>2</v>
      </c>
      <c r="R30" s="197">
        <v>35</v>
      </c>
      <c r="S30" s="197">
        <v>53</v>
      </c>
      <c r="T30" s="195">
        <v>46</v>
      </c>
      <c r="U30" s="198">
        <v>138</v>
      </c>
      <c r="V30" s="200">
        <v>138</v>
      </c>
      <c r="W30" s="201">
        <v>0</v>
      </c>
      <c r="X30" s="195">
        <v>0</v>
      </c>
      <c r="Y30" s="198">
        <v>0</v>
      </c>
      <c r="Z30" s="201">
        <v>0</v>
      </c>
      <c r="AA30" s="197">
        <v>0</v>
      </c>
      <c r="AB30" s="197">
        <v>2</v>
      </c>
      <c r="AC30" s="197">
        <v>0</v>
      </c>
      <c r="AD30" s="195">
        <v>0</v>
      </c>
      <c r="AE30" s="198">
        <v>2</v>
      </c>
      <c r="AF30" s="202">
        <v>2</v>
      </c>
      <c r="AG30" s="201">
        <v>0</v>
      </c>
      <c r="AH30" s="195">
        <v>0</v>
      </c>
      <c r="AI30" s="198">
        <v>0</v>
      </c>
      <c r="AJ30" s="201">
        <v>8</v>
      </c>
      <c r="AK30" s="197">
        <v>17</v>
      </c>
      <c r="AL30" s="197">
        <v>25</v>
      </c>
      <c r="AM30" s="197">
        <v>19</v>
      </c>
      <c r="AN30" s="195">
        <v>11</v>
      </c>
      <c r="AO30" s="198">
        <v>80</v>
      </c>
      <c r="AP30" s="202">
        <v>80</v>
      </c>
      <c r="AQ30" s="201">
        <v>0</v>
      </c>
      <c r="AR30" s="195">
        <v>0</v>
      </c>
      <c r="AS30" s="198">
        <v>0</v>
      </c>
      <c r="AT30" s="196">
        <v>8</v>
      </c>
      <c r="AU30" s="197">
        <v>16</v>
      </c>
      <c r="AV30" s="197">
        <v>24</v>
      </c>
      <c r="AW30" s="197">
        <v>19</v>
      </c>
      <c r="AX30" s="195">
        <v>11</v>
      </c>
      <c r="AY30" s="198">
        <v>78</v>
      </c>
      <c r="AZ30" s="199">
        <v>78</v>
      </c>
      <c r="BA30" s="194">
        <v>0</v>
      </c>
      <c r="BB30" s="195">
        <v>0</v>
      </c>
      <c r="BC30" s="195">
        <v>0</v>
      </c>
      <c r="BD30" s="196">
        <v>0</v>
      </c>
      <c r="BE30" s="197">
        <v>1</v>
      </c>
      <c r="BF30" s="197">
        <v>1</v>
      </c>
      <c r="BG30" s="197">
        <v>0</v>
      </c>
      <c r="BH30" s="195">
        <v>0</v>
      </c>
      <c r="BI30" s="198">
        <v>2</v>
      </c>
      <c r="BJ30" s="200">
        <v>2</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3</v>
      </c>
      <c r="CV30" s="195">
        <v>1</v>
      </c>
      <c r="CW30" s="198">
        <v>4</v>
      </c>
      <c r="CX30" s="199">
        <v>4</v>
      </c>
      <c r="CY30" s="194">
        <v>0</v>
      </c>
      <c r="CZ30" s="195">
        <v>0</v>
      </c>
      <c r="DA30" s="195">
        <v>0</v>
      </c>
      <c r="DB30" s="196">
        <v>0</v>
      </c>
      <c r="DC30" s="197">
        <v>0</v>
      </c>
      <c r="DD30" s="197">
        <v>0</v>
      </c>
      <c r="DE30" s="197">
        <v>3</v>
      </c>
      <c r="DF30" s="195">
        <v>0</v>
      </c>
      <c r="DG30" s="198">
        <v>3</v>
      </c>
      <c r="DH30" s="200">
        <v>3</v>
      </c>
      <c r="DI30" s="201">
        <v>0</v>
      </c>
      <c r="DJ30" s="195">
        <v>0</v>
      </c>
      <c r="DK30" s="195">
        <v>0</v>
      </c>
      <c r="DL30" s="196">
        <v>0</v>
      </c>
      <c r="DM30" s="197">
        <v>0</v>
      </c>
      <c r="DN30" s="197">
        <v>0</v>
      </c>
      <c r="DO30" s="197">
        <v>0</v>
      </c>
      <c r="DP30" s="195">
        <v>1</v>
      </c>
      <c r="DQ30" s="198">
        <v>1</v>
      </c>
      <c r="DR30" s="200">
        <v>1</v>
      </c>
      <c r="DS30" s="201">
        <v>0</v>
      </c>
      <c r="DT30" s="195">
        <v>0</v>
      </c>
      <c r="DU30" s="195">
        <v>0</v>
      </c>
      <c r="DV30" s="196">
        <v>10</v>
      </c>
      <c r="DW30" s="197">
        <v>19</v>
      </c>
      <c r="DX30" s="197">
        <v>62</v>
      </c>
      <c r="DY30" s="197">
        <v>75</v>
      </c>
      <c r="DZ30" s="195">
        <v>58</v>
      </c>
      <c r="EA30" s="198">
        <v>224</v>
      </c>
      <c r="EB30" s="200">
        <v>224</v>
      </c>
      <c r="EC30" s="37"/>
    </row>
    <row r="31" spans="2:133" ht="20.25" customHeight="1" x14ac:dyDescent="0.2">
      <c r="B31" s="62" t="s">
        <v>28</v>
      </c>
      <c r="C31" s="194">
        <v>0</v>
      </c>
      <c r="D31" s="195">
        <v>0</v>
      </c>
      <c r="E31" s="195">
        <v>0</v>
      </c>
      <c r="F31" s="196">
        <v>0</v>
      </c>
      <c r="G31" s="197">
        <v>1</v>
      </c>
      <c r="H31" s="197">
        <v>14</v>
      </c>
      <c r="I31" s="197">
        <v>20</v>
      </c>
      <c r="J31" s="195">
        <v>11</v>
      </c>
      <c r="K31" s="198">
        <v>46</v>
      </c>
      <c r="L31" s="199">
        <v>46</v>
      </c>
      <c r="M31" s="194">
        <v>0</v>
      </c>
      <c r="N31" s="195">
        <v>0</v>
      </c>
      <c r="O31" s="198">
        <v>0</v>
      </c>
      <c r="P31" s="196">
        <v>0</v>
      </c>
      <c r="Q31" s="197">
        <v>1</v>
      </c>
      <c r="R31" s="197">
        <v>14</v>
      </c>
      <c r="S31" s="197">
        <v>20</v>
      </c>
      <c r="T31" s="195">
        <v>11</v>
      </c>
      <c r="U31" s="198">
        <v>46</v>
      </c>
      <c r="V31" s="200">
        <v>46</v>
      </c>
      <c r="W31" s="201">
        <v>0</v>
      </c>
      <c r="X31" s="195">
        <v>0</v>
      </c>
      <c r="Y31" s="198">
        <v>0</v>
      </c>
      <c r="Z31" s="201">
        <v>0</v>
      </c>
      <c r="AA31" s="197">
        <v>0</v>
      </c>
      <c r="AB31" s="197">
        <v>0</v>
      </c>
      <c r="AC31" s="197">
        <v>0</v>
      </c>
      <c r="AD31" s="195">
        <v>0</v>
      </c>
      <c r="AE31" s="198">
        <v>0</v>
      </c>
      <c r="AF31" s="202">
        <v>0</v>
      </c>
      <c r="AG31" s="201">
        <v>0</v>
      </c>
      <c r="AH31" s="195">
        <v>0</v>
      </c>
      <c r="AI31" s="198">
        <v>0</v>
      </c>
      <c r="AJ31" s="201">
        <v>1</v>
      </c>
      <c r="AK31" s="197">
        <v>8</v>
      </c>
      <c r="AL31" s="197">
        <v>10</v>
      </c>
      <c r="AM31" s="197">
        <v>13</v>
      </c>
      <c r="AN31" s="195">
        <v>4</v>
      </c>
      <c r="AO31" s="198">
        <v>36</v>
      </c>
      <c r="AP31" s="202">
        <v>36</v>
      </c>
      <c r="AQ31" s="201">
        <v>0</v>
      </c>
      <c r="AR31" s="195">
        <v>0</v>
      </c>
      <c r="AS31" s="198">
        <v>0</v>
      </c>
      <c r="AT31" s="196">
        <v>1</v>
      </c>
      <c r="AU31" s="197">
        <v>8</v>
      </c>
      <c r="AV31" s="197">
        <v>10</v>
      </c>
      <c r="AW31" s="197">
        <v>13</v>
      </c>
      <c r="AX31" s="195">
        <v>3</v>
      </c>
      <c r="AY31" s="198">
        <v>35</v>
      </c>
      <c r="AZ31" s="199">
        <v>35</v>
      </c>
      <c r="BA31" s="194">
        <v>0</v>
      </c>
      <c r="BB31" s="195">
        <v>0</v>
      </c>
      <c r="BC31" s="195">
        <v>0</v>
      </c>
      <c r="BD31" s="196">
        <v>0</v>
      </c>
      <c r="BE31" s="197">
        <v>0</v>
      </c>
      <c r="BF31" s="197">
        <v>0</v>
      </c>
      <c r="BG31" s="197">
        <v>0</v>
      </c>
      <c r="BH31" s="195">
        <v>1</v>
      </c>
      <c r="BI31" s="198">
        <v>1</v>
      </c>
      <c r="BJ31" s="200">
        <v>1</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1</v>
      </c>
      <c r="DW31" s="197">
        <v>9</v>
      </c>
      <c r="DX31" s="197">
        <v>24</v>
      </c>
      <c r="DY31" s="197">
        <v>32</v>
      </c>
      <c r="DZ31" s="195">
        <v>15</v>
      </c>
      <c r="EA31" s="198">
        <v>81</v>
      </c>
      <c r="EB31" s="200">
        <v>81</v>
      </c>
      <c r="EC31" s="37"/>
    </row>
    <row r="32" spans="2:133" ht="20.25" customHeight="1" x14ac:dyDescent="0.2">
      <c r="B32" s="62" t="s">
        <v>29</v>
      </c>
      <c r="C32" s="194">
        <v>0</v>
      </c>
      <c r="D32" s="195">
        <v>0</v>
      </c>
      <c r="E32" s="195">
        <v>0</v>
      </c>
      <c r="F32" s="196">
        <v>0</v>
      </c>
      <c r="G32" s="197">
        <v>3</v>
      </c>
      <c r="H32" s="197">
        <v>15</v>
      </c>
      <c r="I32" s="197">
        <v>34</v>
      </c>
      <c r="J32" s="195">
        <v>19</v>
      </c>
      <c r="K32" s="198">
        <v>71</v>
      </c>
      <c r="L32" s="199">
        <v>71</v>
      </c>
      <c r="M32" s="194">
        <v>0</v>
      </c>
      <c r="N32" s="195">
        <v>0</v>
      </c>
      <c r="O32" s="198">
        <v>0</v>
      </c>
      <c r="P32" s="196">
        <v>0</v>
      </c>
      <c r="Q32" s="197">
        <v>3</v>
      </c>
      <c r="R32" s="197">
        <v>15</v>
      </c>
      <c r="S32" s="197">
        <v>34</v>
      </c>
      <c r="T32" s="195">
        <v>19</v>
      </c>
      <c r="U32" s="198">
        <v>71</v>
      </c>
      <c r="V32" s="200">
        <v>71</v>
      </c>
      <c r="W32" s="201">
        <v>0</v>
      </c>
      <c r="X32" s="195">
        <v>0</v>
      </c>
      <c r="Y32" s="198">
        <v>0</v>
      </c>
      <c r="Z32" s="201">
        <v>0</v>
      </c>
      <c r="AA32" s="197">
        <v>0</v>
      </c>
      <c r="AB32" s="197">
        <v>0</v>
      </c>
      <c r="AC32" s="197">
        <v>0</v>
      </c>
      <c r="AD32" s="195">
        <v>0</v>
      </c>
      <c r="AE32" s="198">
        <v>0</v>
      </c>
      <c r="AF32" s="202">
        <v>0</v>
      </c>
      <c r="AG32" s="201">
        <v>0</v>
      </c>
      <c r="AH32" s="195">
        <v>0</v>
      </c>
      <c r="AI32" s="198">
        <v>0</v>
      </c>
      <c r="AJ32" s="201">
        <v>3</v>
      </c>
      <c r="AK32" s="197">
        <v>6</v>
      </c>
      <c r="AL32" s="197">
        <v>8</v>
      </c>
      <c r="AM32" s="197">
        <v>12</v>
      </c>
      <c r="AN32" s="195">
        <v>12</v>
      </c>
      <c r="AO32" s="198">
        <v>41</v>
      </c>
      <c r="AP32" s="202">
        <v>41</v>
      </c>
      <c r="AQ32" s="201">
        <v>0</v>
      </c>
      <c r="AR32" s="195">
        <v>0</v>
      </c>
      <c r="AS32" s="198">
        <v>0</v>
      </c>
      <c r="AT32" s="196">
        <v>3</v>
      </c>
      <c r="AU32" s="197">
        <v>6</v>
      </c>
      <c r="AV32" s="197">
        <v>8</v>
      </c>
      <c r="AW32" s="197">
        <v>12</v>
      </c>
      <c r="AX32" s="195">
        <v>11</v>
      </c>
      <c r="AY32" s="198">
        <v>40</v>
      </c>
      <c r="AZ32" s="199">
        <v>40</v>
      </c>
      <c r="BA32" s="194">
        <v>0</v>
      </c>
      <c r="BB32" s="195">
        <v>0</v>
      </c>
      <c r="BC32" s="195">
        <v>0</v>
      </c>
      <c r="BD32" s="196">
        <v>0</v>
      </c>
      <c r="BE32" s="197">
        <v>0</v>
      </c>
      <c r="BF32" s="197">
        <v>0</v>
      </c>
      <c r="BG32" s="197">
        <v>0</v>
      </c>
      <c r="BH32" s="195">
        <v>1</v>
      </c>
      <c r="BI32" s="198">
        <v>1</v>
      </c>
      <c r="BJ32" s="200">
        <v>1</v>
      </c>
      <c r="BK32" s="201">
        <v>0</v>
      </c>
      <c r="BL32" s="195">
        <v>0</v>
      </c>
      <c r="BM32" s="195">
        <v>0</v>
      </c>
      <c r="BN32" s="196">
        <v>0</v>
      </c>
      <c r="BO32" s="197">
        <v>0</v>
      </c>
      <c r="BP32" s="197">
        <v>0</v>
      </c>
      <c r="BQ32" s="197">
        <v>0</v>
      </c>
      <c r="BR32" s="195">
        <v>2</v>
      </c>
      <c r="BS32" s="198">
        <v>2</v>
      </c>
      <c r="BT32" s="199">
        <v>2</v>
      </c>
      <c r="BU32" s="194">
        <v>0</v>
      </c>
      <c r="BV32" s="195">
        <v>0</v>
      </c>
      <c r="BW32" s="195">
        <v>0</v>
      </c>
      <c r="BX32" s="196">
        <v>0</v>
      </c>
      <c r="BY32" s="197">
        <v>0</v>
      </c>
      <c r="BZ32" s="197">
        <v>0</v>
      </c>
      <c r="CA32" s="197">
        <v>0</v>
      </c>
      <c r="CB32" s="195">
        <v>2</v>
      </c>
      <c r="CC32" s="198">
        <v>2</v>
      </c>
      <c r="CD32" s="200">
        <v>2</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1</v>
      </c>
      <c r="CV32" s="195">
        <v>0</v>
      </c>
      <c r="CW32" s="198">
        <v>1</v>
      </c>
      <c r="CX32" s="199">
        <v>1</v>
      </c>
      <c r="CY32" s="194">
        <v>0</v>
      </c>
      <c r="CZ32" s="195">
        <v>0</v>
      </c>
      <c r="DA32" s="195">
        <v>0</v>
      </c>
      <c r="DB32" s="196">
        <v>0</v>
      </c>
      <c r="DC32" s="197">
        <v>0</v>
      </c>
      <c r="DD32" s="197">
        <v>0</v>
      </c>
      <c r="DE32" s="197">
        <v>1</v>
      </c>
      <c r="DF32" s="195">
        <v>0</v>
      </c>
      <c r="DG32" s="198">
        <v>1</v>
      </c>
      <c r="DH32" s="200">
        <v>1</v>
      </c>
      <c r="DI32" s="201">
        <v>0</v>
      </c>
      <c r="DJ32" s="195">
        <v>0</v>
      </c>
      <c r="DK32" s="195">
        <v>0</v>
      </c>
      <c r="DL32" s="196">
        <v>0</v>
      </c>
      <c r="DM32" s="197">
        <v>0</v>
      </c>
      <c r="DN32" s="197">
        <v>0</v>
      </c>
      <c r="DO32" s="197">
        <v>0</v>
      </c>
      <c r="DP32" s="195">
        <v>0</v>
      </c>
      <c r="DQ32" s="198">
        <v>0</v>
      </c>
      <c r="DR32" s="200">
        <v>0</v>
      </c>
      <c r="DS32" s="201">
        <v>0</v>
      </c>
      <c r="DT32" s="195">
        <v>0</v>
      </c>
      <c r="DU32" s="195">
        <v>0</v>
      </c>
      <c r="DV32" s="196">
        <v>3</v>
      </c>
      <c r="DW32" s="197">
        <v>9</v>
      </c>
      <c r="DX32" s="197">
        <v>23</v>
      </c>
      <c r="DY32" s="197">
        <v>47</v>
      </c>
      <c r="DZ32" s="195">
        <v>33</v>
      </c>
      <c r="EA32" s="198">
        <v>115</v>
      </c>
      <c r="EB32" s="200">
        <v>115</v>
      </c>
      <c r="EC32" s="37"/>
    </row>
    <row r="33" spans="2:133" ht="20.25" customHeight="1" x14ac:dyDescent="0.2">
      <c r="B33" s="62" t="s">
        <v>30</v>
      </c>
      <c r="C33" s="194">
        <v>0</v>
      </c>
      <c r="D33" s="195">
        <v>0</v>
      </c>
      <c r="E33" s="195">
        <v>0</v>
      </c>
      <c r="F33" s="196">
        <v>1</v>
      </c>
      <c r="G33" s="197">
        <v>1</v>
      </c>
      <c r="H33" s="197">
        <v>20</v>
      </c>
      <c r="I33" s="197">
        <v>21</v>
      </c>
      <c r="J33" s="195">
        <v>16</v>
      </c>
      <c r="K33" s="198">
        <v>59</v>
      </c>
      <c r="L33" s="199">
        <v>59</v>
      </c>
      <c r="M33" s="194">
        <v>0</v>
      </c>
      <c r="N33" s="195">
        <v>0</v>
      </c>
      <c r="O33" s="198">
        <v>0</v>
      </c>
      <c r="P33" s="196">
        <v>1</v>
      </c>
      <c r="Q33" s="197">
        <v>1</v>
      </c>
      <c r="R33" s="197">
        <v>20</v>
      </c>
      <c r="S33" s="197">
        <v>21</v>
      </c>
      <c r="T33" s="195">
        <v>16</v>
      </c>
      <c r="U33" s="198">
        <v>59</v>
      </c>
      <c r="V33" s="200">
        <v>59</v>
      </c>
      <c r="W33" s="201">
        <v>0</v>
      </c>
      <c r="X33" s="195">
        <v>0</v>
      </c>
      <c r="Y33" s="198">
        <v>0</v>
      </c>
      <c r="Z33" s="201">
        <v>0</v>
      </c>
      <c r="AA33" s="197">
        <v>0</v>
      </c>
      <c r="AB33" s="197">
        <v>0</v>
      </c>
      <c r="AC33" s="197">
        <v>0</v>
      </c>
      <c r="AD33" s="195">
        <v>0</v>
      </c>
      <c r="AE33" s="198">
        <v>0</v>
      </c>
      <c r="AF33" s="202">
        <v>0</v>
      </c>
      <c r="AG33" s="201">
        <v>0</v>
      </c>
      <c r="AH33" s="195">
        <v>0</v>
      </c>
      <c r="AI33" s="198">
        <v>0</v>
      </c>
      <c r="AJ33" s="201">
        <v>6</v>
      </c>
      <c r="AK33" s="197">
        <v>3</v>
      </c>
      <c r="AL33" s="197">
        <v>15</v>
      </c>
      <c r="AM33" s="197">
        <v>18</v>
      </c>
      <c r="AN33" s="195">
        <v>5</v>
      </c>
      <c r="AO33" s="198">
        <v>47</v>
      </c>
      <c r="AP33" s="202">
        <v>47</v>
      </c>
      <c r="AQ33" s="201">
        <v>0</v>
      </c>
      <c r="AR33" s="195">
        <v>0</v>
      </c>
      <c r="AS33" s="198">
        <v>0</v>
      </c>
      <c r="AT33" s="196">
        <v>6</v>
      </c>
      <c r="AU33" s="197">
        <v>3</v>
      </c>
      <c r="AV33" s="197">
        <v>14</v>
      </c>
      <c r="AW33" s="197">
        <v>18</v>
      </c>
      <c r="AX33" s="195">
        <v>5</v>
      </c>
      <c r="AY33" s="198">
        <v>46</v>
      </c>
      <c r="AZ33" s="199">
        <v>46</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0</v>
      </c>
      <c r="CU33" s="197">
        <v>0</v>
      </c>
      <c r="CV33" s="195">
        <v>3</v>
      </c>
      <c r="CW33" s="198">
        <v>4</v>
      </c>
      <c r="CX33" s="199">
        <v>4</v>
      </c>
      <c r="CY33" s="194">
        <v>0</v>
      </c>
      <c r="CZ33" s="195">
        <v>0</v>
      </c>
      <c r="DA33" s="195">
        <v>0</v>
      </c>
      <c r="DB33" s="196">
        <v>0</v>
      </c>
      <c r="DC33" s="197">
        <v>1</v>
      </c>
      <c r="DD33" s="197">
        <v>0</v>
      </c>
      <c r="DE33" s="197">
        <v>0</v>
      </c>
      <c r="DF33" s="195">
        <v>2</v>
      </c>
      <c r="DG33" s="198">
        <v>3</v>
      </c>
      <c r="DH33" s="200">
        <v>3</v>
      </c>
      <c r="DI33" s="201">
        <v>0</v>
      </c>
      <c r="DJ33" s="195">
        <v>0</v>
      </c>
      <c r="DK33" s="195">
        <v>0</v>
      </c>
      <c r="DL33" s="196">
        <v>0</v>
      </c>
      <c r="DM33" s="197">
        <v>0</v>
      </c>
      <c r="DN33" s="197">
        <v>0</v>
      </c>
      <c r="DO33" s="197">
        <v>0</v>
      </c>
      <c r="DP33" s="195">
        <v>1</v>
      </c>
      <c r="DQ33" s="198">
        <v>1</v>
      </c>
      <c r="DR33" s="200">
        <v>1</v>
      </c>
      <c r="DS33" s="201">
        <v>0</v>
      </c>
      <c r="DT33" s="195">
        <v>0</v>
      </c>
      <c r="DU33" s="195">
        <v>0</v>
      </c>
      <c r="DV33" s="196">
        <v>7</v>
      </c>
      <c r="DW33" s="197">
        <v>5</v>
      </c>
      <c r="DX33" s="197">
        <v>35</v>
      </c>
      <c r="DY33" s="197">
        <v>39</v>
      </c>
      <c r="DZ33" s="195">
        <v>24</v>
      </c>
      <c r="EA33" s="198">
        <v>110</v>
      </c>
      <c r="EB33" s="200">
        <v>110</v>
      </c>
      <c r="EC33" s="37"/>
    </row>
    <row r="34" spans="2:133" ht="20.25" customHeight="1" x14ac:dyDescent="0.2">
      <c r="B34" s="62" t="s">
        <v>31</v>
      </c>
      <c r="C34" s="194">
        <v>0</v>
      </c>
      <c r="D34" s="195">
        <v>0</v>
      </c>
      <c r="E34" s="195">
        <v>0</v>
      </c>
      <c r="F34" s="196">
        <v>0</v>
      </c>
      <c r="G34" s="197">
        <v>2</v>
      </c>
      <c r="H34" s="197">
        <v>29</v>
      </c>
      <c r="I34" s="197">
        <v>27</v>
      </c>
      <c r="J34" s="195">
        <v>22</v>
      </c>
      <c r="K34" s="198">
        <v>80</v>
      </c>
      <c r="L34" s="199">
        <v>80</v>
      </c>
      <c r="M34" s="194">
        <v>0</v>
      </c>
      <c r="N34" s="195">
        <v>0</v>
      </c>
      <c r="O34" s="198">
        <v>0</v>
      </c>
      <c r="P34" s="196">
        <v>0</v>
      </c>
      <c r="Q34" s="197">
        <v>2</v>
      </c>
      <c r="R34" s="197">
        <v>28</v>
      </c>
      <c r="S34" s="197">
        <v>27</v>
      </c>
      <c r="T34" s="195">
        <v>22</v>
      </c>
      <c r="U34" s="198">
        <v>79</v>
      </c>
      <c r="V34" s="200">
        <v>79</v>
      </c>
      <c r="W34" s="201">
        <v>0</v>
      </c>
      <c r="X34" s="195">
        <v>0</v>
      </c>
      <c r="Y34" s="198">
        <v>0</v>
      </c>
      <c r="Z34" s="201">
        <v>0</v>
      </c>
      <c r="AA34" s="197">
        <v>0</v>
      </c>
      <c r="AB34" s="197">
        <v>1</v>
      </c>
      <c r="AC34" s="197">
        <v>0</v>
      </c>
      <c r="AD34" s="195">
        <v>0</v>
      </c>
      <c r="AE34" s="198">
        <v>1</v>
      </c>
      <c r="AF34" s="202">
        <v>1</v>
      </c>
      <c r="AG34" s="201">
        <v>0</v>
      </c>
      <c r="AH34" s="195">
        <v>0</v>
      </c>
      <c r="AI34" s="198">
        <v>0</v>
      </c>
      <c r="AJ34" s="201">
        <v>3</v>
      </c>
      <c r="AK34" s="197">
        <v>11</v>
      </c>
      <c r="AL34" s="197">
        <v>9</v>
      </c>
      <c r="AM34" s="197">
        <v>7</v>
      </c>
      <c r="AN34" s="195">
        <v>5</v>
      </c>
      <c r="AO34" s="198">
        <v>35</v>
      </c>
      <c r="AP34" s="202">
        <v>35</v>
      </c>
      <c r="AQ34" s="201">
        <v>0</v>
      </c>
      <c r="AR34" s="195">
        <v>0</v>
      </c>
      <c r="AS34" s="198">
        <v>0</v>
      </c>
      <c r="AT34" s="196">
        <v>3</v>
      </c>
      <c r="AU34" s="197">
        <v>11</v>
      </c>
      <c r="AV34" s="197">
        <v>9</v>
      </c>
      <c r="AW34" s="197">
        <v>7</v>
      </c>
      <c r="AX34" s="195">
        <v>5</v>
      </c>
      <c r="AY34" s="198">
        <v>35</v>
      </c>
      <c r="AZ34" s="199">
        <v>35</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0</v>
      </c>
      <c r="BR34" s="195">
        <v>0</v>
      </c>
      <c r="BS34" s="198">
        <v>0</v>
      </c>
      <c r="BT34" s="199">
        <v>0</v>
      </c>
      <c r="BU34" s="194">
        <v>0</v>
      </c>
      <c r="BV34" s="195">
        <v>0</v>
      </c>
      <c r="BW34" s="195">
        <v>0</v>
      </c>
      <c r="BX34" s="196">
        <v>0</v>
      </c>
      <c r="BY34" s="197">
        <v>0</v>
      </c>
      <c r="BZ34" s="197">
        <v>0</v>
      </c>
      <c r="CA34" s="197">
        <v>0</v>
      </c>
      <c r="CB34" s="195">
        <v>0</v>
      </c>
      <c r="CC34" s="198">
        <v>0</v>
      </c>
      <c r="CD34" s="200">
        <v>0</v>
      </c>
      <c r="CE34" s="201">
        <v>0</v>
      </c>
      <c r="CF34" s="195">
        <v>0</v>
      </c>
      <c r="CG34" s="195">
        <v>0</v>
      </c>
      <c r="CH34" s="196">
        <v>0</v>
      </c>
      <c r="CI34" s="197">
        <v>0</v>
      </c>
      <c r="CJ34" s="197">
        <v>0</v>
      </c>
      <c r="CK34" s="197">
        <v>0</v>
      </c>
      <c r="CL34" s="195">
        <v>0</v>
      </c>
      <c r="CM34" s="198">
        <v>0</v>
      </c>
      <c r="CN34" s="200">
        <v>0</v>
      </c>
      <c r="CO34" s="201">
        <v>0</v>
      </c>
      <c r="CP34" s="195">
        <v>0</v>
      </c>
      <c r="CQ34" s="195">
        <v>0</v>
      </c>
      <c r="CR34" s="196">
        <v>0</v>
      </c>
      <c r="CS34" s="197">
        <v>0</v>
      </c>
      <c r="CT34" s="197">
        <v>0</v>
      </c>
      <c r="CU34" s="197">
        <v>0</v>
      </c>
      <c r="CV34" s="195">
        <v>0</v>
      </c>
      <c r="CW34" s="198">
        <v>0</v>
      </c>
      <c r="CX34" s="199">
        <v>0</v>
      </c>
      <c r="CY34" s="194">
        <v>0</v>
      </c>
      <c r="CZ34" s="195">
        <v>0</v>
      </c>
      <c r="DA34" s="195">
        <v>0</v>
      </c>
      <c r="DB34" s="196">
        <v>0</v>
      </c>
      <c r="DC34" s="197">
        <v>0</v>
      </c>
      <c r="DD34" s="197">
        <v>0</v>
      </c>
      <c r="DE34" s="197">
        <v>0</v>
      </c>
      <c r="DF34" s="195">
        <v>0</v>
      </c>
      <c r="DG34" s="198">
        <v>0</v>
      </c>
      <c r="DH34" s="200">
        <v>0</v>
      </c>
      <c r="DI34" s="201">
        <v>0</v>
      </c>
      <c r="DJ34" s="195">
        <v>0</v>
      </c>
      <c r="DK34" s="195">
        <v>0</v>
      </c>
      <c r="DL34" s="196">
        <v>0</v>
      </c>
      <c r="DM34" s="197">
        <v>0</v>
      </c>
      <c r="DN34" s="197">
        <v>0</v>
      </c>
      <c r="DO34" s="197">
        <v>0</v>
      </c>
      <c r="DP34" s="195">
        <v>0</v>
      </c>
      <c r="DQ34" s="198">
        <v>0</v>
      </c>
      <c r="DR34" s="200">
        <v>0</v>
      </c>
      <c r="DS34" s="201">
        <v>0</v>
      </c>
      <c r="DT34" s="195">
        <v>0</v>
      </c>
      <c r="DU34" s="195">
        <v>0</v>
      </c>
      <c r="DV34" s="196">
        <v>3</v>
      </c>
      <c r="DW34" s="197">
        <v>13</v>
      </c>
      <c r="DX34" s="197">
        <v>38</v>
      </c>
      <c r="DY34" s="197">
        <v>34</v>
      </c>
      <c r="DZ34" s="195">
        <v>27</v>
      </c>
      <c r="EA34" s="198">
        <v>115</v>
      </c>
      <c r="EB34" s="200">
        <v>115</v>
      </c>
      <c r="EC34" s="37"/>
    </row>
    <row r="35" spans="2:133" ht="20.25" customHeight="1" x14ac:dyDescent="0.2">
      <c r="B35" s="62" t="s">
        <v>32</v>
      </c>
      <c r="C35" s="194">
        <v>0</v>
      </c>
      <c r="D35" s="195">
        <v>0</v>
      </c>
      <c r="E35" s="195">
        <v>0</v>
      </c>
      <c r="F35" s="196">
        <v>1</v>
      </c>
      <c r="G35" s="197">
        <v>0</v>
      </c>
      <c r="H35" s="197">
        <v>10</v>
      </c>
      <c r="I35" s="197">
        <v>19</v>
      </c>
      <c r="J35" s="195">
        <v>11</v>
      </c>
      <c r="K35" s="198">
        <v>41</v>
      </c>
      <c r="L35" s="199">
        <v>41</v>
      </c>
      <c r="M35" s="194">
        <v>0</v>
      </c>
      <c r="N35" s="195">
        <v>0</v>
      </c>
      <c r="O35" s="198">
        <v>0</v>
      </c>
      <c r="P35" s="196">
        <v>1</v>
      </c>
      <c r="Q35" s="197">
        <v>0</v>
      </c>
      <c r="R35" s="197">
        <v>10</v>
      </c>
      <c r="S35" s="197">
        <v>19</v>
      </c>
      <c r="T35" s="195">
        <v>10</v>
      </c>
      <c r="U35" s="198">
        <v>40</v>
      </c>
      <c r="V35" s="200">
        <v>40</v>
      </c>
      <c r="W35" s="201">
        <v>0</v>
      </c>
      <c r="X35" s="195">
        <v>0</v>
      </c>
      <c r="Y35" s="198">
        <v>0</v>
      </c>
      <c r="Z35" s="201">
        <v>0</v>
      </c>
      <c r="AA35" s="197">
        <v>0</v>
      </c>
      <c r="AB35" s="197">
        <v>0</v>
      </c>
      <c r="AC35" s="197">
        <v>0</v>
      </c>
      <c r="AD35" s="195">
        <v>1</v>
      </c>
      <c r="AE35" s="198">
        <v>1</v>
      </c>
      <c r="AF35" s="202">
        <v>1</v>
      </c>
      <c r="AG35" s="201">
        <v>0</v>
      </c>
      <c r="AH35" s="195">
        <v>0</v>
      </c>
      <c r="AI35" s="198">
        <v>0</v>
      </c>
      <c r="AJ35" s="201">
        <v>1</v>
      </c>
      <c r="AK35" s="197">
        <v>10</v>
      </c>
      <c r="AL35" s="197">
        <v>13</v>
      </c>
      <c r="AM35" s="197">
        <v>15</v>
      </c>
      <c r="AN35" s="195">
        <v>6</v>
      </c>
      <c r="AO35" s="198">
        <v>45</v>
      </c>
      <c r="AP35" s="202">
        <v>45</v>
      </c>
      <c r="AQ35" s="201">
        <v>0</v>
      </c>
      <c r="AR35" s="195">
        <v>0</v>
      </c>
      <c r="AS35" s="198">
        <v>0</v>
      </c>
      <c r="AT35" s="196">
        <v>1</v>
      </c>
      <c r="AU35" s="197">
        <v>10</v>
      </c>
      <c r="AV35" s="197">
        <v>13</v>
      </c>
      <c r="AW35" s="197">
        <v>15</v>
      </c>
      <c r="AX35" s="195">
        <v>6</v>
      </c>
      <c r="AY35" s="198">
        <v>45</v>
      </c>
      <c r="AZ35" s="199">
        <v>45</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0</v>
      </c>
      <c r="CU35" s="197">
        <v>0</v>
      </c>
      <c r="CV35" s="195">
        <v>1</v>
      </c>
      <c r="CW35" s="198">
        <v>1</v>
      </c>
      <c r="CX35" s="199">
        <v>1</v>
      </c>
      <c r="CY35" s="194">
        <v>0</v>
      </c>
      <c r="CZ35" s="195">
        <v>0</v>
      </c>
      <c r="DA35" s="195">
        <v>0</v>
      </c>
      <c r="DB35" s="196">
        <v>0</v>
      </c>
      <c r="DC35" s="197">
        <v>0</v>
      </c>
      <c r="DD35" s="197">
        <v>0</v>
      </c>
      <c r="DE35" s="197">
        <v>0</v>
      </c>
      <c r="DF35" s="195">
        <v>1</v>
      </c>
      <c r="DG35" s="198">
        <v>1</v>
      </c>
      <c r="DH35" s="200">
        <v>1</v>
      </c>
      <c r="DI35" s="201">
        <v>0</v>
      </c>
      <c r="DJ35" s="195">
        <v>0</v>
      </c>
      <c r="DK35" s="195">
        <v>0</v>
      </c>
      <c r="DL35" s="196">
        <v>0</v>
      </c>
      <c r="DM35" s="197">
        <v>0</v>
      </c>
      <c r="DN35" s="197">
        <v>0</v>
      </c>
      <c r="DO35" s="197">
        <v>0</v>
      </c>
      <c r="DP35" s="195">
        <v>0</v>
      </c>
      <c r="DQ35" s="198">
        <v>0</v>
      </c>
      <c r="DR35" s="200">
        <v>0</v>
      </c>
      <c r="DS35" s="201">
        <v>0</v>
      </c>
      <c r="DT35" s="195">
        <v>0</v>
      </c>
      <c r="DU35" s="195">
        <v>0</v>
      </c>
      <c r="DV35" s="196">
        <v>2</v>
      </c>
      <c r="DW35" s="197">
        <v>10</v>
      </c>
      <c r="DX35" s="197">
        <v>23</v>
      </c>
      <c r="DY35" s="197">
        <v>34</v>
      </c>
      <c r="DZ35" s="195">
        <v>18</v>
      </c>
      <c r="EA35" s="198">
        <v>87</v>
      </c>
      <c r="EB35" s="200">
        <v>87</v>
      </c>
      <c r="EC35" s="37"/>
    </row>
    <row r="36" spans="2:133" ht="20.25" customHeight="1" x14ac:dyDescent="0.2">
      <c r="B36" s="62" t="s">
        <v>33</v>
      </c>
      <c r="C36" s="194">
        <v>0</v>
      </c>
      <c r="D36" s="195">
        <v>0</v>
      </c>
      <c r="E36" s="195">
        <v>0</v>
      </c>
      <c r="F36" s="196">
        <v>0</v>
      </c>
      <c r="G36" s="197">
        <v>6</v>
      </c>
      <c r="H36" s="197">
        <v>24</v>
      </c>
      <c r="I36" s="197">
        <v>35</v>
      </c>
      <c r="J36" s="195">
        <v>22</v>
      </c>
      <c r="K36" s="198">
        <v>87</v>
      </c>
      <c r="L36" s="199">
        <v>87</v>
      </c>
      <c r="M36" s="194">
        <v>0</v>
      </c>
      <c r="N36" s="195">
        <v>0</v>
      </c>
      <c r="O36" s="198">
        <v>0</v>
      </c>
      <c r="P36" s="196">
        <v>0</v>
      </c>
      <c r="Q36" s="197">
        <v>6</v>
      </c>
      <c r="R36" s="197">
        <v>24</v>
      </c>
      <c r="S36" s="197">
        <v>35</v>
      </c>
      <c r="T36" s="195">
        <v>22</v>
      </c>
      <c r="U36" s="198">
        <v>87</v>
      </c>
      <c r="V36" s="200">
        <v>87</v>
      </c>
      <c r="W36" s="201">
        <v>0</v>
      </c>
      <c r="X36" s="195">
        <v>0</v>
      </c>
      <c r="Y36" s="198">
        <v>0</v>
      </c>
      <c r="Z36" s="201">
        <v>0</v>
      </c>
      <c r="AA36" s="197">
        <v>0</v>
      </c>
      <c r="AB36" s="197">
        <v>0</v>
      </c>
      <c r="AC36" s="197">
        <v>0</v>
      </c>
      <c r="AD36" s="195">
        <v>0</v>
      </c>
      <c r="AE36" s="198">
        <v>0</v>
      </c>
      <c r="AF36" s="202">
        <v>0</v>
      </c>
      <c r="AG36" s="201">
        <v>0</v>
      </c>
      <c r="AH36" s="195">
        <v>0</v>
      </c>
      <c r="AI36" s="198">
        <v>0</v>
      </c>
      <c r="AJ36" s="201">
        <v>9</v>
      </c>
      <c r="AK36" s="197">
        <v>7</v>
      </c>
      <c r="AL36" s="197">
        <v>13</v>
      </c>
      <c r="AM36" s="197">
        <v>16</v>
      </c>
      <c r="AN36" s="195">
        <v>4</v>
      </c>
      <c r="AO36" s="198">
        <v>49</v>
      </c>
      <c r="AP36" s="202">
        <v>49</v>
      </c>
      <c r="AQ36" s="201">
        <v>0</v>
      </c>
      <c r="AR36" s="195">
        <v>0</v>
      </c>
      <c r="AS36" s="198">
        <v>0</v>
      </c>
      <c r="AT36" s="196">
        <v>9</v>
      </c>
      <c r="AU36" s="197">
        <v>7</v>
      </c>
      <c r="AV36" s="197">
        <v>13</v>
      </c>
      <c r="AW36" s="197">
        <v>16</v>
      </c>
      <c r="AX36" s="195">
        <v>4</v>
      </c>
      <c r="AY36" s="198">
        <v>49</v>
      </c>
      <c r="AZ36" s="199">
        <v>49</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3</v>
      </c>
      <c r="CS36" s="197">
        <v>8</v>
      </c>
      <c r="CT36" s="197">
        <v>5</v>
      </c>
      <c r="CU36" s="197">
        <v>6</v>
      </c>
      <c r="CV36" s="195">
        <v>8</v>
      </c>
      <c r="CW36" s="198">
        <v>30</v>
      </c>
      <c r="CX36" s="199">
        <v>30</v>
      </c>
      <c r="CY36" s="194">
        <v>0</v>
      </c>
      <c r="CZ36" s="195">
        <v>0</v>
      </c>
      <c r="DA36" s="195">
        <v>0</v>
      </c>
      <c r="DB36" s="196">
        <v>3</v>
      </c>
      <c r="DC36" s="197">
        <v>8</v>
      </c>
      <c r="DD36" s="197">
        <v>5</v>
      </c>
      <c r="DE36" s="197">
        <v>6</v>
      </c>
      <c r="DF36" s="195">
        <v>8</v>
      </c>
      <c r="DG36" s="198">
        <v>30</v>
      </c>
      <c r="DH36" s="200">
        <v>30</v>
      </c>
      <c r="DI36" s="201">
        <v>0</v>
      </c>
      <c r="DJ36" s="195">
        <v>0</v>
      </c>
      <c r="DK36" s="195">
        <v>0</v>
      </c>
      <c r="DL36" s="196">
        <v>0</v>
      </c>
      <c r="DM36" s="197">
        <v>0</v>
      </c>
      <c r="DN36" s="197">
        <v>0</v>
      </c>
      <c r="DO36" s="197">
        <v>0</v>
      </c>
      <c r="DP36" s="195">
        <v>0</v>
      </c>
      <c r="DQ36" s="198">
        <v>0</v>
      </c>
      <c r="DR36" s="200">
        <v>0</v>
      </c>
      <c r="DS36" s="201">
        <v>0</v>
      </c>
      <c r="DT36" s="195">
        <v>0</v>
      </c>
      <c r="DU36" s="195">
        <v>0</v>
      </c>
      <c r="DV36" s="196">
        <v>12</v>
      </c>
      <c r="DW36" s="197">
        <v>21</v>
      </c>
      <c r="DX36" s="197">
        <v>42</v>
      </c>
      <c r="DY36" s="197">
        <v>57</v>
      </c>
      <c r="DZ36" s="195">
        <v>34</v>
      </c>
      <c r="EA36" s="198">
        <v>166</v>
      </c>
      <c r="EB36" s="200">
        <v>166</v>
      </c>
      <c r="EC36" s="37"/>
    </row>
    <row r="37" spans="2:133" ht="20.25" customHeight="1" x14ac:dyDescent="0.2">
      <c r="B37" s="62" t="s">
        <v>34</v>
      </c>
      <c r="C37" s="194">
        <v>0</v>
      </c>
      <c r="D37" s="195">
        <v>0</v>
      </c>
      <c r="E37" s="195">
        <v>0</v>
      </c>
      <c r="F37" s="196">
        <v>0</v>
      </c>
      <c r="G37" s="197">
        <v>0</v>
      </c>
      <c r="H37" s="197">
        <v>6</v>
      </c>
      <c r="I37" s="197">
        <v>22</v>
      </c>
      <c r="J37" s="195">
        <v>13</v>
      </c>
      <c r="K37" s="198">
        <v>41</v>
      </c>
      <c r="L37" s="199">
        <v>41</v>
      </c>
      <c r="M37" s="194">
        <v>0</v>
      </c>
      <c r="N37" s="195">
        <v>0</v>
      </c>
      <c r="O37" s="198">
        <v>0</v>
      </c>
      <c r="P37" s="196">
        <v>0</v>
      </c>
      <c r="Q37" s="197">
        <v>0</v>
      </c>
      <c r="R37" s="197">
        <v>6</v>
      </c>
      <c r="S37" s="197">
        <v>22</v>
      </c>
      <c r="T37" s="195">
        <v>13</v>
      </c>
      <c r="U37" s="198">
        <v>41</v>
      </c>
      <c r="V37" s="200">
        <v>41</v>
      </c>
      <c r="W37" s="201">
        <v>0</v>
      </c>
      <c r="X37" s="195">
        <v>0</v>
      </c>
      <c r="Y37" s="198">
        <v>0</v>
      </c>
      <c r="Z37" s="201">
        <v>0</v>
      </c>
      <c r="AA37" s="197">
        <v>0</v>
      </c>
      <c r="AB37" s="197">
        <v>0</v>
      </c>
      <c r="AC37" s="197">
        <v>0</v>
      </c>
      <c r="AD37" s="195">
        <v>0</v>
      </c>
      <c r="AE37" s="198">
        <v>0</v>
      </c>
      <c r="AF37" s="202">
        <v>0</v>
      </c>
      <c r="AG37" s="201">
        <v>0</v>
      </c>
      <c r="AH37" s="195">
        <v>0</v>
      </c>
      <c r="AI37" s="198">
        <v>0</v>
      </c>
      <c r="AJ37" s="201">
        <v>4</v>
      </c>
      <c r="AK37" s="197">
        <v>8</v>
      </c>
      <c r="AL37" s="197">
        <v>12</v>
      </c>
      <c r="AM37" s="197">
        <v>10</v>
      </c>
      <c r="AN37" s="195">
        <v>5</v>
      </c>
      <c r="AO37" s="198">
        <v>39</v>
      </c>
      <c r="AP37" s="202">
        <v>39</v>
      </c>
      <c r="AQ37" s="201">
        <v>0</v>
      </c>
      <c r="AR37" s="195">
        <v>0</v>
      </c>
      <c r="AS37" s="198">
        <v>0</v>
      </c>
      <c r="AT37" s="196">
        <v>4</v>
      </c>
      <c r="AU37" s="197">
        <v>8</v>
      </c>
      <c r="AV37" s="197">
        <v>12</v>
      </c>
      <c r="AW37" s="197">
        <v>10</v>
      </c>
      <c r="AX37" s="195">
        <v>5</v>
      </c>
      <c r="AY37" s="198">
        <v>39</v>
      </c>
      <c r="AZ37" s="199">
        <v>39</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1</v>
      </c>
      <c r="CT37" s="197">
        <v>0</v>
      </c>
      <c r="CU37" s="197">
        <v>1</v>
      </c>
      <c r="CV37" s="195">
        <v>0</v>
      </c>
      <c r="CW37" s="198">
        <v>2</v>
      </c>
      <c r="CX37" s="199">
        <v>2</v>
      </c>
      <c r="CY37" s="194">
        <v>0</v>
      </c>
      <c r="CZ37" s="195">
        <v>0</v>
      </c>
      <c r="DA37" s="195">
        <v>0</v>
      </c>
      <c r="DB37" s="196">
        <v>0</v>
      </c>
      <c r="DC37" s="197">
        <v>1</v>
      </c>
      <c r="DD37" s="197">
        <v>0</v>
      </c>
      <c r="DE37" s="197">
        <v>1</v>
      </c>
      <c r="DF37" s="195">
        <v>0</v>
      </c>
      <c r="DG37" s="198">
        <v>2</v>
      </c>
      <c r="DH37" s="200">
        <v>2</v>
      </c>
      <c r="DI37" s="201">
        <v>0</v>
      </c>
      <c r="DJ37" s="195">
        <v>0</v>
      </c>
      <c r="DK37" s="195">
        <v>0</v>
      </c>
      <c r="DL37" s="196">
        <v>0</v>
      </c>
      <c r="DM37" s="197">
        <v>0</v>
      </c>
      <c r="DN37" s="197">
        <v>0</v>
      </c>
      <c r="DO37" s="197">
        <v>0</v>
      </c>
      <c r="DP37" s="195">
        <v>0</v>
      </c>
      <c r="DQ37" s="198">
        <v>0</v>
      </c>
      <c r="DR37" s="200">
        <v>0</v>
      </c>
      <c r="DS37" s="201">
        <v>0</v>
      </c>
      <c r="DT37" s="195">
        <v>0</v>
      </c>
      <c r="DU37" s="195">
        <v>0</v>
      </c>
      <c r="DV37" s="196">
        <v>4</v>
      </c>
      <c r="DW37" s="197">
        <v>9</v>
      </c>
      <c r="DX37" s="197">
        <v>18</v>
      </c>
      <c r="DY37" s="197">
        <v>33</v>
      </c>
      <c r="DZ37" s="195">
        <v>18</v>
      </c>
      <c r="EA37" s="198">
        <v>82</v>
      </c>
      <c r="EB37" s="200">
        <v>82</v>
      </c>
      <c r="EC37" s="37"/>
    </row>
    <row r="38" spans="2:133" ht="20.25" customHeight="1" x14ac:dyDescent="0.2">
      <c r="B38" s="62" t="s">
        <v>35</v>
      </c>
      <c r="C38" s="194">
        <v>0</v>
      </c>
      <c r="D38" s="195">
        <v>0</v>
      </c>
      <c r="E38" s="195">
        <v>0</v>
      </c>
      <c r="F38" s="196">
        <v>2</v>
      </c>
      <c r="G38" s="197">
        <v>2</v>
      </c>
      <c r="H38" s="197">
        <v>24</v>
      </c>
      <c r="I38" s="197">
        <v>48</v>
      </c>
      <c r="J38" s="195">
        <v>32</v>
      </c>
      <c r="K38" s="198">
        <v>108</v>
      </c>
      <c r="L38" s="199">
        <v>108</v>
      </c>
      <c r="M38" s="194">
        <v>0</v>
      </c>
      <c r="N38" s="195">
        <v>0</v>
      </c>
      <c r="O38" s="198">
        <v>0</v>
      </c>
      <c r="P38" s="196">
        <v>2</v>
      </c>
      <c r="Q38" s="197">
        <v>2</v>
      </c>
      <c r="R38" s="197">
        <v>24</v>
      </c>
      <c r="S38" s="197">
        <v>48</v>
      </c>
      <c r="T38" s="195">
        <v>32</v>
      </c>
      <c r="U38" s="198">
        <v>108</v>
      </c>
      <c r="V38" s="200">
        <v>108</v>
      </c>
      <c r="W38" s="201">
        <v>0</v>
      </c>
      <c r="X38" s="195">
        <v>0</v>
      </c>
      <c r="Y38" s="198">
        <v>0</v>
      </c>
      <c r="Z38" s="201">
        <v>0</v>
      </c>
      <c r="AA38" s="197">
        <v>0</v>
      </c>
      <c r="AB38" s="197">
        <v>0</v>
      </c>
      <c r="AC38" s="197">
        <v>0</v>
      </c>
      <c r="AD38" s="195">
        <v>0</v>
      </c>
      <c r="AE38" s="198">
        <v>0</v>
      </c>
      <c r="AF38" s="202">
        <v>0</v>
      </c>
      <c r="AG38" s="201">
        <v>0</v>
      </c>
      <c r="AH38" s="195">
        <v>0</v>
      </c>
      <c r="AI38" s="198">
        <v>0</v>
      </c>
      <c r="AJ38" s="201">
        <v>19</v>
      </c>
      <c r="AK38" s="197">
        <v>32</v>
      </c>
      <c r="AL38" s="197">
        <v>24</v>
      </c>
      <c r="AM38" s="197">
        <v>20</v>
      </c>
      <c r="AN38" s="195">
        <v>8</v>
      </c>
      <c r="AO38" s="198">
        <v>103</v>
      </c>
      <c r="AP38" s="202">
        <v>103</v>
      </c>
      <c r="AQ38" s="201">
        <v>0</v>
      </c>
      <c r="AR38" s="195">
        <v>0</v>
      </c>
      <c r="AS38" s="198">
        <v>0</v>
      </c>
      <c r="AT38" s="196">
        <v>19</v>
      </c>
      <c r="AU38" s="197">
        <v>32</v>
      </c>
      <c r="AV38" s="197">
        <v>23</v>
      </c>
      <c r="AW38" s="197">
        <v>18</v>
      </c>
      <c r="AX38" s="195">
        <v>8</v>
      </c>
      <c r="AY38" s="198">
        <v>100</v>
      </c>
      <c r="AZ38" s="199">
        <v>100</v>
      </c>
      <c r="BA38" s="194">
        <v>0</v>
      </c>
      <c r="BB38" s="195">
        <v>0</v>
      </c>
      <c r="BC38" s="195">
        <v>0</v>
      </c>
      <c r="BD38" s="196">
        <v>0</v>
      </c>
      <c r="BE38" s="197">
        <v>0</v>
      </c>
      <c r="BF38" s="197">
        <v>1</v>
      </c>
      <c r="BG38" s="197">
        <v>2</v>
      </c>
      <c r="BH38" s="195">
        <v>0</v>
      </c>
      <c r="BI38" s="198">
        <v>3</v>
      </c>
      <c r="BJ38" s="200">
        <v>3</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4</v>
      </c>
      <c r="CS38" s="197">
        <v>2</v>
      </c>
      <c r="CT38" s="197">
        <v>4</v>
      </c>
      <c r="CU38" s="197">
        <v>9</v>
      </c>
      <c r="CV38" s="195">
        <v>9</v>
      </c>
      <c r="CW38" s="198">
        <v>28</v>
      </c>
      <c r="CX38" s="199">
        <v>28</v>
      </c>
      <c r="CY38" s="194">
        <v>0</v>
      </c>
      <c r="CZ38" s="195">
        <v>0</v>
      </c>
      <c r="DA38" s="195">
        <v>0</v>
      </c>
      <c r="DB38" s="196">
        <v>4</v>
      </c>
      <c r="DC38" s="197">
        <v>1</v>
      </c>
      <c r="DD38" s="197">
        <v>4</v>
      </c>
      <c r="DE38" s="197">
        <v>9</v>
      </c>
      <c r="DF38" s="195">
        <v>8</v>
      </c>
      <c r="DG38" s="198">
        <v>26</v>
      </c>
      <c r="DH38" s="200">
        <v>26</v>
      </c>
      <c r="DI38" s="201">
        <v>0</v>
      </c>
      <c r="DJ38" s="195">
        <v>0</v>
      </c>
      <c r="DK38" s="195">
        <v>0</v>
      </c>
      <c r="DL38" s="196">
        <v>0</v>
      </c>
      <c r="DM38" s="197">
        <v>1</v>
      </c>
      <c r="DN38" s="197">
        <v>0</v>
      </c>
      <c r="DO38" s="197">
        <v>0</v>
      </c>
      <c r="DP38" s="195">
        <v>1</v>
      </c>
      <c r="DQ38" s="198">
        <v>2</v>
      </c>
      <c r="DR38" s="200">
        <v>2</v>
      </c>
      <c r="DS38" s="201">
        <v>0</v>
      </c>
      <c r="DT38" s="195">
        <v>0</v>
      </c>
      <c r="DU38" s="195">
        <v>0</v>
      </c>
      <c r="DV38" s="196">
        <v>25</v>
      </c>
      <c r="DW38" s="197">
        <v>36</v>
      </c>
      <c r="DX38" s="197">
        <v>52</v>
      </c>
      <c r="DY38" s="197">
        <v>76</v>
      </c>
      <c r="DZ38" s="195">
        <v>49</v>
      </c>
      <c r="EA38" s="198">
        <v>238</v>
      </c>
      <c r="EB38" s="200">
        <v>238</v>
      </c>
      <c r="EC38" s="37"/>
    </row>
    <row r="39" spans="2:133" ht="20.25" customHeight="1" x14ac:dyDescent="0.2">
      <c r="B39" s="62" t="s">
        <v>36</v>
      </c>
      <c r="C39" s="194">
        <v>0</v>
      </c>
      <c r="D39" s="195">
        <v>0</v>
      </c>
      <c r="E39" s="195">
        <v>0</v>
      </c>
      <c r="F39" s="196">
        <v>0</v>
      </c>
      <c r="G39" s="197">
        <v>3</v>
      </c>
      <c r="H39" s="197">
        <v>47</v>
      </c>
      <c r="I39" s="197">
        <v>80</v>
      </c>
      <c r="J39" s="195">
        <v>73</v>
      </c>
      <c r="K39" s="198">
        <v>203</v>
      </c>
      <c r="L39" s="199">
        <v>203</v>
      </c>
      <c r="M39" s="194">
        <v>0</v>
      </c>
      <c r="N39" s="195">
        <v>0</v>
      </c>
      <c r="O39" s="198">
        <v>0</v>
      </c>
      <c r="P39" s="196">
        <v>0</v>
      </c>
      <c r="Q39" s="197">
        <v>3</v>
      </c>
      <c r="R39" s="197">
        <v>47</v>
      </c>
      <c r="S39" s="197">
        <v>76</v>
      </c>
      <c r="T39" s="195">
        <v>72</v>
      </c>
      <c r="U39" s="198">
        <v>198</v>
      </c>
      <c r="V39" s="200">
        <v>198</v>
      </c>
      <c r="W39" s="201">
        <v>0</v>
      </c>
      <c r="X39" s="195">
        <v>0</v>
      </c>
      <c r="Y39" s="198">
        <v>0</v>
      </c>
      <c r="Z39" s="201">
        <v>0</v>
      </c>
      <c r="AA39" s="197">
        <v>0</v>
      </c>
      <c r="AB39" s="197">
        <v>0</v>
      </c>
      <c r="AC39" s="197">
        <v>4</v>
      </c>
      <c r="AD39" s="195">
        <v>1</v>
      </c>
      <c r="AE39" s="198">
        <v>5</v>
      </c>
      <c r="AF39" s="202">
        <v>5</v>
      </c>
      <c r="AG39" s="201">
        <v>0</v>
      </c>
      <c r="AH39" s="195">
        <v>0</v>
      </c>
      <c r="AI39" s="198">
        <v>0</v>
      </c>
      <c r="AJ39" s="201">
        <v>23</v>
      </c>
      <c r="AK39" s="197">
        <v>26</v>
      </c>
      <c r="AL39" s="197">
        <v>46</v>
      </c>
      <c r="AM39" s="197">
        <v>37</v>
      </c>
      <c r="AN39" s="195">
        <v>21</v>
      </c>
      <c r="AO39" s="198">
        <v>153</v>
      </c>
      <c r="AP39" s="202">
        <v>153</v>
      </c>
      <c r="AQ39" s="201">
        <v>0</v>
      </c>
      <c r="AR39" s="195">
        <v>0</v>
      </c>
      <c r="AS39" s="198">
        <v>0</v>
      </c>
      <c r="AT39" s="196">
        <v>23</v>
      </c>
      <c r="AU39" s="197">
        <v>26</v>
      </c>
      <c r="AV39" s="197">
        <v>45</v>
      </c>
      <c r="AW39" s="197">
        <v>35</v>
      </c>
      <c r="AX39" s="195">
        <v>20</v>
      </c>
      <c r="AY39" s="198">
        <v>149</v>
      </c>
      <c r="AZ39" s="199">
        <v>149</v>
      </c>
      <c r="BA39" s="194">
        <v>0</v>
      </c>
      <c r="BB39" s="195">
        <v>0</v>
      </c>
      <c r="BC39" s="195">
        <v>0</v>
      </c>
      <c r="BD39" s="196">
        <v>0</v>
      </c>
      <c r="BE39" s="197">
        <v>0</v>
      </c>
      <c r="BF39" s="197">
        <v>1</v>
      </c>
      <c r="BG39" s="197">
        <v>2</v>
      </c>
      <c r="BH39" s="195">
        <v>1</v>
      </c>
      <c r="BI39" s="198">
        <v>4</v>
      </c>
      <c r="BJ39" s="200">
        <v>4</v>
      </c>
      <c r="BK39" s="201">
        <v>0</v>
      </c>
      <c r="BL39" s="195">
        <v>0</v>
      </c>
      <c r="BM39" s="195">
        <v>0</v>
      </c>
      <c r="BN39" s="196">
        <v>0</v>
      </c>
      <c r="BO39" s="197">
        <v>0</v>
      </c>
      <c r="BP39" s="197">
        <v>0</v>
      </c>
      <c r="BQ39" s="197">
        <v>1</v>
      </c>
      <c r="BR39" s="195">
        <v>1</v>
      </c>
      <c r="BS39" s="198">
        <v>2</v>
      </c>
      <c r="BT39" s="199">
        <v>2</v>
      </c>
      <c r="BU39" s="194">
        <v>0</v>
      </c>
      <c r="BV39" s="195">
        <v>0</v>
      </c>
      <c r="BW39" s="195">
        <v>0</v>
      </c>
      <c r="BX39" s="196">
        <v>0</v>
      </c>
      <c r="BY39" s="197">
        <v>0</v>
      </c>
      <c r="BZ39" s="197">
        <v>0</v>
      </c>
      <c r="CA39" s="197">
        <v>1</v>
      </c>
      <c r="CB39" s="195">
        <v>1</v>
      </c>
      <c r="CC39" s="198">
        <v>2</v>
      </c>
      <c r="CD39" s="200">
        <v>2</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5</v>
      </c>
      <c r="CV39" s="195">
        <v>0</v>
      </c>
      <c r="CW39" s="198">
        <v>5</v>
      </c>
      <c r="CX39" s="199">
        <v>5</v>
      </c>
      <c r="CY39" s="194">
        <v>0</v>
      </c>
      <c r="CZ39" s="195">
        <v>0</v>
      </c>
      <c r="DA39" s="195">
        <v>0</v>
      </c>
      <c r="DB39" s="196">
        <v>0</v>
      </c>
      <c r="DC39" s="197">
        <v>0</v>
      </c>
      <c r="DD39" s="197">
        <v>0</v>
      </c>
      <c r="DE39" s="197">
        <v>4</v>
      </c>
      <c r="DF39" s="195">
        <v>0</v>
      </c>
      <c r="DG39" s="198">
        <v>4</v>
      </c>
      <c r="DH39" s="200">
        <v>4</v>
      </c>
      <c r="DI39" s="201">
        <v>0</v>
      </c>
      <c r="DJ39" s="195">
        <v>0</v>
      </c>
      <c r="DK39" s="195">
        <v>0</v>
      </c>
      <c r="DL39" s="196">
        <v>0</v>
      </c>
      <c r="DM39" s="197">
        <v>0</v>
      </c>
      <c r="DN39" s="197">
        <v>0</v>
      </c>
      <c r="DO39" s="197">
        <v>1</v>
      </c>
      <c r="DP39" s="195">
        <v>0</v>
      </c>
      <c r="DQ39" s="198">
        <v>1</v>
      </c>
      <c r="DR39" s="200">
        <v>1</v>
      </c>
      <c r="DS39" s="201">
        <v>0</v>
      </c>
      <c r="DT39" s="195">
        <v>0</v>
      </c>
      <c r="DU39" s="195">
        <v>0</v>
      </c>
      <c r="DV39" s="196">
        <v>23</v>
      </c>
      <c r="DW39" s="197">
        <v>29</v>
      </c>
      <c r="DX39" s="197">
        <v>93</v>
      </c>
      <c r="DY39" s="197">
        <v>123</v>
      </c>
      <c r="DZ39" s="195">
        <v>95</v>
      </c>
      <c r="EA39" s="198">
        <v>363</v>
      </c>
      <c r="EB39" s="200">
        <v>363</v>
      </c>
      <c r="EC39" s="37"/>
    </row>
    <row r="40" spans="2:133" ht="20.25" customHeight="1" thickBot="1" x14ac:dyDescent="0.25">
      <c r="B40" s="63" t="s">
        <v>37</v>
      </c>
      <c r="C40" s="203">
        <v>0</v>
      </c>
      <c r="D40" s="204">
        <v>0</v>
      </c>
      <c r="E40" s="204">
        <v>0</v>
      </c>
      <c r="F40" s="205">
        <v>0</v>
      </c>
      <c r="G40" s="206">
        <v>0</v>
      </c>
      <c r="H40" s="206">
        <v>9</v>
      </c>
      <c r="I40" s="206">
        <v>7</v>
      </c>
      <c r="J40" s="204">
        <v>6</v>
      </c>
      <c r="K40" s="207">
        <v>22</v>
      </c>
      <c r="L40" s="208">
        <v>22</v>
      </c>
      <c r="M40" s="203">
        <v>0</v>
      </c>
      <c r="N40" s="204">
        <v>0</v>
      </c>
      <c r="O40" s="207">
        <v>0</v>
      </c>
      <c r="P40" s="205">
        <v>0</v>
      </c>
      <c r="Q40" s="206">
        <v>0</v>
      </c>
      <c r="R40" s="206">
        <v>9</v>
      </c>
      <c r="S40" s="206">
        <v>7</v>
      </c>
      <c r="T40" s="204">
        <v>6</v>
      </c>
      <c r="U40" s="207">
        <v>22</v>
      </c>
      <c r="V40" s="209">
        <v>22</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1</v>
      </c>
      <c r="AL40" s="206">
        <v>6</v>
      </c>
      <c r="AM40" s="206">
        <v>1</v>
      </c>
      <c r="AN40" s="204">
        <v>1</v>
      </c>
      <c r="AO40" s="207">
        <v>11</v>
      </c>
      <c r="AP40" s="211">
        <v>11</v>
      </c>
      <c r="AQ40" s="210">
        <v>0</v>
      </c>
      <c r="AR40" s="204">
        <v>0</v>
      </c>
      <c r="AS40" s="207">
        <v>0</v>
      </c>
      <c r="AT40" s="205">
        <v>2</v>
      </c>
      <c r="AU40" s="206">
        <v>1</v>
      </c>
      <c r="AV40" s="206">
        <v>6</v>
      </c>
      <c r="AW40" s="206">
        <v>1</v>
      </c>
      <c r="AX40" s="204">
        <v>1</v>
      </c>
      <c r="AY40" s="207">
        <v>11</v>
      </c>
      <c r="AZ40" s="208">
        <v>11</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1</v>
      </c>
      <c r="BR40" s="204">
        <v>0</v>
      </c>
      <c r="BS40" s="207">
        <v>1</v>
      </c>
      <c r="BT40" s="208">
        <v>1</v>
      </c>
      <c r="BU40" s="203">
        <v>0</v>
      </c>
      <c r="BV40" s="204">
        <v>0</v>
      </c>
      <c r="BW40" s="204">
        <v>0</v>
      </c>
      <c r="BX40" s="205">
        <v>0</v>
      </c>
      <c r="BY40" s="206">
        <v>0</v>
      </c>
      <c r="BZ40" s="206">
        <v>0</v>
      </c>
      <c r="CA40" s="206">
        <v>1</v>
      </c>
      <c r="CB40" s="204">
        <v>0</v>
      </c>
      <c r="CC40" s="207">
        <v>1</v>
      </c>
      <c r="CD40" s="209">
        <v>1</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1</v>
      </c>
      <c r="CW40" s="207">
        <v>1</v>
      </c>
      <c r="CX40" s="208">
        <v>1</v>
      </c>
      <c r="CY40" s="203">
        <v>0</v>
      </c>
      <c r="CZ40" s="204">
        <v>0</v>
      </c>
      <c r="DA40" s="204">
        <v>0</v>
      </c>
      <c r="DB40" s="205">
        <v>0</v>
      </c>
      <c r="DC40" s="206">
        <v>0</v>
      </c>
      <c r="DD40" s="206">
        <v>0</v>
      </c>
      <c r="DE40" s="206">
        <v>0</v>
      </c>
      <c r="DF40" s="204">
        <v>1</v>
      </c>
      <c r="DG40" s="207">
        <v>1</v>
      </c>
      <c r="DH40" s="209">
        <v>1</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1</v>
      </c>
      <c r="DX40" s="206">
        <v>15</v>
      </c>
      <c r="DY40" s="206">
        <v>9</v>
      </c>
      <c r="DZ40" s="204">
        <v>8</v>
      </c>
      <c r="EA40" s="207">
        <v>35</v>
      </c>
      <c r="EB40" s="209">
        <v>35</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8">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H1:I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6">
        <f>第１表!F2</f>
        <v>4</v>
      </c>
      <c r="G1" s="526"/>
      <c r="H1" s="248">
        <f>第１表!G2</f>
        <v>10</v>
      </c>
      <c r="I1" s="508">
        <f>H1</f>
        <v>10</v>
      </c>
      <c r="J1" s="508"/>
    </row>
    <row r="2" spans="2:299" ht="24" customHeight="1" thickBot="1" x14ac:dyDescent="0.25">
      <c r="B2" s="20" t="s">
        <v>130</v>
      </c>
    </row>
    <row r="3" spans="2:299" ht="22.5" customHeight="1" thickBot="1" x14ac:dyDescent="0.25">
      <c r="B3" s="509" t="s">
        <v>38</v>
      </c>
      <c r="C3" s="521" t="s">
        <v>96</v>
      </c>
      <c r="D3" s="521"/>
      <c r="E3" s="521"/>
      <c r="F3" s="521"/>
      <c r="G3" s="521"/>
      <c r="H3" s="521"/>
      <c r="I3" s="521"/>
      <c r="J3" s="521"/>
      <c r="K3" s="521"/>
      <c r="L3" s="521"/>
      <c r="M3" s="521"/>
      <c r="N3" s="521"/>
      <c r="O3" s="521"/>
      <c r="P3" s="521"/>
      <c r="Q3" s="521"/>
      <c r="R3" s="521"/>
      <c r="S3" s="521"/>
      <c r="T3" s="521"/>
      <c r="U3" s="521"/>
      <c r="V3" s="521"/>
      <c r="W3" s="521"/>
      <c r="X3" s="521"/>
      <c r="Y3" s="521"/>
      <c r="Z3" s="521"/>
      <c r="AA3" s="521"/>
      <c r="AB3" s="521"/>
      <c r="AC3" s="521"/>
      <c r="AD3" s="521"/>
      <c r="AE3" s="521"/>
      <c r="AF3" s="521"/>
      <c r="AG3" s="521"/>
      <c r="AH3" s="521"/>
      <c r="AI3" s="521"/>
      <c r="AJ3" s="521"/>
      <c r="AK3" s="521"/>
      <c r="AL3" s="521"/>
      <c r="AM3" s="521"/>
      <c r="AN3" s="521"/>
      <c r="AO3" s="521"/>
      <c r="AP3" s="521"/>
      <c r="AQ3" s="521"/>
      <c r="AR3" s="521"/>
      <c r="AS3" s="521"/>
      <c r="AT3" s="521"/>
      <c r="AU3" s="521"/>
      <c r="AV3" s="521"/>
      <c r="AW3" s="521"/>
      <c r="AX3" s="521"/>
      <c r="AY3" s="521"/>
      <c r="AZ3" s="521"/>
      <c r="BA3" s="521"/>
      <c r="BB3" s="521"/>
      <c r="BC3" s="521"/>
      <c r="BD3" s="521"/>
      <c r="BE3" s="521"/>
      <c r="BF3" s="521"/>
      <c r="BG3" s="521"/>
      <c r="BH3" s="521"/>
      <c r="BI3" s="521"/>
      <c r="BJ3" s="521"/>
      <c r="BK3" s="521"/>
      <c r="BL3" s="521"/>
      <c r="BM3" s="521"/>
      <c r="BN3" s="521"/>
      <c r="BO3" s="521"/>
      <c r="BP3" s="521"/>
      <c r="BQ3" s="521"/>
      <c r="BR3" s="521"/>
      <c r="BS3" s="521"/>
      <c r="BT3" s="521"/>
      <c r="BU3" s="521"/>
      <c r="BV3" s="521"/>
      <c r="BW3" s="521"/>
      <c r="BX3" s="521"/>
      <c r="BY3" s="521"/>
      <c r="BZ3" s="521"/>
      <c r="CA3" s="521"/>
      <c r="CB3" s="521"/>
      <c r="CC3" s="521"/>
      <c r="CD3" s="521"/>
      <c r="CE3" s="521"/>
      <c r="CF3" s="521"/>
      <c r="CG3" s="521"/>
      <c r="CH3" s="521"/>
      <c r="CI3" s="521"/>
      <c r="CJ3" s="521"/>
      <c r="CK3" s="521"/>
      <c r="CL3" s="521"/>
      <c r="CM3" s="521"/>
      <c r="CN3" s="521"/>
      <c r="CO3" s="521"/>
      <c r="CP3" s="521"/>
      <c r="CQ3" s="521"/>
      <c r="CR3" s="521"/>
      <c r="CS3" s="521"/>
      <c r="CT3" s="521"/>
      <c r="CU3" s="521"/>
      <c r="CV3" s="521"/>
      <c r="CW3" s="522"/>
      <c r="CX3" s="521" t="s">
        <v>103</v>
      </c>
      <c r="CY3" s="521"/>
      <c r="CZ3" s="521"/>
      <c r="DA3" s="521"/>
      <c r="DB3" s="521"/>
      <c r="DC3" s="521"/>
      <c r="DD3" s="521"/>
      <c r="DE3" s="521"/>
      <c r="DF3" s="521"/>
      <c r="DG3" s="521"/>
      <c r="DH3" s="521"/>
      <c r="DI3" s="521"/>
      <c r="DJ3" s="521"/>
      <c r="DK3" s="521"/>
      <c r="DL3" s="521"/>
      <c r="DM3" s="521"/>
      <c r="DN3" s="521"/>
      <c r="DO3" s="521"/>
      <c r="DP3" s="521"/>
      <c r="DQ3" s="521"/>
      <c r="DR3" s="521"/>
      <c r="DS3" s="521"/>
      <c r="DT3" s="521"/>
      <c r="DU3" s="521"/>
      <c r="DV3" s="521"/>
      <c r="DW3" s="521"/>
      <c r="DX3" s="521"/>
      <c r="DY3" s="521"/>
      <c r="DZ3" s="521"/>
      <c r="EA3" s="521"/>
      <c r="EB3" s="521"/>
      <c r="EC3" s="521"/>
      <c r="ED3" s="521"/>
      <c r="EE3" s="521"/>
      <c r="EF3" s="521"/>
      <c r="EG3" s="521"/>
      <c r="EH3" s="521"/>
      <c r="EI3" s="521"/>
      <c r="EJ3" s="521"/>
      <c r="EK3" s="521"/>
      <c r="EL3" s="521"/>
      <c r="EM3" s="521"/>
      <c r="EN3" s="521"/>
      <c r="EO3" s="521"/>
      <c r="EP3" s="521"/>
      <c r="EQ3" s="521"/>
      <c r="ER3" s="521"/>
      <c r="ES3" s="521"/>
      <c r="ET3" s="521"/>
      <c r="EU3" s="521"/>
      <c r="EV3" s="521"/>
      <c r="EW3" s="521"/>
      <c r="EX3" s="521"/>
      <c r="EY3" s="521"/>
      <c r="EZ3" s="521"/>
      <c r="FA3" s="521"/>
      <c r="FB3" s="521"/>
      <c r="FC3" s="521"/>
      <c r="FD3" s="521"/>
      <c r="FE3" s="521"/>
      <c r="FF3" s="521"/>
      <c r="FG3" s="521"/>
      <c r="FH3" s="521"/>
      <c r="FI3" s="521"/>
      <c r="FJ3" s="521"/>
      <c r="FK3" s="521"/>
      <c r="FL3" s="521"/>
      <c r="FM3" s="521"/>
      <c r="FN3" s="521"/>
      <c r="FO3" s="521"/>
      <c r="FP3" s="521"/>
      <c r="FQ3" s="521"/>
      <c r="FR3" s="521"/>
      <c r="FS3" s="521"/>
      <c r="FT3" s="521"/>
      <c r="FU3" s="521"/>
      <c r="FV3" s="521"/>
      <c r="FW3" s="521"/>
      <c r="FX3" s="521"/>
      <c r="FY3" s="521"/>
      <c r="FZ3" s="521"/>
      <c r="GA3" s="521"/>
      <c r="GB3" s="521"/>
      <c r="GC3" s="521"/>
      <c r="GD3" s="521"/>
      <c r="GE3" s="521"/>
      <c r="GF3" s="521"/>
      <c r="GG3" s="521"/>
      <c r="GH3" s="521"/>
      <c r="GI3" s="521"/>
      <c r="GJ3" s="521"/>
      <c r="GK3" s="521"/>
      <c r="GL3" s="521"/>
      <c r="GM3" s="521"/>
      <c r="GN3" s="521"/>
      <c r="GO3" s="521"/>
      <c r="GP3" s="521"/>
      <c r="GQ3" s="521"/>
      <c r="GR3" s="522"/>
      <c r="GS3" s="521" t="s">
        <v>104</v>
      </c>
      <c r="GT3" s="521"/>
      <c r="GU3" s="521"/>
      <c r="GV3" s="521"/>
      <c r="GW3" s="521"/>
      <c r="GX3" s="521"/>
      <c r="GY3" s="521"/>
      <c r="GZ3" s="521"/>
      <c r="HA3" s="521"/>
      <c r="HB3" s="521"/>
      <c r="HC3" s="521"/>
      <c r="HD3" s="521"/>
      <c r="HE3" s="521"/>
      <c r="HF3" s="521"/>
      <c r="HG3" s="521"/>
      <c r="HH3" s="521"/>
      <c r="HI3" s="521"/>
      <c r="HJ3" s="521"/>
      <c r="HK3" s="521"/>
      <c r="HL3" s="521"/>
      <c r="HM3" s="521"/>
      <c r="HN3" s="521"/>
      <c r="HO3" s="521"/>
      <c r="HP3" s="521"/>
      <c r="HQ3" s="521"/>
      <c r="HR3" s="521"/>
      <c r="HS3" s="521"/>
      <c r="HT3" s="521"/>
      <c r="HU3" s="521"/>
      <c r="HV3" s="521"/>
      <c r="HW3" s="521"/>
      <c r="HX3" s="521"/>
      <c r="HY3" s="521"/>
      <c r="HZ3" s="521"/>
      <c r="IA3" s="521"/>
      <c r="IB3" s="521"/>
      <c r="IC3" s="521"/>
      <c r="ID3" s="521"/>
      <c r="IE3" s="521"/>
      <c r="IF3" s="521"/>
      <c r="IG3" s="521"/>
      <c r="IH3" s="521"/>
      <c r="II3" s="521"/>
      <c r="IJ3" s="521"/>
      <c r="IK3" s="521"/>
      <c r="IL3" s="521"/>
      <c r="IM3" s="521"/>
      <c r="IN3" s="521"/>
      <c r="IO3" s="521"/>
      <c r="IP3" s="521"/>
      <c r="IQ3" s="521"/>
      <c r="IR3" s="521"/>
      <c r="IS3" s="521"/>
      <c r="IT3" s="521"/>
      <c r="IU3" s="521"/>
      <c r="IV3" s="521"/>
      <c r="IW3" s="521"/>
      <c r="IX3" s="521"/>
      <c r="IY3" s="521"/>
      <c r="IZ3" s="521"/>
      <c r="JA3" s="521"/>
      <c r="JB3" s="521"/>
      <c r="JC3" s="521"/>
      <c r="JD3" s="521"/>
      <c r="JE3" s="521"/>
      <c r="JF3" s="521"/>
      <c r="JG3" s="521"/>
      <c r="JH3" s="521"/>
      <c r="JI3" s="521"/>
      <c r="JJ3" s="521"/>
      <c r="JK3" s="521"/>
      <c r="JL3" s="521"/>
      <c r="JM3" s="521"/>
      <c r="JN3" s="521"/>
      <c r="JO3" s="521"/>
      <c r="JP3" s="521"/>
      <c r="JQ3" s="521"/>
      <c r="JR3" s="521"/>
      <c r="JS3" s="521"/>
      <c r="JT3" s="521"/>
      <c r="JU3" s="521"/>
      <c r="JV3" s="521"/>
      <c r="JW3" s="521"/>
      <c r="JX3" s="521"/>
      <c r="JY3" s="521"/>
      <c r="JZ3" s="521"/>
      <c r="KA3" s="521"/>
      <c r="KB3" s="521"/>
      <c r="KC3" s="521"/>
      <c r="KD3" s="521"/>
      <c r="KE3" s="521"/>
      <c r="KF3" s="521"/>
      <c r="KG3" s="521"/>
      <c r="KH3" s="521"/>
      <c r="KI3" s="521"/>
      <c r="KJ3" s="521"/>
      <c r="KK3" s="521"/>
      <c r="KL3" s="521"/>
      <c r="KM3" s="522"/>
    </row>
    <row r="4" spans="2:299" ht="27.75" customHeight="1" thickBot="1" x14ac:dyDescent="0.25">
      <c r="B4" s="527"/>
      <c r="C4" s="523" t="s">
        <v>39</v>
      </c>
      <c r="D4" s="524"/>
      <c r="E4" s="524"/>
      <c r="F4" s="524"/>
      <c r="G4" s="524"/>
      <c r="H4" s="524"/>
      <c r="I4" s="524"/>
      <c r="J4" s="524"/>
      <c r="K4" s="524"/>
      <c r="L4" s="524"/>
      <c r="M4" s="524"/>
      <c r="N4" s="524"/>
      <c r="O4" s="524"/>
      <c r="P4" s="524"/>
      <c r="Q4" s="524"/>
      <c r="R4" s="524"/>
      <c r="S4" s="524"/>
      <c r="T4" s="524"/>
      <c r="U4" s="524"/>
      <c r="V4" s="524"/>
      <c r="W4" s="524"/>
      <c r="X4" s="524"/>
      <c r="Y4" s="524"/>
      <c r="Z4" s="524"/>
      <c r="AA4" s="524"/>
      <c r="AB4" s="524"/>
      <c r="AC4" s="524"/>
      <c r="AD4" s="524"/>
      <c r="AE4" s="524"/>
      <c r="AF4" s="524"/>
      <c r="AG4" s="524"/>
      <c r="AH4" s="524"/>
      <c r="AI4" s="524"/>
      <c r="AJ4" s="524"/>
      <c r="AK4" s="524"/>
      <c r="AL4" s="524"/>
      <c r="AM4" s="524"/>
      <c r="AN4" s="524"/>
      <c r="AO4" s="524"/>
      <c r="AP4" s="524"/>
      <c r="AQ4" s="524"/>
      <c r="AR4" s="524"/>
      <c r="AS4" s="524"/>
      <c r="AT4" s="524"/>
      <c r="AU4" s="524"/>
      <c r="AV4" s="524"/>
      <c r="AW4" s="524"/>
      <c r="AX4" s="524"/>
      <c r="AY4" s="524"/>
      <c r="AZ4" s="524"/>
      <c r="BA4" s="524"/>
      <c r="BB4" s="524"/>
      <c r="BC4" s="524"/>
      <c r="BD4" s="524"/>
      <c r="BE4" s="524"/>
      <c r="BF4" s="524"/>
      <c r="BG4" s="524"/>
      <c r="BH4" s="524"/>
      <c r="BI4" s="524"/>
      <c r="BJ4" s="524"/>
      <c r="BK4" s="524"/>
      <c r="BL4" s="524"/>
      <c r="BM4" s="524"/>
      <c r="BN4" s="524"/>
      <c r="BO4" s="524"/>
      <c r="BP4" s="524"/>
      <c r="BQ4" s="524"/>
      <c r="BR4" s="524"/>
      <c r="BS4" s="524"/>
      <c r="BT4" s="524"/>
      <c r="BU4" s="524"/>
      <c r="BV4" s="524"/>
      <c r="BW4" s="524"/>
      <c r="BX4" s="524"/>
      <c r="BY4" s="524"/>
      <c r="BZ4" s="524"/>
      <c r="CA4" s="525"/>
      <c r="CB4" s="509" t="s">
        <v>40</v>
      </c>
      <c r="CC4" s="510"/>
      <c r="CD4" s="510"/>
      <c r="CE4" s="510"/>
      <c r="CF4" s="510"/>
      <c r="CG4" s="510"/>
      <c r="CH4" s="510"/>
      <c r="CI4" s="510"/>
      <c r="CJ4" s="510"/>
      <c r="CK4" s="510"/>
      <c r="CL4" s="511"/>
      <c r="CM4" s="509" t="s">
        <v>41</v>
      </c>
      <c r="CN4" s="510"/>
      <c r="CO4" s="510"/>
      <c r="CP4" s="510"/>
      <c r="CQ4" s="510"/>
      <c r="CR4" s="510"/>
      <c r="CS4" s="510"/>
      <c r="CT4" s="510"/>
      <c r="CU4" s="510"/>
      <c r="CV4" s="510"/>
      <c r="CW4" s="511"/>
      <c r="CX4" s="523" t="s">
        <v>39</v>
      </c>
      <c r="CY4" s="524"/>
      <c r="CZ4" s="524"/>
      <c r="DA4" s="524"/>
      <c r="DB4" s="524"/>
      <c r="DC4" s="524"/>
      <c r="DD4" s="524"/>
      <c r="DE4" s="524"/>
      <c r="DF4" s="524"/>
      <c r="DG4" s="524"/>
      <c r="DH4" s="524"/>
      <c r="DI4" s="524"/>
      <c r="DJ4" s="524"/>
      <c r="DK4" s="524"/>
      <c r="DL4" s="524"/>
      <c r="DM4" s="524"/>
      <c r="DN4" s="524"/>
      <c r="DO4" s="524"/>
      <c r="DP4" s="524"/>
      <c r="DQ4" s="524"/>
      <c r="DR4" s="524"/>
      <c r="DS4" s="524"/>
      <c r="DT4" s="524"/>
      <c r="DU4" s="524"/>
      <c r="DV4" s="524"/>
      <c r="DW4" s="524"/>
      <c r="DX4" s="524"/>
      <c r="DY4" s="524"/>
      <c r="DZ4" s="524"/>
      <c r="EA4" s="524"/>
      <c r="EB4" s="524"/>
      <c r="EC4" s="524"/>
      <c r="ED4" s="524"/>
      <c r="EE4" s="524"/>
      <c r="EF4" s="524"/>
      <c r="EG4" s="524"/>
      <c r="EH4" s="524"/>
      <c r="EI4" s="524"/>
      <c r="EJ4" s="524"/>
      <c r="EK4" s="524"/>
      <c r="EL4" s="524"/>
      <c r="EM4" s="524"/>
      <c r="EN4" s="524"/>
      <c r="EO4" s="524"/>
      <c r="EP4" s="524"/>
      <c r="EQ4" s="524"/>
      <c r="ER4" s="524"/>
      <c r="ES4" s="524"/>
      <c r="ET4" s="524"/>
      <c r="EU4" s="524"/>
      <c r="EV4" s="524"/>
      <c r="EW4" s="524"/>
      <c r="EX4" s="524"/>
      <c r="EY4" s="524"/>
      <c r="EZ4" s="524"/>
      <c r="FA4" s="524"/>
      <c r="FB4" s="524"/>
      <c r="FC4" s="524"/>
      <c r="FD4" s="524"/>
      <c r="FE4" s="524"/>
      <c r="FF4" s="524"/>
      <c r="FG4" s="524"/>
      <c r="FH4" s="524"/>
      <c r="FI4" s="524"/>
      <c r="FJ4" s="524"/>
      <c r="FK4" s="524"/>
      <c r="FL4" s="524"/>
      <c r="FM4" s="524"/>
      <c r="FN4" s="524"/>
      <c r="FO4" s="524"/>
      <c r="FP4" s="524"/>
      <c r="FQ4" s="524"/>
      <c r="FR4" s="524"/>
      <c r="FS4" s="524"/>
      <c r="FT4" s="524"/>
      <c r="FU4" s="524"/>
      <c r="FV4" s="525"/>
      <c r="FW4" s="509" t="s">
        <v>40</v>
      </c>
      <c r="FX4" s="510"/>
      <c r="FY4" s="510"/>
      <c r="FZ4" s="510"/>
      <c r="GA4" s="510"/>
      <c r="GB4" s="510"/>
      <c r="GC4" s="510"/>
      <c r="GD4" s="510"/>
      <c r="GE4" s="510"/>
      <c r="GF4" s="510"/>
      <c r="GG4" s="511"/>
      <c r="GH4" s="509" t="s">
        <v>41</v>
      </c>
      <c r="GI4" s="510"/>
      <c r="GJ4" s="510"/>
      <c r="GK4" s="510"/>
      <c r="GL4" s="510"/>
      <c r="GM4" s="510"/>
      <c r="GN4" s="510"/>
      <c r="GO4" s="510"/>
      <c r="GP4" s="510"/>
      <c r="GQ4" s="510"/>
      <c r="GR4" s="511"/>
      <c r="GS4" s="523" t="s">
        <v>39</v>
      </c>
      <c r="GT4" s="524"/>
      <c r="GU4" s="524"/>
      <c r="GV4" s="524"/>
      <c r="GW4" s="524"/>
      <c r="GX4" s="524"/>
      <c r="GY4" s="524"/>
      <c r="GZ4" s="524"/>
      <c r="HA4" s="524"/>
      <c r="HB4" s="524"/>
      <c r="HC4" s="524"/>
      <c r="HD4" s="524"/>
      <c r="HE4" s="524"/>
      <c r="HF4" s="524"/>
      <c r="HG4" s="524"/>
      <c r="HH4" s="524"/>
      <c r="HI4" s="524"/>
      <c r="HJ4" s="524"/>
      <c r="HK4" s="524"/>
      <c r="HL4" s="524"/>
      <c r="HM4" s="524"/>
      <c r="HN4" s="524"/>
      <c r="HO4" s="524"/>
      <c r="HP4" s="524"/>
      <c r="HQ4" s="524"/>
      <c r="HR4" s="524"/>
      <c r="HS4" s="524"/>
      <c r="HT4" s="524"/>
      <c r="HU4" s="524"/>
      <c r="HV4" s="524"/>
      <c r="HW4" s="524"/>
      <c r="HX4" s="524"/>
      <c r="HY4" s="524"/>
      <c r="HZ4" s="524"/>
      <c r="IA4" s="524"/>
      <c r="IB4" s="524"/>
      <c r="IC4" s="524"/>
      <c r="ID4" s="524"/>
      <c r="IE4" s="524"/>
      <c r="IF4" s="524"/>
      <c r="IG4" s="524"/>
      <c r="IH4" s="524"/>
      <c r="II4" s="524"/>
      <c r="IJ4" s="524"/>
      <c r="IK4" s="524"/>
      <c r="IL4" s="524"/>
      <c r="IM4" s="524"/>
      <c r="IN4" s="524"/>
      <c r="IO4" s="524"/>
      <c r="IP4" s="524"/>
      <c r="IQ4" s="524"/>
      <c r="IR4" s="524"/>
      <c r="IS4" s="524"/>
      <c r="IT4" s="524"/>
      <c r="IU4" s="524"/>
      <c r="IV4" s="524"/>
      <c r="IW4" s="524"/>
      <c r="IX4" s="524"/>
      <c r="IY4" s="524"/>
      <c r="IZ4" s="524"/>
      <c r="JA4" s="524"/>
      <c r="JB4" s="524"/>
      <c r="JC4" s="524"/>
      <c r="JD4" s="524"/>
      <c r="JE4" s="524"/>
      <c r="JF4" s="524"/>
      <c r="JG4" s="524"/>
      <c r="JH4" s="524"/>
      <c r="JI4" s="524"/>
      <c r="JJ4" s="524"/>
      <c r="JK4" s="524"/>
      <c r="JL4" s="524"/>
      <c r="JM4" s="524"/>
      <c r="JN4" s="524"/>
      <c r="JO4" s="524"/>
      <c r="JP4" s="524"/>
      <c r="JQ4" s="525"/>
      <c r="JR4" s="509" t="s">
        <v>40</v>
      </c>
      <c r="JS4" s="510"/>
      <c r="JT4" s="510"/>
      <c r="JU4" s="510"/>
      <c r="JV4" s="510"/>
      <c r="JW4" s="510"/>
      <c r="JX4" s="510"/>
      <c r="JY4" s="510"/>
      <c r="JZ4" s="510"/>
      <c r="KA4" s="510"/>
      <c r="KB4" s="511"/>
      <c r="KC4" s="509" t="s">
        <v>41</v>
      </c>
      <c r="KD4" s="510"/>
      <c r="KE4" s="510"/>
      <c r="KF4" s="510"/>
      <c r="KG4" s="510"/>
      <c r="KH4" s="510"/>
      <c r="KI4" s="510"/>
      <c r="KJ4" s="510"/>
      <c r="KK4" s="510"/>
      <c r="KL4" s="510"/>
      <c r="KM4" s="511"/>
    </row>
    <row r="5" spans="2:299" ht="27.75" customHeight="1" thickBot="1" x14ac:dyDescent="0.25">
      <c r="B5" s="515"/>
      <c r="C5" s="515"/>
      <c r="D5" s="516"/>
      <c r="E5" s="516"/>
      <c r="F5" s="516"/>
      <c r="G5" s="516"/>
      <c r="H5" s="516"/>
      <c r="I5" s="516"/>
      <c r="J5" s="516"/>
      <c r="K5" s="516"/>
      <c r="L5" s="516"/>
      <c r="M5" s="517"/>
      <c r="N5" s="518" t="s">
        <v>97</v>
      </c>
      <c r="O5" s="519"/>
      <c r="P5" s="519"/>
      <c r="Q5" s="519"/>
      <c r="R5" s="519"/>
      <c r="S5" s="519"/>
      <c r="T5" s="519"/>
      <c r="U5" s="519"/>
      <c r="V5" s="519"/>
      <c r="W5" s="519"/>
      <c r="X5" s="520"/>
      <c r="Y5" s="518" t="s">
        <v>98</v>
      </c>
      <c r="Z5" s="519"/>
      <c r="AA5" s="519"/>
      <c r="AB5" s="519"/>
      <c r="AC5" s="519"/>
      <c r="AD5" s="519"/>
      <c r="AE5" s="519"/>
      <c r="AF5" s="519"/>
      <c r="AG5" s="519"/>
      <c r="AH5" s="519"/>
      <c r="AI5" s="520"/>
      <c r="AJ5" s="518" t="s">
        <v>99</v>
      </c>
      <c r="AK5" s="519"/>
      <c r="AL5" s="519"/>
      <c r="AM5" s="519"/>
      <c r="AN5" s="519"/>
      <c r="AO5" s="519"/>
      <c r="AP5" s="519"/>
      <c r="AQ5" s="519"/>
      <c r="AR5" s="519"/>
      <c r="AS5" s="519"/>
      <c r="AT5" s="520"/>
      <c r="AU5" s="518" t="s">
        <v>100</v>
      </c>
      <c r="AV5" s="519"/>
      <c r="AW5" s="519"/>
      <c r="AX5" s="519"/>
      <c r="AY5" s="519"/>
      <c r="AZ5" s="519"/>
      <c r="BA5" s="519"/>
      <c r="BB5" s="519"/>
      <c r="BC5" s="519"/>
      <c r="BD5" s="519"/>
      <c r="BE5" s="520"/>
      <c r="BF5" s="518" t="s">
        <v>101</v>
      </c>
      <c r="BG5" s="519"/>
      <c r="BH5" s="519"/>
      <c r="BI5" s="519"/>
      <c r="BJ5" s="519"/>
      <c r="BK5" s="519"/>
      <c r="BL5" s="519"/>
      <c r="BM5" s="519"/>
      <c r="BN5" s="519"/>
      <c r="BO5" s="519"/>
      <c r="BP5" s="520"/>
      <c r="BQ5" s="518" t="s">
        <v>102</v>
      </c>
      <c r="BR5" s="519"/>
      <c r="BS5" s="519"/>
      <c r="BT5" s="519"/>
      <c r="BU5" s="519"/>
      <c r="BV5" s="519"/>
      <c r="BW5" s="519"/>
      <c r="BX5" s="519"/>
      <c r="BY5" s="519"/>
      <c r="BZ5" s="519"/>
      <c r="CA5" s="520"/>
      <c r="CB5" s="512"/>
      <c r="CC5" s="513"/>
      <c r="CD5" s="513"/>
      <c r="CE5" s="513"/>
      <c r="CF5" s="513"/>
      <c r="CG5" s="513"/>
      <c r="CH5" s="513"/>
      <c r="CI5" s="513"/>
      <c r="CJ5" s="513"/>
      <c r="CK5" s="513"/>
      <c r="CL5" s="514"/>
      <c r="CM5" s="512"/>
      <c r="CN5" s="513"/>
      <c r="CO5" s="513"/>
      <c r="CP5" s="513"/>
      <c r="CQ5" s="513"/>
      <c r="CR5" s="513"/>
      <c r="CS5" s="513"/>
      <c r="CT5" s="513"/>
      <c r="CU5" s="513"/>
      <c r="CV5" s="513"/>
      <c r="CW5" s="514"/>
      <c r="CX5" s="515"/>
      <c r="CY5" s="516"/>
      <c r="CZ5" s="516"/>
      <c r="DA5" s="516"/>
      <c r="DB5" s="516"/>
      <c r="DC5" s="516"/>
      <c r="DD5" s="516"/>
      <c r="DE5" s="516"/>
      <c r="DF5" s="516"/>
      <c r="DG5" s="516"/>
      <c r="DH5" s="517"/>
      <c r="DI5" s="518" t="s">
        <v>97</v>
      </c>
      <c r="DJ5" s="519"/>
      <c r="DK5" s="519"/>
      <c r="DL5" s="519"/>
      <c r="DM5" s="519"/>
      <c r="DN5" s="519"/>
      <c r="DO5" s="519"/>
      <c r="DP5" s="519"/>
      <c r="DQ5" s="519"/>
      <c r="DR5" s="519"/>
      <c r="DS5" s="520"/>
      <c r="DT5" s="518" t="s">
        <v>98</v>
      </c>
      <c r="DU5" s="519"/>
      <c r="DV5" s="519"/>
      <c r="DW5" s="519"/>
      <c r="DX5" s="519"/>
      <c r="DY5" s="519"/>
      <c r="DZ5" s="519"/>
      <c r="EA5" s="519"/>
      <c r="EB5" s="519"/>
      <c r="EC5" s="519"/>
      <c r="ED5" s="520"/>
      <c r="EE5" s="518" t="s">
        <v>99</v>
      </c>
      <c r="EF5" s="519"/>
      <c r="EG5" s="519"/>
      <c r="EH5" s="519"/>
      <c r="EI5" s="519"/>
      <c r="EJ5" s="519"/>
      <c r="EK5" s="519"/>
      <c r="EL5" s="519"/>
      <c r="EM5" s="519"/>
      <c r="EN5" s="519"/>
      <c r="EO5" s="520"/>
      <c r="EP5" s="518" t="s">
        <v>100</v>
      </c>
      <c r="EQ5" s="519"/>
      <c r="ER5" s="519"/>
      <c r="ES5" s="519"/>
      <c r="ET5" s="519"/>
      <c r="EU5" s="519"/>
      <c r="EV5" s="519"/>
      <c r="EW5" s="519"/>
      <c r="EX5" s="519"/>
      <c r="EY5" s="519"/>
      <c r="EZ5" s="520"/>
      <c r="FA5" s="518" t="s">
        <v>101</v>
      </c>
      <c r="FB5" s="519"/>
      <c r="FC5" s="519"/>
      <c r="FD5" s="519"/>
      <c r="FE5" s="519"/>
      <c r="FF5" s="519"/>
      <c r="FG5" s="519"/>
      <c r="FH5" s="519"/>
      <c r="FI5" s="519"/>
      <c r="FJ5" s="519"/>
      <c r="FK5" s="520"/>
      <c r="FL5" s="518" t="s">
        <v>102</v>
      </c>
      <c r="FM5" s="519"/>
      <c r="FN5" s="519"/>
      <c r="FO5" s="519"/>
      <c r="FP5" s="519"/>
      <c r="FQ5" s="519"/>
      <c r="FR5" s="519"/>
      <c r="FS5" s="519"/>
      <c r="FT5" s="519"/>
      <c r="FU5" s="519"/>
      <c r="FV5" s="520"/>
      <c r="FW5" s="512"/>
      <c r="FX5" s="513"/>
      <c r="FY5" s="513"/>
      <c r="FZ5" s="513"/>
      <c r="GA5" s="513"/>
      <c r="GB5" s="513"/>
      <c r="GC5" s="513"/>
      <c r="GD5" s="513"/>
      <c r="GE5" s="513"/>
      <c r="GF5" s="513"/>
      <c r="GG5" s="514"/>
      <c r="GH5" s="512"/>
      <c r="GI5" s="513"/>
      <c r="GJ5" s="513"/>
      <c r="GK5" s="513"/>
      <c r="GL5" s="513"/>
      <c r="GM5" s="513"/>
      <c r="GN5" s="513"/>
      <c r="GO5" s="513"/>
      <c r="GP5" s="513"/>
      <c r="GQ5" s="513"/>
      <c r="GR5" s="514"/>
      <c r="GS5" s="515"/>
      <c r="GT5" s="516"/>
      <c r="GU5" s="516"/>
      <c r="GV5" s="516"/>
      <c r="GW5" s="516"/>
      <c r="GX5" s="516"/>
      <c r="GY5" s="516"/>
      <c r="GZ5" s="516"/>
      <c r="HA5" s="516"/>
      <c r="HB5" s="516"/>
      <c r="HC5" s="517"/>
      <c r="HD5" s="518" t="s">
        <v>97</v>
      </c>
      <c r="HE5" s="519"/>
      <c r="HF5" s="519"/>
      <c r="HG5" s="519"/>
      <c r="HH5" s="519"/>
      <c r="HI5" s="519"/>
      <c r="HJ5" s="519"/>
      <c r="HK5" s="519"/>
      <c r="HL5" s="519"/>
      <c r="HM5" s="519"/>
      <c r="HN5" s="520"/>
      <c r="HO5" s="518" t="s">
        <v>98</v>
      </c>
      <c r="HP5" s="519"/>
      <c r="HQ5" s="519"/>
      <c r="HR5" s="519"/>
      <c r="HS5" s="519"/>
      <c r="HT5" s="519"/>
      <c r="HU5" s="519"/>
      <c r="HV5" s="519"/>
      <c r="HW5" s="519"/>
      <c r="HX5" s="519"/>
      <c r="HY5" s="520"/>
      <c r="HZ5" s="518" t="s">
        <v>99</v>
      </c>
      <c r="IA5" s="519"/>
      <c r="IB5" s="519"/>
      <c r="IC5" s="519"/>
      <c r="ID5" s="519"/>
      <c r="IE5" s="519"/>
      <c r="IF5" s="519"/>
      <c r="IG5" s="519"/>
      <c r="IH5" s="519"/>
      <c r="II5" s="519"/>
      <c r="IJ5" s="520"/>
      <c r="IK5" s="518" t="s">
        <v>100</v>
      </c>
      <c r="IL5" s="519"/>
      <c r="IM5" s="519"/>
      <c r="IN5" s="519"/>
      <c r="IO5" s="519"/>
      <c r="IP5" s="519"/>
      <c r="IQ5" s="519"/>
      <c r="IR5" s="519"/>
      <c r="IS5" s="519"/>
      <c r="IT5" s="519"/>
      <c r="IU5" s="520"/>
      <c r="IV5" s="518" t="s">
        <v>101</v>
      </c>
      <c r="IW5" s="519"/>
      <c r="IX5" s="519"/>
      <c r="IY5" s="519"/>
      <c r="IZ5" s="519"/>
      <c r="JA5" s="519"/>
      <c r="JB5" s="519"/>
      <c r="JC5" s="519"/>
      <c r="JD5" s="519"/>
      <c r="JE5" s="519"/>
      <c r="JF5" s="520"/>
      <c r="JG5" s="518" t="s">
        <v>102</v>
      </c>
      <c r="JH5" s="519"/>
      <c r="JI5" s="519"/>
      <c r="JJ5" s="519"/>
      <c r="JK5" s="519"/>
      <c r="JL5" s="519"/>
      <c r="JM5" s="519"/>
      <c r="JN5" s="519"/>
      <c r="JO5" s="519"/>
      <c r="JP5" s="519"/>
      <c r="JQ5" s="520"/>
      <c r="JR5" s="512"/>
      <c r="JS5" s="513"/>
      <c r="JT5" s="513"/>
      <c r="JU5" s="513"/>
      <c r="JV5" s="513"/>
      <c r="JW5" s="513"/>
      <c r="JX5" s="513"/>
      <c r="JY5" s="513"/>
      <c r="JZ5" s="513"/>
      <c r="KA5" s="513"/>
      <c r="KB5" s="514"/>
      <c r="KC5" s="512"/>
      <c r="KD5" s="513"/>
      <c r="KE5" s="513"/>
      <c r="KF5" s="513"/>
      <c r="KG5" s="513"/>
      <c r="KH5" s="513"/>
      <c r="KI5" s="513"/>
      <c r="KJ5" s="513"/>
      <c r="KK5" s="513"/>
      <c r="KL5" s="513"/>
      <c r="KM5" s="514"/>
    </row>
    <row r="6" spans="2:299" ht="44.25"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19.5" customHeight="1" x14ac:dyDescent="0.2">
      <c r="B7" s="125" t="s">
        <v>4</v>
      </c>
      <c r="C7" s="314">
        <v>19979</v>
      </c>
      <c r="D7" s="78">
        <v>19789</v>
      </c>
      <c r="E7" s="79">
        <v>39768</v>
      </c>
      <c r="F7" s="240"/>
      <c r="G7" s="78">
        <v>30137</v>
      </c>
      <c r="H7" s="78">
        <v>29136</v>
      </c>
      <c r="I7" s="78">
        <v>20351</v>
      </c>
      <c r="J7" s="78">
        <v>17033</v>
      </c>
      <c r="K7" s="78">
        <v>10609</v>
      </c>
      <c r="L7" s="80">
        <v>107266</v>
      </c>
      <c r="M7" s="81">
        <v>147034</v>
      </c>
      <c r="N7" s="66">
        <v>844</v>
      </c>
      <c r="O7" s="67">
        <v>1036</v>
      </c>
      <c r="P7" s="68">
        <v>1880</v>
      </c>
      <c r="Q7" s="240"/>
      <c r="R7" s="67">
        <v>1316</v>
      </c>
      <c r="S7" s="67">
        <v>1584</v>
      </c>
      <c r="T7" s="67">
        <v>999</v>
      </c>
      <c r="U7" s="67">
        <v>966</v>
      </c>
      <c r="V7" s="67">
        <v>762</v>
      </c>
      <c r="W7" s="68">
        <v>5627</v>
      </c>
      <c r="X7" s="69">
        <v>7507</v>
      </c>
      <c r="Y7" s="66">
        <v>2052</v>
      </c>
      <c r="Z7" s="67">
        <v>2337</v>
      </c>
      <c r="AA7" s="68">
        <v>4389</v>
      </c>
      <c r="AB7" s="240"/>
      <c r="AC7" s="67">
        <v>3102</v>
      </c>
      <c r="AD7" s="67">
        <v>3508</v>
      </c>
      <c r="AE7" s="67">
        <v>2436</v>
      </c>
      <c r="AF7" s="67">
        <v>2076</v>
      </c>
      <c r="AG7" s="67">
        <v>1539</v>
      </c>
      <c r="AH7" s="68">
        <v>12661</v>
      </c>
      <c r="AI7" s="69">
        <v>17050</v>
      </c>
      <c r="AJ7" s="66">
        <v>3032</v>
      </c>
      <c r="AK7" s="67">
        <v>3287</v>
      </c>
      <c r="AL7" s="68">
        <v>6319</v>
      </c>
      <c r="AM7" s="240"/>
      <c r="AN7" s="67">
        <v>4824</v>
      </c>
      <c r="AO7" s="67">
        <v>4766</v>
      </c>
      <c r="AP7" s="67">
        <v>3304</v>
      </c>
      <c r="AQ7" s="67">
        <v>2777</v>
      </c>
      <c r="AR7" s="67">
        <v>1944</v>
      </c>
      <c r="AS7" s="68">
        <v>17615</v>
      </c>
      <c r="AT7" s="69">
        <v>23934</v>
      </c>
      <c r="AU7" s="66">
        <v>5148</v>
      </c>
      <c r="AV7" s="67">
        <v>4834</v>
      </c>
      <c r="AW7" s="68">
        <v>9982</v>
      </c>
      <c r="AX7" s="240"/>
      <c r="AY7" s="67">
        <v>7603</v>
      </c>
      <c r="AZ7" s="67">
        <v>6802</v>
      </c>
      <c r="BA7" s="67">
        <v>4680</v>
      </c>
      <c r="BB7" s="67">
        <v>3834</v>
      </c>
      <c r="BC7" s="67">
        <v>2444</v>
      </c>
      <c r="BD7" s="68">
        <v>25363</v>
      </c>
      <c r="BE7" s="69">
        <v>35345</v>
      </c>
      <c r="BF7" s="66">
        <v>5613</v>
      </c>
      <c r="BG7" s="67">
        <v>5113</v>
      </c>
      <c r="BH7" s="68">
        <v>10726</v>
      </c>
      <c r="BI7" s="240"/>
      <c r="BJ7" s="67">
        <v>7938</v>
      </c>
      <c r="BK7" s="67">
        <v>7082</v>
      </c>
      <c r="BL7" s="67">
        <v>4982</v>
      </c>
      <c r="BM7" s="67">
        <v>4088</v>
      </c>
      <c r="BN7" s="67">
        <v>2251</v>
      </c>
      <c r="BO7" s="68">
        <v>26341</v>
      </c>
      <c r="BP7" s="69">
        <v>37067</v>
      </c>
      <c r="BQ7" s="66">
        <v>3290</v>
      </c>
      <c r="BR7" s="67">
        <v>3182</v>
      </c>
      <c r="BS7" s="68">
        <v>6472</v>
      </c>
      <c r="BT7" s="240"/>
      <c r="BU7" s="67">
        <v>5354</v>
      </c>
      <c r="BV7" s="67">
        <v>5394</v>
      </c>
      <c r="BW7" s="67">
        <v>3950</v>
      </c>
      <c r="BX7" s="67">
        <v>3292</v>
      </c>
      <c r="BY7" s="67">
        <v>1669</v>
      </c>
      <c r="BZ7" s="68">
        <v>19659</v>
      </c>
      <c r="CA7" s="69">
        <v>26131</v>
      </c>
      <c r="CB7" s="66">
        <v>463</v>
      </c>
      <c r="CC7" s="67">
        <v>760</v>
      </c>
      <c r="CD7" s="68">
        <v>1223</v>
      </c>
      <c r="CE7" s="240"/>
      <c r="CF7" s="67">
        <v>907</v>
      </c>
      <c r="CG7" s="67">
        <v>1315</v>
      </c>
      <c r="CH7" s="67">
        <v>839</v>
      </c>
      <c r="CI7" s="67">
        <v>757</v>
      </c>
      <c r="CJ7" s="67">
        <v>727</v>
      </c>
      <c r="CK7" s="68">
        <v>4545</v>
      </c>
      <c r="CL7" s="69">
        <v>5768</v>
      </c>
      <c r="CM7" s="66">
        <v>20442</v>
      </c>
      <c r="CN7" s="67">
        <v>20549</v>
      </c>
      <c r="CO7" s="68">
        <v>40991</v>
      </c>
      <c r="CP7" s="240"/>
      <c r="CQ7" s="67">
        <v>31044</v>
      </c>
      <c r="CR7" s="67">
        <v>30451</v>
      </c>
      <c r="CS7" s="67">
        <v>21190</v>
      </c>
      <c r="CT7" s="67">
        <v>17790</v>
      </c>
      <c r="CU7" s="67">
        <v>11336</v>
      </c>
      <c r="CV7" s="68">
        <v>111811</v>
      </c>
      <c r="CW7" s="69">
        <v>152802</v>
      </c>
      <c r="CX7" s="122">
        <v>37791</v>
      </c>
      <c r="CY7" s="78">
        <v>43641</v>
      </c>
      <c r="CZ7" s="79">
        <v>81432</v>
      </c>
      <c r="DA7" s="240"/>
      <c r="DB7" s="78">
        <v>55348</v>
      </c>
      <c r="DC7" s="78">
        <v>51692</v>
      </c>
      <c r="DD7" s="78">
        <v>38317</v>
      </c>
      <c r="DE7" s="78">
        <v>38064</v>
      </c>
      <c r="DF7" s="78">
        <v>25535</v>
      </c>
      <c r="DG7" s="80">
        <v>208956</v>
      </c>
      <c r="DH7" s="81">
        <v>290388</v>
      </c>
      <c r="DI7" s="66">
        <v>865</v>
      </c>
      <c r="DJ7" s="67">
        <v>1022</v>
      </c>
      <c r="DK7" s="68">
        <v>1887</v>
      </c>
      <c r="DL7" s="240"/>
      <c r="DM7" s="67">
        <v>1041</v>
      </c>
      <c r="DN7" s="67">
        <v>1090</v>
      </c>
      <c r="DO7" s="67">
        <v>714</v>
      </c>
      <c r="DP7" s="67">
        <v>673</v>
      </c>
      <c r="DQ7" s="67">
        <v>608</v>
      </c>
      <c r="DR7" s="68">
        <v>4126</v>
      </c>
      <c r="DS7" s="69">
        <v>6013</v>
      </c>
      <c r="DT7" s="66">
        <v>2660</v>
      </c>
      <c r="DU7" s="67">
        <v>3249</v>
      </c>
      <c r="DV7" s="68">
        <v>5909</v>
      </c>
      <c r="DW7" s="240"/>
      <c r="DX7" s="67">
        <v>3077</v>
      </c>
      <c r="DY7" s="67">
        <v>3092</v>
      </c>
      <c r="DZ7" s="67">
        <v>1907</v>
      </c>
      <c r="EA7" s="67">
        <v>1872</v>
      </c>
      <c r="EB7" s="67">
        <v>1503</v>
      </c>
      <c r="EC7" s="68">
        <v>11451</v>
      </c>
      <c r="ED7" s="69">
        <v>17360</v>
      </c>
      <c r="EE7" s="66">
        <v>6055</v>
      </c>
      <c r="EF7" s="67">
        <v>6465</v>
      </c>
      <c r="EG7" s="68">
        <v>12520</v>
      </c>
      <c r="EH7" s="240"/>
      <c r="EI7" s="67">
        <v>6794</v>
      </c>
      <c r="EJ7" s="67">
        <v>5646</v>
      </c>
      <c r="EK7" s="67">
        <v>3661</v>
      </c>
      <c r="EL7" s="67">
        <v>3395</v>
      </c>
      <c r="EM7" s="67">
        <v>2689</v>
      </c>
      <c r="EN7" s="68">
        <v>22185</v>
      </c>
      <c r="EO7" s="69">
        <v>34705</v>
      </c>
      <c r="EP7" s="66">
        <v>11309</v>
      </c>
      <c r="EQ7" s="67">
        <v>11610</v>
      </c>
      <c r="ER7" s="68">
        <v>22919</v>
      </c>
      <c r="ES7" s="240"/>
      <c r="ET7" s="67">
        <v>13425</v>
      </c>
      <c r="EU7" s="67">
        <v>10829</v>
      </c>
      <c r="EV7" s="67">
        <v>6994</v>
      </c>
      <c r="EW7" s="67">
        <v>6401</v>
      </c>
      <c r="EX7" s="67">
        <v>4449</v>
      </c>
      <c r="EY7" s="68">
        <v>42098</v>
      </c>
      <c r="EZ7" s="69">
        <v>65017</v>
      </c>
      <c r="FA7" s="66">
        <v>11182</v>
      </c>
      <c r="FB7" s="67">
        <v>12985</v>
      </c>
      <c r="FC7" s="68">
        <v>24167</v>
      </c>
      <c r="FD7" s="240"/>
      <c r="FE7" s="67">
        <v>16981</v>
      </c>
      <c r="FF7" s="67">
        <v>14906</v>
      </c>
      <c r="FG7" s="67">
        <v>10544</v>
      </c>
      <c r="FH7" s="67">
        <v>9975</v>
      </c>
      <c r="FI7" s="67">
        <v>6584</v>
      </c>
      <c r="FJ7" s="68">
        <v>58990</v>
      </c>
      <c r="FK7" s="69">
        <v>83157</v>
      </c>
      <c r="FL7" s="66">
        <v>5720</v>
      </c>
      <c r="FM7" s="67">
        <v>8310</v>
      </c>
      <c r="FN7" s="68">
        <v>14030</v>
      </c>
      <c r="FO7" s="240"/>
      <c r="FP7" s="67">
        <v>14030</v>
      </c>
      <c r="FQ7" s="67">
        <v>16129</v>
      </c>
      <c r="FR7" s="67">
        <v>14497</v>
      </c>
      <c r="FS7" s="67">
        <v>15748</v>
      </c>
      <c r="FT7" s="67">
        <v>9702</v>
      </c>
      <c r="FU7" s="68">
        <v>70106</v>
      </c>
      <c r="FV7" s="69">
        <v>84136</v>
      </c>
      <c r="FW7" s="66">
        <v>377</v>
      </c>
      <c r="FX7" s="67">
        <v>694</v>
      </c>
      <c r="FY7" s="68">
        <v>1071</v>
      </c>
      <c r="FZ7" s="243"/>
      <c r="GA7" s="67">
        <v>667</v>
      </c>
      <c r="GB7" s="67">
        <v>1014</v>
      </c>
      <c r="GC7" s="67">
        <v>619</v>
      </c>
      <c r="GD7" s="67">
        <v>601</v>
      </c>
      <c r="GE7" s="67">
        <v>617</v>
      </c>
      <c r="GF7" s="68">
        <v>3518</v>
      </c>
      <c r="GG7" s="69">
        <v>4589</v>
      </c>
      <c r="GH7" s="66">
        <v>38168</v>
      </c>
      <c r="GI7" s="67">
        <v>44335</v>
      </c>
      <c r="GJ7" s="68">
        <v>82503</v>
      </c>
      <c r="GK7" s="243"/>
      <c r="GL7" s="67">
        <v>56015</v>
      </c>
      <c r="GM7" s="67">
        <v>52706</v>
      </c>
      <c r="GN7" s="67">
        <v>38936</v>
      </c>
      <c r="GO7" s="67">
        <v>38665</v>
      </c>
      <c r="GP7" s="67">
        <v>26152</v>
      </c>
      <c r="GQ7" s="68">
        <v>212474</v>
      </c>
      <c r="GR7" s="69">
        <v>294977</v>
      </c>
      <c r="GS7" s="122">
        <v>57770</v>
      </c>
      <c r="GT7" s="78">
        <v>63430</v>
      </c>
      <c r="GU7" s="79">
        <v>121200</v>
      </c>
      <c r="GV7" s="240"/>
      <c r="GW7" s="78">
        <v>85485</v>
      </c>
      <c r="GX7" s="78">
        <v>80828</v>
      </c>
      <c r="GY7" s="78">
        <v>58668</v>
      </c>
      <c r="GZ7" s="78">
        <v>55097</v>
      </c>
      <c r="HA7" s="78">
        <v>36144</v>
      </c>
      <c r="HB7" s="80">
        <v>316222</v>
      </c>
      <c r="HC7" s="81">
        <v>437422</v>
      </c>
      <c r="HD7" s="66">
        <v>1709</v>
      </c>
      <c r="HE7" s="67">
        <v>2058</v>
      </c>
      <c r="HF7" s="68">
        <v>3767</v>
      </c>
      <c r="HG7" s="240"/>
      <c r="HH7" s="67">
        <v>2357</v>
      </c>
      <c r="HI7" s="67">
        <v>2674</v>
      </c>
      <c r="HJ7" s="67">
        <v>1713</v>
      </c>
      <c r="HK7" s="67">
        <v>1639</v>
      </c>
      <c r="HL7" s="67">
        <v>1370</v>
      </c>
      <c r="HM7" s="68">
        <v>9753</v>
      </c>
      <c r="HN7" s="69">
        <v>13520</v>
      </c>
      <c r="HO7" s="66">
        <v>4712</v>
      </c>
      <c r="HP7" s="67">
        <v>5586</v>
      </c>
      <c r="HQ7" s="68">
        <v>10298</v>
      </c>
      <c r="HR7" s="240"/>
      <c r="HS7" s="67">
        <v>6179</v>
      </c>
      <c r="HT7" s="67">
        <v>6600</v>
      </c>
      <c r="HU7" s="67">
        <v>4343</v>
      </c>
      <c r="HV7" s="67">
        <v>3948</v>
      </c>
      <c r="HW7" s="67">
        <v>3042</v>
      </c>
      <c r="HX7" s="68">
        <v>24112</v>
      </c>
      <c r="HY7" s="69">
        <v>34410</v>
      </c>
      <c r="HZ7" s="66">
        <v>9087</v>
      </c>
      <c r="IA7" s="67">
        <v>9752</v>
      </c>
      <c r="IB7" s="68">
        <v>18839</v>
      </c>
      <c r="IC7" s="240"/>
      <c r="ID7" s="67">
        <v>11618</v>
      </c>
      <c r="IE7" s="67">
        <v>10412</v>
      </c>
      <c r="IF7" s="67">
        <v>6965</v>
      </c>
      <c r="IG7" s="67">
        <v>6172</v>
      </c>
      <c r="IH7" s="67">
        <v>4633</v>
      </c>
      <c r="II7" s="68">
        <v>39800</v>
      </c>
      <c r="IJ7" s="69">
        <v>58639</v>
      </c>
      <c r="IK7" s="66">
        <v>16457</v>
      </c>
      <c r="IL7" s="67">
        <v>16444</v>
      </c>
      <c r="IM7" s="68">
        <v>32901</v>
      </c>
      <c r="IN7" s="240"/>
      <c r="IO7" s="67">
        <v>21028</v>
      </c>
      <c r="IP7" s="67">
        <v>17631</v>
      </c>
      <c r="IQ7" s="67">
        <v>11674</v>
      </c>
      <c r="IR7" s="67">
        <v>10235</v>
      </c>
      <c r="IS7" s="67">
        <v>6893</v>
      </c>
      <c r="IT7" s="68">
        <v>67461</v>
      </c>
      <c r="IU7" s="69">
        <v>100362</v>
      </c>
      <c r="IV7" s="66">
        <v>16795</v>
      </c>
      <c r="IW7" s="67">
        <v>18098</v>
      </c>
      <c r="IX7" s="68">
        <v>34893</v>
      </c>
      <c r="IY7" s="240"/>
      <c r="IZ7" s="67">
        <v>24919</v>
      </c>
      <c r="JA7" s="67">
        <v>21988</v>
      </c>
      <c r="JB7" s="67">
        <v>15526</v>
      </c>
      <c r="JC7" s="67">
        <v>14063</v>
      </c>
      <c r="JD7" s="67">
        <v>8835</v>
      </c>
      <c r="JE7" s="68">
        <v>85331</v>
      </c>
      <c r="JF7" s="69">
        <v>120224</v>
      </c>
      <c r="JG7" s="66">
        <v>9010</v>
      </c>
      <c r="JH7" s="67">
        <v>11492</v>
      </c>
      <c r="JI7" s="68">
        <v>20502</v>
      </c>
      <c r="JJ7" s="243"/>
      <c r="JK7" s="67">
        <v>19384</v>
      </c>
      <c r="JL7" s="67">
        <v>21523</v>
      </c>
      <c r="JM7" s="67">
        <v>18447</v>
      </c>
      <c r="JN7" s="67">
        <v>19040</v>
      </c>
      <c r="JO7" s="67">
        <v>11371</v>
      </c>
      <c r="JP7" s="68">
        <v>89765</v>
      </c>
      <c r="JQ7" s="69">
        <v>110267</v>
      </c>
      <c r="JR7" s="66">
        <v>840</v>
      </c>
      <c r="JS7" s="67">
        <v>1454</v>
      </c>
      <c r="JT7" s="68">
        <v>2294</v>
      </c>
      <c r="JU7" s="243"/>
      <c r="JV7" s="67">
        <v>1574</v>
      </c>
      <c r="JW7" s="67">
        <v>2329</v>
      </c>
      <c r="JX7" s="67">
        <v>1458</v>
      </c>
      <c r="JY7" s="67">
        <v>1358</v>
      </c>
      <c r="JZ7" s="67">
        <v>1344</v>
      </c>
      <c r="KA7" s="68">
        <v>8063</v>
      </c>
      <c r="KB7" s="69">
        <v>10357</v>
      </c>
      <c r="KC7" s="66">
        <v>58610</v>
      </c>
      <c r="KD7" s="67">
        <v>64884</v>
      </c>
      <c r="KE7" s="68">
        <v>123494</v>
      </c>
      <c r="KF7" s="243"/>
      <c r="KG7" s="67">
        <v>87059</v>
      </c>
      <c r="KH7" s="67">
        <v>83157</v>
      </c>
      <c r="KI7" s="67">
        <v>60126</v>
      </c>
      <c r="KJ7" s="67">
        <v>56455</v>
      </c>
      <c r="KK7" s="67">
        <v>37488</v>
      </c>
      <c r="KL7" s="68">
        <v>324285</v>
      </c>
      <c r="KM7" s="69">
        <v>447779</v>
      </c>
    </row>
    <row r="8" spans="2:299" ht="19.5" customHeight="1" x14ac:dyDescent="0.2">
      <c r="B8" s="126" t="s">
        <v>5</v>
      </c>
      <c r="C8" s="315">
        <v>8095</v>
      </c>
      <c r="D8" s="82">
        <v>9337</v>
      </c>
      <c r="E8" s="83">
        <v>17432</v>
      </c>
      <c r="F8" s="241"/>
      <c r="G8" s="82">
        <v>9995</v>
      </c>
      <c r="H8" s="82">
        <v>12959</v>
      </c>
      <c r="I8" s="82">
        <v>8478</v>
      </c>
      <c r="J8" s="82">
        <v>7038</v>
      </c>
      <c r="K8" s="82">
        <v>4404</v>
      </c>
      <c r="L8" s="84">
        <v>42874</v>
      </c>
      <c r="M8" s="85">
        <v>60306</v>
      </c>
      <c r="N8" s="70">
        <v>325</v>
      </c>
      <c r="O8" s="71">
        <v>469</v>
      </c>
      <c r="P8" s="72">
        <v>794</v>
      </c>
      <c r="Q8" s="241"/>
      <c r="R8" s="71">
        <v>392</v>
      </c>
      <c r="S8" s="71">
        <v>707</v>
      </c>
      <c r="T8" s="71">
        <v>406</v>
      </c>
      <c r="U8" s="71">
        <v>399</v>
      </c>
      <c r="V8" s="71">
        <v>316</v>
      </c>
      <c r="W8" s="72">
        <v>2220</v>
      </c>
      <c r="X8" s="73">
        <v>3014</v>
      </c>
      <c r="Y8" s="70">
        <v>779</v>
      </c>
      <c r="Z8" s="71">
        <v>1049</v>
      </c>
      <c r="AA8" s="72">
        <v>1828</v>
      </c>
      <c r="AB8" s="241"/>
      <c r="AC8" s="71">
        <v>964</v>
      </c>
      <c r="AD8" s="71">
        <v>1498</v>
      </c>
      <c r="AE8" s="71">
        <v>1059</v>
      </c>
      <c r="AF8" s="71">
        <v>858</v>
      </c>
      <c r="AG8" s="71">
        <v>666</v>
      </c>
      <c r="AH8" s="72">
        <v>5045</v>
      </c>
      <c r="AI8" s="73">
        <v>6873</v>
      </c>
      <c r="AJ8" s="70">
        <v>1162</v>
      </c>
      <c r="AK8" s="71">
        <v>1518</v>
      </c>
      <c r="AL8" s="72">
        <v>2680</v>
      </c>
      <c r="AM8" s="241"/>
      <c r="AN8" s="71">
        <v>1517</v>
      </c>
      <c r="AO8" s="71">
        <v>2109</v>
      </c>
      <c r="AP8" s="71">
        <v>1308</v>
      </c>
      <c r="AQ8" s="71">
        <v>1122</v>
      </c>
      <c r="AR8" s="71">
        <v>750</v>
      </c>
      <c r="AS8" s="72">
        <v>6806</v>
      </c>
      <c r="AT8" s="73">
        <v>9486</v>
      </c>
      <c r="AU8" s="70">
        <v>2117</v>
      </c>
      <c r="AV8" s="71">
        <v>2293</v>
      </c>
      <c r="AW8" s="72">
        <v>4410</v>
      </c>
      <c r="AX8" s="241"/>
      <c r="AY8" s="71">
        <v>2502</v>
      </c>
      <c r="AZ8" s="71">
        <v>2903</v>
      </c>
      <c r="BA8" s="71">
        <v>1877</v>
      </c>
      <c r="BB8" s="71">
        <v>1547</v>
      </c>
      <c r="BC8" s="71">
        <v>1010</v>
      </c>
      <c r="BD8" s="72">
        <v>9839</v>
      </c>
      <c r="BE8" s="73">
        <v>14249</v>
      </c>
      <c r="BF8" s="70">
        <v>2334</v>
      </c>
      <c r="BG8" s="71">
        <v>2472</v>
      </c>
      <c r="BH8" s="72">
        <v>4806</v>
      </c>
      <c r="BI8" s="241"/>
      <c r="BJ8" s="71">
        <v>2744</v>
      </c>
      <c r="BK8" s="71">
        <v>3200</v>
      </c>
      <c r="BL8" s="71">
        <v>2066</v>
      </c>
      <c r="BM8" s="71">
        <v>1723</v>
      </c>
      <c r="BN8" s="71">
        <v>950</v>
      </c>
      <c r="BO8" s="72">
        <v>10683</v>
      </c>
      <c r="BP8" s="73">
        <v>15489</v>
      </c>
      <c r="BQ8" s="70">
        <v>1378</v>
      </c>
      <c r="BR8" s="71">
        <v>1536</v>
      </c>
      <c r="BS8" s="72">
        <v>2914</v>
      </c>
      <c r="BT8" s="241"/>
      <c r="BU8" s="71">
        <v>1876</v>
      </c>
      <c r="BV8" s="71">
        <v>2542</v>
      </c>
      <c r="BW8" s="71">
        <v>1762</v>
      </c>
      <c r="BX8" s="71">
        <v>1389</v>
      </c>
      <c r="BY8" s="71">
        <v>712</v>
      </c>
      <c r="BZ8" s="72">
        <v>8281</v>
      </c>
      <c r="CA8" s="73">
        <v>11195</v>
      </c>
      <c r="CB8" s="70">
        <v>171</v>
      </c>
      <c r="CC8" s="71">
        <v>324</v>
      </c>
      <c r="CD8" s="72">
        <v>495</v>
      </c>
      <c r="CE8" s="241"/>
      <c r="CF8" s="71">
        <v>268</v>
      </c>
      <c r="CG8" s="71">
        <v>597</v>
      </c>
      <c r="CH8" s="71">
        <v>378</v>
      </c>
      <c r="CI8" s="71">
        <v>330</v>
      </c>
      <c r="CJ8" s="71">
        <v>335</v>
      </c>
      <c r="CK8" s="72">
        <v>1908</v>
      </c>
      <c r="CL8" s="73">
        <v>2403</v>
      </c>
      <c r="CM8" s="70">
        <v>8266</v>
      </c>
      <c r="CN8" s="71">
        <v>9661</v>
      </c>
      <c r="CO8" s="72">
        <v>17927</v>
      </c>
      <c r="CP8" s="241"/>
      <c r="CQ8" s="71">
        <v>10263</v>
      </c>
      <c r="CR8" s="71">
        <v>13556</v>
      </c>
      <c r="CS8" s="71">
        <v>8856</v>
      </c>
      <c r="CT8" s="71">
        <v>7368</v>
      </c>
      <c r="CU8" s="71">
        <v>4739</v>
      </c>
      <c r="CV8" s="72">
        <v>44782</v>
      </c>
      <c r="CW8" s="73">
        <v>62709</v>
      </c>
      <c r="CX8" s="123">
        <v>14945</v>
      </c>
      <c r="CY8" s="82">
        <v>19613</v>
      </c>
      <c r="CZ8" s="83">
        <v>34558</v>
      </c>
      <c r="DA8" s="241"/>
      <c r="DB8" s="82">
        <v>19141</v>
      </c>
      <c r="DC8" s="82">
        <v>23377</v>
      </c>
      <c r="DD8" s="82">
        <v>15855</v>
      </c>
      <c r="DE8" s="82">
        <v>15606</v>
      </c>
      <c r="DF8" s="82">
        <v>10666</v>
      </c>
      <c r="DG8" s="84">
        <v>84645</v>
      </c>
      <c r="DH8" s="85">
        <v>119203</v>
      </c>
      <c r="DI8" s="70">
        <v>325</v>
      </c>
      <c r="DJ8" s="71">
        <v>443</v>
      </c>
      <c r="DK8" s="72">
        <v>768</v>
      </c>
      <c r="DL8" s="241"/>
      <c r="DM8" s="71">
        <v>322</v>
      </c>
      <c r="DN8" s="71">
        <v>495</v>
      </c>
      <c r="DO8" s="71">
        <v>284</v>
      </c>
      <c r="DP8" s="71">
        <v>263</v>
      </c>
      <c r="DQ8" s="71">
        <v>260</v>
      </c>
      <c r="DR8" s="72">
        <v>1624</v>
      </c>
      <c r="DS8" s="73">
        <v>2392</v>
      </c>
      <c r="DT8" s="70">
        <v>1012</v>
      </c>
      <c r="DU8" s="71">
        <v>1404</v>
      </c>
      <c r="DV8" s="72">
        <v>2416</v>
      </c>
      <c r="DW8" s="241"/>
      <c r="DX8" s="71">
        <v>953</v>
      </c>
      <c r="DY8" s="71">
        <v>1330</v>
      </c>
      <c r="DZ8" s="71">
        <v>775</v>
      </c>
      <c r="EA8" s="71">
        <v>751</v>
      </c>
      <c r="EB8" s="71">
        <v>624</v>
      </c>
      <c r="EC8" s="72">
        <v>4433</v>
      </c>
      <c r="ED8" s="73">
        <v>6849</v>
      </c>
      <c r="EE8" s="70">
        <v>2380</v>
      </c>
      <c r="EF8" s="71">
        <v>2837</v>
      </c>
      <c r="EG8" s="72">
        <v>5217</v>
      </c>
      <c r="EH8" s="241"/>
      <c r="EI8" s="71">
        <v>2219</v>
      </c>
      <c r="EJ8" s="71">
        <v>2473</v>
      </c>
      <c r="EK8" s="71">
        <v>1473</v>
      </c>
      <c r="EL8" s="71">
        <v>1277</v>
      </c>
      <c r="EM8" s="71">
        <v>1108</v>
      </c>
      <c r="EN8" s="72">
        <v>8550</v>
      </c>
      <c r="EO8" s="73">
        <v>13767</v>
      </c>
      <c r="EP8" s="70">
        <v>4410</v>
      </c>
      <c r="EQ8" s="71">
        <v>5088</v>
      </c>
      <c r="ER8" s="72">
        <v>9498</v>
      </c>
      <c r="ES8" s="241"/>
      <c r="ET8" s="71">
        <v>4618</v>
      </c>
      <c r="EU8" s="71">
        <v>4837</v>
      </c>
      <c r="EV8" s="71">
        <v>2862</v>
      </c>
      <c r="EW8" s="71">
        <v>2593</v>
      </c>
      <c r="EX8" s="71">
        <v>1782</v>
      </c>
      <c r="EY8" s="72">
        <v>16692</v>
      </c>
      <c r="EZ8" s="73">
        <v>26190</v>
      </c>
      <c r="FA8" s="70">
        <v>4575</v>
      </c>
      <c r="FB8" s="71">
        <v>6008</v>
      </c>
      <c r="FC8" s="72">
        <v>10583</v>
      </c>
      <c r="FD8" s="241"/>
      <c r="FE8" s="71">
        <v>6151</v>
      </c>
      <c r="FF8" s="71">
        <v>6936</v>
      </c>
      <c r="FG8" s="71">
        <v>4403</v>
      </c>
      <c r="FH8" s="71">
        <v>4248</v>
      </c>
      <c r="FI8" s="71">
        <v>2762</v>
      </c>
      <c r="FJ8" s="72">
        <v>24500</v>
      </c>
      <c r="FK8" s="73">
        <v>35083</v>
      </c>
      <c r="FL8" s="70">
        <v>2243</v>
      </c>
      <c r="FM8" s="71">
        <v>3833</v>
      </c>
      <c r="FN8" s="72">
        <v>6076</v>
      </c>
      <c r="FO8" s="241"/>
      <c r="FP8" s="71">
        <v>4878</v>
      </c>
      <c r="FQ8" s="71">
        <v>7306</v>
      </c>
      <c r="FR8" s="71">
        <v>6058</v>
      </c>
      <c r="FS8" s="71">
        <v>6474</v>
      </c>
      <c r="FT8" s="71">
        <v>4130</v>
      </c>
      <c r="FU8" s="72">
        <v>28846</v>
      </c>
      <c r="FV8" s="73">
        <v>34922</v>
      </c>
      <c r="FW8" s="70">
        <v>157</v>
      </c>
      <c r="FX8" s="71">
        <v>294</v>
      </c>
      <c r="FY8" s="72">
        <v>451</v>
      </c>
      <c r="FZ8" s="244"/>
      <c r="GA8" s="71">
        <v>181</v>
      </c>
      <c r="GB8" s="71">
        <v>457</v>
      </c>
      <c r="GC8" s="71">
        <v>262</v>
      </c>
      <c r="GD8" s="71">
        <v>239</v>
      </c>
      <c r="GE8" s="71">
        <v>253</v>
      </c>
      <c r="GF8" s="72">
        <v>1392</v>
      </c>
      <c r="GG8" s="73">
        <v>1843</v>
      </c>
      <c r="GH8" s="70">
        <v>15102</v>
      </c>
      <c r="GI8" s="71">
        <v>19907</v>
      </c>
      <c r="GJ8" s="72">
        <v>35009</v>
      </c>
      <c r="GK8" s="244"/>
      <c r="GL8" s="71">
        <v>19322</v>
      </c>
      <c r="GM8" s="71">
        <v>23834</v>
      </c>
      <c r="GN8" s="71">
        <v>16117</v>
      </c>
      <c r="GO8" s="71">
        <v>15845</v>
      </c>
      <c r="GP8" s="71">
        <v>10919</v>
      </c>
      <c r="GQ8" s="72">
        <v>86037</v>
      </c>
      <c r="GR8" s="73">
        <v>121046</v>
      </c>
      <c r="GS8" s="123">
        <v>23040</v>
      </c>
      <c r="GT8" s="82">
        <v>28950</v>
      </c>
      <c r="GU8" s="83">
        <v>51990</v>
      </c>
      <c r="GV8" s="241"/>
      <c r="GW8" s="82">
        <v>29136</v>
      </c>
      <c r="GX8" s="82">
        <v>36336</v>
      </c>
      <c r="GY8" s="82">
        <v>24333</v>
      </c>
      <c r="GZ8" s="82">
        <v>22644</v>
      </c>
      <c r="HA8" s="82">
        <v>15070</v>
      </c>
      <c r="HB8" s="84">
        <v>127519</v>
      </c>
      <c r="HC8" s="85">
        <v>179509</v>
      </c>
      <c r="HD8" s="70">
        <v>650</v>
      </c>
      <c r="HE8" s="71">
        <v>912</v>
      </c>
      <c r="HF8" s="72">
        <v>1562</v>
      </c>
      <c r="HG8" s="241"/>
      <c r="HH8" s="71">
        <v>714</v>
      </c>
      <c r="HI8" s="71">
        <v>1202</v>
      </c>
      <c r="HJ8" s="71">
        <v>690</v>
      </c>
      <c r="HK8" s="71">
        <v>662</v>
      </c>
      <c r="HL8" s="71">
        <v>576</v>
      </c>
      <c r="HM8" s="72">
        <v>3844</v>
      </c>
      <c r="HN8" s="73">
        <v>5406</v>
      </c>
      <c r="HO8" s="70">
        <v>1791</v>
      </c>
      <c r="HP8" s="71">
        <v>2453</v>
      </c>
      <c r="HQ8" s="72">
        <v>4244</v>
      </c>
      <c r="HR8" s="241"/>
      <c r="HS8" s="71">
        <v>1917</v>
      </c>
      <c r="HT8" s="71">
        <v>2828</v>
      </c>
      <c r="HU8" s="71">
        <v>1834</v>
      </c>
      <c r="HV8" s="71">
        <v>1609</v>
      </c>
      <c r="HW8" s="71">
        <v>1290</v>
      </c>
      <c r="HX8" s="72">
        <v>9478</v>
      </c>
      <c r="HY8" s="73">
        <v>13722</v>
      </c>
      <c r="HZ8" s="70">
        <v>3542</v>
      </c>
      <c r="IA8" s="71">
        <v>4355</v>
      </c>
      <c r="IB8" s="72">
        <v>7897</v>
      </c>
      <c r="IC8" s="241"/>
      <c r="ID8" s="71">
        <v>3736</v>
      </c>
      <c r="IE8" s="71">
        <v>4582</v>
      </c>
      <c r="IF8" s="71">
        <v>2781</v>
      </c>
      <c r="IG8" s="71">
        <v>2399</v>
      </c>
      <c r="IH8" s="71">
        <v>1858</v>
      </c>
      <c r="II8" s="72">
        <v>15356</v>
      </c>
      <c r="IJ8" s="73">
        <v>23253</v>
      </c>
      <c r="IK8" s="70">
        <v>6527</v>
      </c>
      <c r="IL8" s="71">
        <v>7381</v>
      </c>
      <c r="IM8" s="72">
        <v>13908</v>
      </c>
      <c r="IN8" s="241"/>
      <c r="IO8" s="71">
        <v>7120</v>
      </c>
      <c r="IP8" s="71">
        <v>7740</v>
      </c>
      <c r="IQ8" s="71">
        <v>4739</v>
      </c>
      <c r="IR8" s="71">
        <v>4140</v>
      </c>
      <c r="IS8" s="71">
        <v>2792</v>
      </c>
      <c r="IT8" s="72">
        <v>26531</v>
      </c>
      <c r="IU8" s="73">
        <v>40439</v>
      </c>
      <c r="IV8" s="70">
        <v>6909</v>
      </c>
      <c r="IW8" s="71">
        <v>8480</v>
      </c>
      <c r="IX8" s="72">
        <v>15389</v>
      </c>
      <c r="IY8" s="241"/>
      <c r="IZ8" s="71">
        <v>8895</v>
      </c>
      <c r="JA8" s="71">
        <v>10136</v>
      </c>
      <c r="JB8" s="71">
        <v>6469</v>
      </c>
      <c r="JC8" s="71">
        <v>5971</v>
      </c>
      <c r="JD8" s="71">
        <v>3712</v>
      </c>
      <c r="JE8" s="72">
        <v>35183</v>
      </c>
      <c r="JF8" s="73">
        <v>50572</v>
      </c>
      <c r="JG8" s="70">
        <v>3621</v>
      </c>
      <c r="JH8" s="71">
        <v>5369</v>
      </c>
      <c r="JI8" s="72">
        <v>8990</v>
      </c>
      <c r="JJ8" s="244"/>
      <c r="JK8" s="71">
        <v>6754</v>
      </c>
      <c r="JL8" s="71">
        <v>9848</v>
      </c>
      <c r="JM8" s="71">
        <v>7820</v>
      </c>
      <c r="JN8" s="71">
        <v>7863</v>
      </c>
      <c r="JO8" s="71">
        <v>4842</v>
      </c>
      <c r="JP8" s="72">
        <v>37127</v>
      </c>
      <c r="JQ8" s="73">
        <v>46117</v>
      </c>
      <c r="JR8" s="70">
        <v>328</v>
      </c>
      <c r="JS8" s="71">
        <v>618</v>
      </c>
      <c r="JT8" s="72">
        <v>946</v>
      </c>
      <c r="JU8" s="244"/>
      <c r="JV8" s="71">
        <v>449</v>
      </c>
      <c r="JW8" s="71">
        <v>1054</v>
      </c>
      <c r="JX8" s="71">
        <v>640</v>
      </c>
      <c r="JY8" s="71">
        <v>569</v>
      </c>
      <c r="JZ8" s="71">
        <v>588</v>
      </c>
      <c r="KA8" s="72">
        <v>3300</v>
      </c>
      <c r="KB8" s="73">
        <v>4246</v>
      </c>
      <c r="KC8" s="70">
        <v>23368</v>
      </c>
      <c r="KD8" s="71">
        <v>29568</v>
      </c>
      <c r="KE8" s="72">
        <v>52936</v>
      </c>
      <c r="KF8" s="244"/>
      <c r="KG8" s="71">
        <v>29585</v>
      </c>
      <c r="KH8" s="71">
        <v>37390</v>
      </c>
      <c r="KI8" s="71">
        <v>24973</v>
      </c>
      <c r="KJ8" s="71">
        <v>23213</v>
      </c>
      <c r="KK8" s="71">
        <v>15658</v>
      </c>
      <c r="KL8" s="72">
        <v>130819</v>
      </c>
      <c r="KM8" s="73">
        <v>183755</v>
      </c>
    </row>
    <row r="9" spans="2:299" ht="19.5" customHeight="1" x14ac:dyDescent="0.2">
      <c r="B9" s="126" t="s">
        <v>6</v>
      </c>
      <c r="C9" s="315">
        <v>2688</v>
      </c>
      <c r="D9" s="82">
        <v>2298</v>
      </c>
      <c r="E9" s="83">
        <v>4986</v>
      </c>
      <c r="F9" s="241"/>
      <c r="G9" s="82">
        <v>4998</v>
      </c>
      <c r="H9" s="82">
        <v>3656</v>
      </c>
      <c r="I9" s="82">
        <v>2859</v>
      </c>
      <c r="J9" s="82">
        <v>2537</v>
      </c>
      <c r="K9" s="82">
        <v>1694</v>
      </c>
      <c r="L9" s="84">
        <v>15744</v>
      </c>
      <c r="M9" s="85">
        <v>20730</v>
      </c>
      <c r="N9" s="70">
        <v>137</v>
      </c>
      <c r="O9" s="71">
        <v>146</v>
      </c>
      <c r="P9" s="72">
        <v>283</v>
      </c>
      <c r="Q9" s="241"/>
      <c r="R9" s="71">
        <v>280</v>
      </c>
      <c r="S9" s="71">
        <v>226</v>
      </c>
      <c r="T9" s="71">
        <v>149</v>
      </c>
      <c r="U9" s="71">
        <v>156</v>
      </c>
      <c r="V9" s="71">
        <v>132</v>
      </c>
      <c r="W9" s="72">
        <v>943</v>
      </c>
      <c r="X9" s="73">
        <v>1226</v>
      </c>
      <c r="Y9" s="70">
        <v>322</v>
      </c>
      <c r="Z9" s="71">
        <v>285</v>
      </c>
      <c r="AA9" s="72">
        <v>607</v>
      </c>
      <c r="AB9" s="241"/>
      <c r="AC9" s="71">
        <v>579</v>
      </c>
      <c r="AD9" s="71">
        <v>516</v>
      </c>
      <c r="AE9" s="71">
        <v>365</v>
      </c>
      <c r="AF9" s="71">
        <v>326</v>
      </c>
      <c r="AG9" s="71">
        <v>252</v>
      </c>
      <c r="AH9" s="72">
        <v>2038</v>
      </c>
      <c r="AI9" s="73">
        <v>2645</v>
      </c>
      <c r="AJ9" s="70">
        <v>408</v>
      </c>
      <c r="AK9" s="71">
        <v>410</v>
      </c>
      <c r="AL9" s="72">
        <v>818</v>
      </c>
      <c r="AM9" s="241"/>
      <c r="AN9" s="71">
        <v>828</v>
      </c>
      <c r="AO9" s="71">
        <v>631</v>
      </c>
      <c r="AP9" s="71">
        <v>469</v>
      </c>
      <c r="AQ9" s="71">
        <v>430</v>
      </c>
      <c r="AR9" s="71">
        <v>332</v>
      </c>
      <c r="AS9" s="72">
        <v>2690</v>
      </c>
      <c r="AT9" s="73">
        <v>3508</v>
      </c>
      <c r="AU9" s="70">
        <v>631</v>
      </c>
      <c r="AV9" s="71">
        <v>494</v>
      </c>
      <c r="AW9" s="72">
        <v>1125</v>
      </c>
      <c r="AX9" s="241"/>
      <c r="AY9" s="71">
        <v>1239</v>
      </c>
      <c r="AZ9" s="71">
        <v>821</v>
      </c>
      <c r="BA9" s="71">
        <v>703</v>
      </c>
      <c r="BB9" s="71">
        <v>568</v>
      </c>
      <c r="BC9" s="71">
        <v>341</v>
      </c>
      <c r="BD9" s="72">
        <v>3672</v>
      </c>
      <c r="BE9" s="73">
        <v>4797</v>
      </c>
      <c r="BF9" s="70">
        <v>732</v>
      </c>
      <c r="BG9" s="71">
        <v>594</v>
      </c>
      <c r="BH9" s="72">
        <v>1326</v>
      </c>
      <c r="BI9" s="241"/>
      <c r="BJ9" s="71">
        <v>1230</v>
      </c>
      <c r="BK9" s="71">
        <v>821</v>
      </c>
      <c r="BL9" s="71">
        <v>679</v>
      </c>
      <c r="BM9" s="71">
        <v>575</v>
      </c>
      <c r="BN9" s="71">
        <v>378</v>
      </c>
      <c r="BO9" s="72">
        <v>3683</v>
      </c>
      <c r="BP9" s="73">
        <v>5009</v>
      </c>
      <c r="BQ9" s="70">
        <v>458</v>
      </c>
      <c r="BR9" s="71">
        <v>369</v>
      </c>
      <c r="BS9" s="72">
        <v>827</v>
      </c>
      <c r="BT9" s="241"/>
      <c r="BU9" s="71">
        <v>842</v>
      </c>
      <c r="BV9" s="71">
        <v>641</v>
      </c>
      <c r="BW9" s="71">
        <v>494</v>
      </c>
      <c r="BX9" s="71">
        <v>482</v>
      </c>
      <c r="BY9" s="71">
        <v>259</v>
      </c>
      <c r="BZ9" s="72">
        <v>2718</v>
      </c>
      <c r="CA9" s="73">
        <v>3545</v>
      </c>
      <c r="CB9" s="70">
        <v>76</v>
      </c>
      <c r="CC9" s="71">
        <v>96</v>
      </c>
      <c r="CD9" s="72">
        <v>172</v>
      </c>
      <c r="CE9" s="241"/>
      <c r="CF9" s="71">
        <v>185</v>
      </c>
      <c r="CG9" s="71">
        <v>185</v>
      </c>
      <c r="CH9" s="71">
        <v>121</v>
      </c>
      <c r="CI9" s="71">
        <v>128</v>
      </c>
      <c r="CJ9" s="71">
        <v>117</v>
      </c>
      <c r="CK9" s="72">
        <v>736</v>
      </c>
      <c r="CL9" s="73">
        <v>908</v>
      </c>
      <c r="CM9" s="70">
        <v>2764</v>
      </c>
      <c r="CN9" s="71">
        <v>2394</v>
      </c>
      <c r="CO9" s="72">
        <v>5158</v>
      </c>
      <c r="CP9" s="241"/>
      <c r="CQ9" s="71">
        <v>5183</v>
      </c>
      <c r="CR9" s="71">
        <v>3841</v>
      </c>
      <c r="CS9" s="71">
        <v>2980</v>
      </c>
      <c r="CT9" s="71">
        <v>2665</v>
      </c>
      <c r="CU9" s="71">
        <v>1811</v>
      </c>
      <c r="CV9" s="72">
        <v>16480</v>
      </c>
      <c r="CW9" s="73">
        <v>21638</v>
      </c>
      <c r="CX9" s="123">
        <v>5145</v>
      </c>
      <c r="CY9" s="82">
        <v>5218</v>
      </c>
      <c r="CZ9" s="83">
        <v>10363</v>
      </c>
      <c r="DA9" s="241"/>
      <c r="DB9" s="82">
        <v>8853</v>
      </c>
      <c r="DC9" s="82">
        <v>6487</v>
      </c>
      <c r="DD9" s="82">
        <v>5325</v>
      </c>
      <c r="DE9" s="82">
        <v>5516</v>
      </c>
      <c r="DF9" s="82">
        <v>3633</v>
      </c>
      <c r="DG9" s="84">
        <v>29814</v>
      </c>
      <c r="DH9" s="85">
        <v>40177</v>
      </c>
      <c r="DI9" s="70">
        <v>124</v>
      </c>
      <c r="DJ9" s="71">
        <v>98</v>
      </c>
      <c r="DK9" s="72">
        <v>222</v>
      </c>
      <c r="DL9" s="241"/>
      <c r="DM9" s="71">
        <v>195</v>
      </c>
      <c r="DN9" s="71">
        <v>136</v>
      </c>
      <c r="DO9" s="71">
        <v>102</v>
      </c>
      <c r="DP9" s="71">
        <v>103</v>
      </c>
      <c r="DQ9" s="71">
        <v>79</v>
      </c>
      <c r="DR9" s="72">
        <v>615</v>
      </c>
      <c r="DS9" s="73">
        <v>837</v>
      </c>
      <c r="DT9" s="70">
        <v>374</v>
      </c>
      <c r="DU9" s="71">
        <v>368</v>
      </c>
      <c r="DV9" s="72">
        <v>742</v>
      </c>
      <c r="DW9" s="241"/>
      <c r="DX9" s="71">
        <v>512</v>
      </c>
      <c r="DY9" s="71">
        <v>382</v>
      </c>
      <c r="DZ9" s="71">
        <v>270</v>
      </c>
      <c r="EA9" s="71">
        <v>286</v>
      </c>
      <c r="EB9" s="71">
        <v>207</v>
      </c>
      <c r="EC9" s="72">
        <v>1657</v>
      </c>
      <c r="ED9" s="73">
        <v>2399</v>
      </c>
      <c r="EE9" s="70">
        <v>797</v>
      </c>
      <c r="EF9" s="71">
        <v>781</v>
      </c>
      <c r="EG9" s="72">
        <v>1578</v>
      </c>
      <c r="EH9" s="241"/>
      <c r="EI9" s="71">
        <v>1121</v>
      </c>
      <c r="EJ9" s="71">
        <v>683</v>
      </c>
      <c r="EK9" s="71">
        <v>504</v>
      </c>
      <c r="EL9" s="71">
        <v>518</v>
      </c>
      <c r="EM9" s="71">
        <v>356</v>
      </c>
      <c r="EN9" s="72">
        <v>3182</v>
      </c>
      <c r="EO9" s="73">
        <v>4760</v>
      </c>
      <c r="EP9" s="70">
        <v>1542</v>
      </c>
      <c r="EQ9" s="71">
        <v>1389</v>
      </c>
      <c r="ER9" s="72">
        <v>2931</v>
      </c>
      <c r="ES9" s="241"/>
      <c r="ET9" s="71">
        <v>2171</v>
      </c>
      <c r="EU9" s="71">
        <v>1355</v>
      </c>
      <c r="EV9" s="71">
        <v>994</v>
      </c>
      <c r="EW9" s="71">
        <v>919</v>
      </c>
      <c r="EX9" s="71">
        <v>639</v>
      </c>
      <c r="EY9" s="72">
        <v>6078</v>
      </c>
      <c r="EZ9" s="73">
        <v>9009</v>
      </c>
      <c r="FA9" s="70">
        <v>1516</v>
      </c>
      <c r="FB9" s="71">
        <v>1605</v>
      </c>
      <c r="FC9" s="72">
        <v>3121</v>
      </c>
      <c r="FD9" s="241"/>
      <c r="FE9" s="71">
        <v>2658</v>
      </c>
      <c r="FF9" s="71">
        <v>1886</v>
      </c>
      <c r="FG9" s="71">
        <v>1477</v>
      </c>
      <c r="FH9" s="71">
        <v>1428</v>
      </c>
      <c r="FI9" s="71">
        <v>983</v>
      </c>
      <c r="FJ9" s="72">
        <v>8432</v>
      </c>
      <c r="FK9" s="73">
        <v>11553</v>
      </c>
      <c r="FL9" s="70">
        <v>792</v>
      </c>
      <c r="FM9" s="71">
        <v>977</v>
      </c>
      <c r="FN9" s="72">
        <v>1769</v>
      </c>
      <c r="FO9" s="241"/>
      <c r="FP9" s="71">
        <v>2196</v>
      </c>
      <c r="FQ9" s="71">
        <v>2045</v>
      </c>
      <c r="FR9" s="71">
        <v>1978</v>
      </c>
      <c r="FS9" s="71">
        <v>2262</v>
      </c>
      <c r="FT9" s="71">
        <v>1369</v>
      </c>
      <c r="FU9" s="72">
        <v>9850</v>
      </c>
      <c r="FV9" s="73">
        <v>11619</v>
      </c>
      <c r="FW9" s="70">
        <v>53</v>
      </c>
      <c r="FX9" s="71">
        <v>89</v>
      </c>
      <c r="FY9" s="72">
        <v>142</v>
      </c>
      <c r="FZ9" s="244"/>
      <c r="GA9" s="71">
        <v>132</v>
      </c>
      <c r="GB9" s="71">
        <v>130</v>
      </c>
      <c r="GC9" s="71">
        <v>104</v>
      </c>
      <c r="GD9" s="71">
        <v>104</v>
      </c>
      <c r="GE9" s="71">
        <v>101</v>
      </c>
      <c r="GF9" s="72">
        <v>571</v>
      </c>
      <c r="GG9" s="73">
        <v>713</v>
      </c>
      <c r="GH9" s="70">
        <v>5198</v>
      </c>
      <c r="GI9" s="71">
        <v>5307</v>
      </c>
      <c r="GJ9" s="72">
        <v>10505</v>
      </c>
      <c r="GK9" s="244"/>
      <c r="GL9" s="71">
        <v>8985</v>
      </c>
      <c r="GM9" s="71">
        <v>6617</v>
      </c>
      <c r="GN9" s="71">
        <v>5429</v>
      </c>
      <c r="GO9" s="71">
        <v>5620</v>
      </c>
      <c r="GP9" s="71">
        <v>3734</v>
      </c>
      <c r="GQ9" s="72">
        <v>30385</v>
      </c>
      <c r="GR9" s="73">
        <v>40890</v>
      </c>
      <c r="GS9" s="123">
        <v>7833</v>
      </c>
      <c r="GT9" s="82">
        <v>7516</v>
      </c>
      <c r="GU9" s="83">
        <v>15349</v>
      </c>
      <c r="GV9" s="241"/>
      <c r="GW9" s="82">
        <v>13851</v>
      </c>
      <c r="GX9" s="82">
        <v>10143</v>
      </c>
      <c r="GY9" s="82">
        <v>8184</v>
      </c>
      <c r="GZ9" s="82">
        <v>8053</v>
      </c>
      <c r="HA9" s="82">
        <v>5327</v>
      </c>
      <c r="HB9" s="84">
        <v>45558</v>
      </c>
      <c r="HC9" s="85">
        <v>60907</v>
      </c>
      <c r="HD9" s="70">
        <v>261</v>
      </c>
      <c r="HE9" s="71">
        <v>244</v>
      </c>
      <c r="HF9" s="72">
        <v>505</v>
      </c>
      <c r="HG9" s="241"/>
      <c r="HH9" s="71">
        <v>475</v>
      </c>
      <c r="HI9" s="71">
        <v>362</v>
      </c>
      <c r="HJ9" s="71">
        <v>251</v>
      </c>
      <c r="HK9" s="71">
        <v>259</v>
      </c>
      <c r="HL9" s="71">
        <v>211</v>
      </c>
      <c r="HM9" s="72">
        <v>1558</v>
      </c>
      <c r="HN9" s="73">
        <v>2063</v>
      </c>
      <c r="HO9" s="70">
        <v>696</v>
      </c>
      <c r="HP9" s="71">
        <v>653</v>
      </c>
      <c r="HQ9" s="72">
        <v>1349</v>
      </c>
      <c r="HR9" s="241"/>
      <c r="HS9" s="71">
        <v>1091</v>
      </c>
      <c r="HT9" s="71">
        <v>898</v>
      </c>
      <c r="HU9" s="71">
        <v>635</v>
      </c>
      <c r="HV9" s="71">
        <v>612</v>
      </c>
      <c r="HW9" s="71">
        <v>459</v>
      </c>
      <c r="HX9" s="72">
        <v>3695</v>
      </c>
      <c r="HY9" s="73">
        <v>5044</v>
      </c>
      <c r="HZ9" s="70">
        <v>1205</v>
      </c>
      <c r="IA9" s="71">
        <v>1191</v>
      </c>
      <c r="IB9" s="72">
        <v>2396</v>
      </c>
      <c r="IC9" s="241"/>
      <c r="ID9" s="71">
        <v>1949</v>
      </c>
      <c r="IE9" s="71">
        <v>1314</v>
      </c>
      <c r="IF9" s="71">
        <v>973</v>
      </c>
      <c r="IG9" s="71">
        <v>948</v>
      </c>
      <c r="IH9" s="71">
        <v>688</v>
      </c>
      <c r="II9" s="72">
        <v>5872</v>
      </c>
      <c r="IJ9" s="73">
        <v>8268</v>
      </c>
      <c r="IK9" s="70">
        <v>2173</v>
      </c>
      <c r="IL9" s="71">
        <v>1883</v>
      </c>
      <c r="IM9" s="72">
        <v>4056</v>
      </c>
      <c r="IN9" s="241"/>
      <c r="IO9" s="71">
        <v>3410</v>
      </c>
      <c r="IP9" s="71">
        <v>2176</v>
      </c>
      <c r="IQ9" s="71">
        <v>1697</v>
      </c>
      <c r="IR9" s="71">
        <v>1487</v>
      </c>
      <c r="IS9" s="71">
        <v>980</v>
      </c>
      <c r="IT9" s="72">
        <v>9750</v>
      </c>
      <c r="IU9" s="73">
        <v>13806</v>
      </c>
      <c r="IV9" s="70">
        <v>2248</v>
      </c>
      <c r="IW9" s="71">
        <v>2199</v>
      </c>
      <c r="IX9" s="72">
        <v>4447</v>
      </c>
      <c r="IY9" s="241"/>
      <c r="IZ9" s="71">
        <v>3888</v>
      </c>
      <c r="JA9" s="71">
        <v>2707</v>
      </c>
      <c r="JB9" s="71">
        <v>2156</v>
      </c>
      <c r="JC9" s="71">
        <v>2003</v>
      </c>
      <c r="JD9" s="71">
        <v>1361</v>
      </c>
      <c r="JE9" s="72">
        <v>12115</v>
      </c>
      <c r="JF9" s="73">
        <v>16562</v>
      </c>
      <c r="JG9" s="70">
        <v>1250</v>
      </c>
      <c r="JH9" s="71">
        <v>1346</v>
      </c>
      <c r="JI9" s="72">
        <v>2596</v>
      </c>
      <c r="JJ9" s="244"/>
      <c r="JK9" s="71">
        <v>3038</v>
      </c>
      <c r="JL9" s="71">
        <v>2686</v>
      </c>
      <c r="JM9" s="71">
        <v>2472</v>
      </c>
      <c r="JN9" s="71">
        <v>2744</v>
      </c>
      <c r="JO9" s="71">
        <v>1628</v>
      </c>
      <c r="JP9" s="72">
        <v>12568</v>
      </c>
      <c r="JQ9" s="73">
        <v>15164</v>
      </c>
      <c r="JR9" s="70">
        <v>129</v>
      </c>
      <c r="JS9" s="71">
        <v>185</v>
      </c>
      <c r="JT9" s="72">
        <v>314</v>
      </c>
      <c r="JU9" s="244"/>
      <c r="JV9" s="71">
        <v>317</v>
      </c>
      <c r="JW9" s="71">
        <v>315</v>
      </c>
      <c r="JX9" s="71">
        <v>225</v>
      </c>
      <c r="JY9" s="71">
        <v>232</v>
      </c>
      <c r="JZ9" s="71">
        <v>218</v>
      </c>
      <c r="KA9" s="72">
        <v>1307</v>
      </c>
      <c r="KB9" s="73">
        <v>1621</v>
      </c>
      <c r="KC9" s="70">
        <v>7962</v>
      </c>
      <c r="KD9" s="71">
        <v>7701</v>
      </c>
      <c r="KE9" s="72">
        <v>15663</v>
      </c>
      <c r="KF9" s="244"/>
      <c r="KG9" s="71">
        <v>14168</v>
      </c>
      <c r="KH9" s="71">
        <v>10458</v>
      </c>
      <c r="KI9" s="71">
        <v>8409</v>
      </c>
      <c r="KJ9" s="71">
        <v>8285</v>
      </c>
      <c r="KK9" s="71">
        <v>5545</v>
      </c>
      <c r="KL9" s="72">
        <v>46865</v>
      </c>
      <c r="KM9" s="73">
        <v>62528</v>
      </c>
    </row>
    <row r="10" spans="2:299" ht="19.5" customHeight="1" x14ac:dyDescent="0.2">
      <c r="B10" s="126" t="s">
        <v>14</v>
      </c>
      <c r="C10" s="315">
        <v>1487</v>
      </c>
      <c r="D10" s="82">
        <v>1839</v>
      </c>
      <c r="E10" s="83">
        <v>3326</v>
      </c>
      <c r="F10" s="241"/>
      <c r="G10" s="82">
        <v>2255</v>
      </c>
      <c r="H10" s="82">
        <v>2445</v>
      </c>
      <c r="I10" s="82">
        <v>1861</v>
      </c>
      <c r="J10" s="82">
        <v>1410</v>
      </c>
      <c r="K10" s="82">
        <v>912</v>
      </c>
      <c r="L10" s="84">
        <v>8883</v>
      </c>
      <c r="M10" s="85">
        <v>12209</v>
      </c>
      <c r="N10" s="70">
        <v>80</v>
      </c>
      <c r="O10" s="71">
        <v>97</v>
      </c>
      <c r="P10" s="72">
        <v>177</v>
      </c>
      <c r="Q10" s="241"/>
      <c r="R10" s="71">
        <v>92</v>
      </c>
      <c r="S10" s="71">
        <v>131</v>
      </c>
      <c r="T10" s="71">
        <v>91</v>
      </c>
      <c r="U10" s="71">
        <v>73</v>
      </c>
      <c r="V10" s="71">
        <v>70</v>
      </c>
      <c r="W10" s="72">
        <v>457</v>
      </c>
      <c r="X10" s="73">
        <v>634</v>
      </c>
      <c r="Y10" s="70">
        <v>158</v>
      </c>
      <c r="Z10" s="71">
        <v>285</v>
      </c>
      <c r="AA10" s="72">
        <v>443</v>
      </c>
      <c r="AB10" s="241"/>
      <c r="AC10" s="71">
        <v>222</v>
      </c>
      <c r="AD10" s="71">
        <v>295</v>
      </c>
      <c r="AE10" s="71">
        <v>221</v>
      </c>
      <c r="AF10" s="71">
        <v>195</v>
      </c>
      <c r="AG10" s="71">
        <v>110</v>
      </c>
      <c r="AH10" s="72">
        <v>1043</v>
      </c>
      <c r="AI10" s="73">
        <v>1486</v>
      </c>
      <c r="AJ10" s="70">
        <v>255</v>
      </c>
      <c r="AK10" s="71">
        <v>326</v>
      </c>
      <c r="AL10" s="72">
        <v>581</v>
      </c>
      <c r="AM10" s="241"/>
      <c r="AN10" s="71">
        <v>409</v>
      </c>
      <c r="AO10" s="71">
        <v>400</v>
      </c>
      <c r="AP10" s="71">
        <v>317</v>
      </c>
      <c r="AQ10" s="71">
        <v>245</v>
      </c>
      <c r="AR10" s="71">
        <v>187</v>
      </c>
      <c r="AS10" s="72">
        <v>1558</v>
      </c>
      <c r="AT10" s="73">
        <v>2139</v>
      </c>
      <c r="AU10" s="70">
        <v>422</v>
      </c>
      <c r="AV10" s="71">
        <v>479</v>
      </c>
      <c r="AW10" s="72">
        <v>901</v>
      </c>
      <c r="AX10" s="241"/>
      <c r="AY10" s="71">
        <v>608</v>
      </c>
      <c r="AZ10" s="71">
        <v>605</v>
      </c>
      <c r="BA10" s="71">
        <v>489</v>
      </c>
      <c r="BB10" s="71">
        <v>358</v>
      </c>
      <c r="BC10" s="71">
        <v>230</v>
      </c>
      <c r="BD10" s="72">
        <v>2290</v>
      </c>
      <c r="BE10" s="73">
        <v>3191</v>
      </c>
      <c r="BF10" s="70">
        <v>373</v>
      </c>
      <c r="BG10" s="71">
        <v>409</v>
      </c>
      <c r="BH10" s="72">
        <v>782</v>
      </c>
      <c r="BI10" s="241"/>
      <c r="BJ10" s="71">
        <v>569</v>
      </c>
      <c r="BK10" s="71">
        <v>634</v>
      </c>
      <c r="BL10" s="71">
        <v>444</v>
      </c>
      <c r="BM10" s="71">
        <v>304</v>
      </c>
      <c r="BN10" s="71">
        <v>175</v>
      </c>
      <c r="BO10" s="72">
        <v>2126</v>
      </c>
      <c r="BP10" s="73">
        <v>2908</v>
      </c>
      <c r="BQ10" s="70">
        <v>199</v>
      </c>
      <c r="BR10" s="71">
        <v>243</v>
      </c>
      <c r="BS10" s="72">
        <v>442</v>
      </c>
      <c r="BT10" s="241"/>
      <c r="BU10" s="71">
        <v>355</v>
      </c>
      <c r="BV10" s="71">
        <v>380</v>
      </c>
      <c r="BW10" s="71">
        <v>299</v>
      </c>
      <c r="BX10" s="71">
        <v>235</v>
      </c>
      <c r="BY10" s="71">
        <v>140</v>
      </c>
      <c r="BZ10" s="72">
        <v>1409</v>
      </c>
      <c r="CA10" s="73">
        <v>1851</v>
      </c>
      <c r="CB10" s="70">
        <v>38</v>
      </c>
      <c r="CC10" s="71">
        <v>87</v>
      </c>
      <c r="CD10" s="72">
        <v>125</v>
      </c>
      <c r="CE10" s="241"/>
      <c r="CF10" s="71">
        <v>42</v>
      </c>
      <c r="CG10" s="71">
        <v>103</v>
      </c>
      <c r="CH10" s="71">
        <v>59</v>
      </c>
      <c r="CI10" s="71">
        <v>74</v>
      </c>
      <c r="CJ10" s="71">
        <v>51</v>
      </c>
      <c r="CK10" s="72">
        <v>329</v>
      </c>
      <c r="CL10" s="73">
        <v>454</v>
      </c>
      <c r="CM10" s="70">
        <v>1525</v>
      </c>
      <c r="CN10" s="71">
        <v>1926</v>
      </c>
      <c r="CO10" s="72">
        <v>3451</v>
      </c>
      <c r="CP10" s="241"/>
      <c r="CQ10" s="71">
        <v>2297</v>
      </c>
      <c r="CR10" s="71">
        <v>2548</v>
      </c>
      <c r="CS10" s="71">
        <v>1920</v>
      </c>
      <c r="CT10" s="71">
        <v>1484</v>
      </c>
      <c r="CU10" s="71">
        <v>963</v>
      </c>
      <c r="CV10" s="72">
        <v>9212</v>
      </c>
      <c r="CW10" s="73">
        <v>12663</v>
      </c>
      <c r="CX10" s="123">
        <v>2796</v>
      </c>
      <c r="CY10" s="82">
        <v>4028</v>
      </c>
      <c r="CZ10" s="83">
        <v>6824</v>
      </c>
      <c r="DA10" s="241"/>
      <c r="DB10" s="82">
        <v>3670</v>
      </c>
      <c r="DC10" s="82">
        <v>3979</v>
      </c>
      <c r="DD10" s="82">
        <v>3015</v>
      </c>
      <c r="DE10" s="82">
        <v>3053</v>
      </c>
      <c r="DF10" s="82">
        <v>1930</v>
      </c>
      <c r="DG10" s="84">
        <v>15647</v>
      </c>
      <c r="DH10" s="85">
        <v>22471</v>
      </c>
      <c r="DI10" s="70">
        <v>77</v>
      </c>
      <c r="DJ10" s="71">
        <v>100</v>
      </c>
      <c r="DK10" s="72">
        <v>177</v>
      </c>
      <c r="DL10" s="241"/>
      <c r="DM10" s="71">
        <v>65</v>
      </c>
      <c r="DN10" s="71">
        <v>89</v>
      </c>
      <c r="DO10" s="71">
        <v>68</v>
      </c>
      <c r="DP10" s="71">
        <v>58</v>
      </c>
      <c r="DQ10" s="71">
        <v>45</v>
      </c>
      <c r="DR10" s="72">
        <v>325</v>
      </c>
      <c r="DS10" s="73">
        <v>502</v>
      </c>
      <c r="DT10" s="70">
        <v>250</v>
      </c>
      <c r="DU10" s="71">
        <v>375</v>
      </c>
      <c r="DV10" s="72">
        <v>625</v>
      </c>
      <c r="DW10" s="241"/>
      <c r="DX10" s="71">
        <v>214</v>
      </c>
      <c r="DY10" s="71">
        <v>305</v>
      </c>
      <c r="DZ10" s="71">
        <v>179</v>
      </c>
      <c r="EA10" s="71">
        <v>167</v>
      </c>
      <c r="EB10" s="71">
        <v>135</v>
      </c>
      <c r="EC10" s="72">
        <v>1000</v>
      </c>
      <c r="ED10" s="73">
        <v>1625</v>
      </c>
      <c r="EE10" s="70">
        <v>523</v>
      </c>
      <c r="EF10" s="71">
        <v>682</v>
      </c>
      <c r="EG10" s="72">
        <v>1205</v>
      </c>
      <c r="EH10" s="241"/>
      <c r="EI10" s="71">
        <v>502</v>
      </c>
      <c r="EJ10" s="71">
        <v>518</v>
      </c>
      <c r="EK10" s="71">
        <v>324</v>
      </c>
      <c r="EL10" s="71">
        <v>333</v>
      </c>
      <c r="EM10" s="71">
        <v>248</v>
      </c>
      <c r="EN10" s="72">
        <v>1925</v>
      </c>
      <c r="EO10" s="73">
        <v>3130</v>
      </c>
      <c r="EP10" s="70">
        <v>874</v>
      </c>
      <c r="EQ10" s="71">
        <v>1157</v>
      </c>
      <c r="ER10" s="72">
        <v>2031</v>
      </c>
      <c r="ES10" s="241"/>
      <c r="ET10" s="71">
        <v>1031</v>
      </c>
      <c r="EU10" s="71">
        <v>921</v>
      </c>
      <c r="EV10" s="71">
        <v>616</v>
      </c>
      <c r="EW10" s="71">
        <v>546</v>
      </c>
      <c r="EX10" s="71">
        <v>360</v>
      </c>
      <c r="EY10" s="72">
        <v>3474</v>
      </c>
      <c r="EZ10" s="73">
        <v>5505</v>
      </c>
      <c r="FA10" s="70">
        <v>727</v>
      </c>
      <c r="FB10" s="71">
        <v>1088</v>
      </c>
      <c r="FC10" s="72">
        <v>1815</v>
      </c>
      <c r="FD10" s="241"/>
      <c r="FE10" s="71">
        <v>1053</v>
      </c>
      <c r="FF10" s="71">
        <v>1084</v>
      </c>
      <c r="FG10" s="71">
        <v>791</v>
      </c>
      <c r="FH10" s="71">
        <v>790</v>
      </c>
      <c r="FI10" s="71">
        <v>475</v>
      </c>
      <c r="FJ10" s="72">
        <v>4193</v>
      </c>
      <c r="FK10" s="73">
        <v>6008</v>
      </c>
      <c r="FL10" s="70">
        <v>345</v>
      </c>
      <c r="FM10" s="71">
        <v>626</v>
      </c>
      <c r="FN10" s="72">
        <v>971</v>
      </c>
      <c r="FO10" s="241"/>
      <c r="FP10" s="71">
        <v>805</v>
      </c>
      <c r="FQ10" s="71">
        <v>1062</v>
      </c>
      <c r="FR10" s="71">
        <v>1037</v>
      </c>
      <c r="FS10" s="71">
        <v>1159</v>
      </c>
      <c r="FT10" s="71">
        <v>667</v>
      </c>
      <c r="FU10" s="72">
        <v>4730</v>
      </c>
      <c r="FV10" s="73">
        <v>5701</v>
      </c>
      <c r="FW10" s="70">
        <v>17</v>
      </c>
      <c r="FX10" s="71">
        <v>77</v>
      </c>
      <c r="FY10" s="72">
        <v>94</v>
      </c>
      <c r="FZ10" s="244"/>
      <c r="GA10" s="71">
        <v>49</v>
      </c>
      <c r="GB10" s="71">
        <v>82</v>
      </c>
      <c r="GC10" s="71">
        <v>45</v>
      </c>
      <c r="GD10" s="71">
        <v>52</v>
      </c>
      <c r="GE10" s="71">
        <v>54</v>
      </c>
      <c r="GF10" s="72">
        <v>282</v>
      </c>
      <c r="GG10" s="73">
        <v>376</v>
      </c>
      <c r="GH10" s="70">
        <v>2813</v>
      </c>
      <c r="GI10" s="71">
        <v>4105</v>
      </c>
      <c r="GJ10" s="72">
        <v>6918</v>
      </c>
      <c r="GK10" s="244"/>
      <c r="GL10" s="71">
        <v>3719</v>
      </c>
      <c r="GM10" s="71">
        <v>4061</v>
      </c>
      <c r="GN10" s="71">
        <v>3060</v>
      </c>
      <c r="GO10" s="71">
        <v>3105</v>
      </c>
      <c r="GP10" s="71">
        <v>1984</v>
      </c>
      <c r="GQ10" s="72">
        <v>15929</v>
      </c>
      <c r="GR10" s="73">
        <v>22847</v>
      </c>
      <c r="GS10" s="123">
        <v>4283</v>
      </c>
      <c r="GT10" s="82">
        <v>5867</v>
      </c>
      <c r="GU10" s="83">
        <v>10150</v>
      </c>
      <c r="GV10" s="241"/>
      <c r="GW10" s="82">
        <v>5925</v>
      </c>
      <c r="GX10" s="82">
        <v>6424</v>
      </c>
      <c r="GY10" s="82">
        <v>4876</v>
      </c>
      <c r="GZ10" s="82">
        <v>4463</v>
      </c>
      <c r="HA10" s="82">
        <v>2842</v>
      </c>
      <c r="HB10" s="84">
        <v>24530</v>
      </c>
      <c r="HC10" s="85">
        <v>34680</v>
      </c>
      <c r="HD10" s="70">
        <v>157</v>
      </c>
      <c r="HE10" s="71">
        <v>197</v>
      </c>
      <c r="HF10" s="72">
        <v>354</v>
      </c>
      <c r="HG10" s="241"/>
      <c r="HH10" s="71">
        <v>157</v>
      </c>
      <c r="HI10" s="71">
        <v>220</v>
      </c>
      <c r="HJ10" s="71">
        <v>159</v>
      </c>
      <c r="HK10" s="71">
        <v>131</v>
      </c>
      <c r="HL10" s="71">
        <v>115</v>
      </c>
      <c r="HM10" s="72">
        <v>782</v>
      </c>
      <c r="HN10" s="73">
        <v>1136</v>
      </c>
      <c r="HO10" s="70">
        <v>408</v>
      </c>
      <c r="HP10" s="71">
        <v>660</v>
      </c>
      <c r="HQ10" s="72">
        <v>1068</v>
      </c>
      <c r="HR10" s="241"/>
      <c r="HS10" s="71">
        <v>436</v>
      </c>
      <c r="HT10" s="71">
        <v>600</v>
      </c>
      <c r="HU10" s="71">
        <v>400</v>
      </c>
      <c r="HV10" s="71">
        <v>362</v>
      </c>
      <c r="HW10" s="71">
        <v>245</v>
      </c>
      <c r="HX10" s="72">
        <v>2043</v>
      </c>
      <c r="HY10" s="73">
        <v>3111</v>
      </c>
      <c r="HZ10" s="70">
        <v>778</v>
      </c>
      <c r="IA10" s="71">
        <v>1008</v>
      </c>
      <c r="IB10" s="72">
        <v>1786</v>
      </c>
      <c r="IC10" s="241"/>
      <c r="ID10" s="71">
        <v>911</v>
      </c>
      <c r="IE10" s="71">
        <v>918</v>
      </c>
      <c r="IF10" s="71">
        <v>641</v>
      </c>
      <c r="IG10" s="71">
        <v>578</v>
      </c>
      <c r="IH10" s="71">
        <v>435</v>
      </c>
      <c r="II10" s="72">
        <v>3483</v>
      </c>
      <c r="IJ10" s="73">
        <v>5269</v>
      </c>
      <c r="IK10" s="70">
        <v>1296</v>
      </c>
      <c r="IL10" s="71">
        <v>1636</v>
      </c>
      <c r="IM10" s="72">
        <v>2932</v>
      </c>
      <c r="IN10" s="241"/>
      <c r="IO10" s="71">
        <v>1639</v>
      </c>
      <c r="IP10" s="71">
        <v>1526</v>
      </c>
      <c r="IQ10" s="71">
        <v>1105</v>
      </c>
      <c r="IR10" s="71">
        <v>904</v>
      </c>
      <c r="IS10" s="71">
        <v>590</v>
      </c>
      <c r="IT10" s="72">
        <v>5764</v>
      </c>
      <c r="IU10" s="73">
        <v>8696</v>
      </c>
      <c r="IV10" s="70">
        <v>1100</v>
      </c>
      <c r="IW10" s="71">
        <v>1497</v>
      </c>
      <c r="IX10" s="72">
        <v>2597</v>
      </c>
      <c r="IY10" s="241"/>
      <c r="IZ10" s="71">
        <v>1622</v>
      </c>
      <c r="JA10" s="71">
        <v>1718</v>
      </c>
      <c r="JB10" s="71">
        <v>1235</v>
      </c>
      <c r="JC10" s="71">
        <v>1094</v>
      </c>
      <c r="JD10" s="71">
        <v>650</v>
      </c>
      <c r="JE10" s="72">
        <v>6319</v>
      </c>
      <c r="JF10" s="73">
        <v>8916</v>
      </c>
      <c r="JG10" s="70">
        <v>544</v>
      </c>
      <c r="JH10" s="71">
        <v>869</v>
      </c>
      <c r="JI10" s="72">
        <v>1413</v>
      </c>
      <c r="JJ10" s="244"/>
      <c r="JK10" s="71">
        <v>1160</v>
      </c>
      <c r="JL10" s="71">
        <v>1442</v>
      </c>
      <c r="JM10" s="71">
        <v>1336</v>
      </c>
      <c r="JN10" s="71">
        <v>1394</v>
      </c>
      <c r="JO10" s="71">
        <v>807</v>
      </c>
      <c r="JP10" s="72">
        <v>6139</v>
      </c>
      <c r="JQ10" s="73">
        <v>7552</v>
      </c>
      <c r="JR10" s="70">
        <v>55</v>
      </c>
      <c r="JS10" s="71">
        <v>164</v>
      </c>
      <c r="JT10" s="72">
        <v>219</v>
      </c>
      <c r="JU10" s="244"/>
      <c r="JV10" s="71">
        <v>91</v>
      </c>
      <c r="JW10" s="71">
        <v>185</v>
      </c>
      <c r="JX10" s="71">
        <v>104</v>
      </c>
      <c r="JY10" s="71">
        <v>126</v>
      </c>
      <c r="JZ10" s="71">
        <v>105</v>
      </c>
      <c r="KA10" s="72">
        <v>611</v>
      </c>
      <c r="KB10" s="73">
        <v>830</v>
      </c>
      <c r="KC10" s="70">
        <v>4338</v>
      </c>
      <c r="KD10" s="71">
        <v>6031</v>
      </c>
      <c r="KE10" s="72">
        <v>10369</v>
      </c>
      <c r="KF10" s="244"/>
      <c r="KG10" s="71">
        <v>6016</v>
      </c>
      <c r="KH10" s="71">
        <v>6609</v>
      </c>
      <c r="KI10" s="71">
        <v>4980</v>
      </c>
      <c r="KJ10" s="71">
        <v>4589</v>
      </c>
      <c r="KK10" s="71">
        <v>2947</v>
      </c>
      <c r="KL10" s="72">
        <v>25141</v>
      </c>
      <c r="KM10" s="73">
        <v>35510</v>
      </c>
    </row>
    <row r="11" spans="2:299" ht="19.5" customHeight="1" x14ac:dyDescent="0.2">
      <c r="B11" s="126" t="s">
        <v>7</v>
      </c>
      <c r="C11" s="315">
        <v>979</v>
      </c>
      <c r="D11" s="82">
        <v>722</v>
      </c>
      <c r="E11" s="83">
        <v>1701</v>
      </c>
      <c r="F11" s="241"/>
      <c r="G11" s="82">
        <v>2292</v>
      </c>
      <c r="H11" s="82">
        <v>1492</v>
      </c>
      <c r="I11" s="82">
        <v>981</v>
      </c>
      <c r="J11" s="82">
        <v>834</v>
      </c>
      <c r="K11" s="82">
        <v>465</v>
      </c>
      <c r="L11" s="84">
        <v>6064</v>
      </c>
      <c r="M11" s="85">
        <v>7765</v>
      </c>
      <c r="N11" s="70">
        <v>35</v>
      </c>
      <c r="O11" s="71">
        <v>25</v>
      </c>
      <c r="P11" s="72">
        <v>60</v>
      </c>
      <c r="Q11" s="241"/>
      <c r="R11" s="71">
        <v>93</v>
      </c>
      <c r="S11" s="71">
        <v>78</v>
      </c>
      <c r="T11" s="71">
        <v>51</v>
      </c>
      <c r="U11" s="71">
        <v>43</v>
      </c>
      <c r="V11" s="71">
        <v>27</v>
      </c>
      <c r="W11" s="72">
        <v>292</v>
      </c>
      <c r="X11" s="73">
        <v>352</v>
      </c>
      <c r="Y11" s="70">
        <v>94</v>
      </c>
      <c r="Z11" s="71">
        <v>77</v>
      </c>
      <c r="AA11" s="72">
        <v>171</v>
      </c>
      <c r="AB11" s="241"/>
      <c r="AC11" s="71">
        <v>262</v>
      </c>
      <c r="AD11" s="71">
        <v>178</v>
      </c>
      <c r="AE11" s="71">
        <v>110</v>
      </c>
      <c r="AF11" s="71">
        <v>80</v>
      </c>
      <c r="AG11" s="71">
        <v>72</v>
      </c>
      <c r="AH11" s="72">
        <v>702</v>
      </c>
      <c r="AI11" s="73">
        <v>873</v>
      </c>
      <c r="AJ11" s="70">
        <v>152</v>
      </c>
      <c r="AK11" s="71">
        <v>123</v>
      </c>
      <c r="AL11" s="72">
        <v>275</v>
      </c>
      <c r="AM11" s="241"/>
      <c r="AN11" s="71">
        <v>382</v>
      </c>
      <c r="AO11" s="71">
        <v>234</v>
      </c>
      <c r="AP11" s="71">
        <v>166</v>
      </c>
      <c r="AQ11" s="71">
        <v>131</v>
      </c>
      <c r="AR11" s="71">
        <v>78</v>
      </c>
      <c r="AS11" s="72">
        <v>991</v>
      </c>
      <c r="AT11" s="73">
        <v>1266</v>
      </c>
      <c r="AU11" s="70">
        <v>250</v>
      </c>
      <c r="AV11" s="71">
        <v>173</v>
      </c>
      <c r="AW11" s="72">
        <v>423</v>
      </c>
      <c r="AX11" s="241"/>
      <c r="AY11" s="71">
        <v>542</v>
      </c>
      <c r="AZ11" s="71">
        <v>388</v>
      </c>
      <c r="BA11" s="71">
        <v>227</v>
      </c>
      <c r="BB11" s="71">
        <v>188</v>
      </c>
      <c r="BC11" s="71">
        <v>116</v>
      </c>
      <c r="BD11" s="72">
        <v>1461</v>
      </c>
      <c r="BE11" s="73">
        <v>1884</v>
      </c>
      <c r="BF11" s="70">
        <v>299</v>
      </c>
      <c r="BG11" s="71">
        <v>214</v>
      </c>
      <c r="BH11" s="72">
        <v>513</v>
      </c>
      <c r="BI11" s="241"/>
      <c r="BJ11" s="71">
        <v>588</v>
      </c>
      <c r="BK11" s="71">
        <v>358</v>
      </c>
      <c r="BL11" s="71">
        <v>257</v>
      </c>
      <c r="BM11" s="71">
        <v>205</v>
      </c>
      <c r="BN11" s="71">
        <v>109</v>
      </c>
      <c r="BO11" s="72">
        <v>1517</v>
      </c>
      <c r="BP11" s="73">
        <v>2030</v>
      </c>
      <c r="BQ11" s="70">
        <v>149</v>
      </c>
      <c r="BR11" s="71">
        <v>110</v>
      </c>
      <c r="BS11" s="72">
        <v>259</v>
      </c>
      <c r="BT11" s="241"/>
      <c r="BU11" s="71">
        <v>425</v>
      </c>
      <c r="BV11" s="71">
        <v>256</v>
      </c>
      <c r="BW11" s="71">
        <v>170</v>
      </c>
      <c r="BX11" s="71">
        <v>187</v>
      </c>
      <c r="BY11" s="71">
        <v>63</v>
      </c>
      <c r="BZ11" s="72">
        <v>1101</v>
      </c>
      <c r="CA11" s="73">
        <v>1360</v>
      </c>
      <c r="CB11" s="70">
        <v>14</v>
      </c>
      <c r="CC11" s="71">
        <v>14</v>
      </c>
      <c r="CD11" s="72">
        <v>28</v>
      </c>
      <c r="CE11" s="241"/>
      <c r="CF11" s="71">
        <v>62</v>
      </c>
      <c r="CG11" s="71">
        <v>57</v>
      </c>
      <c r="CH11" s="71">
        <v>34</v>
      </c>
      <c r="CI11" s="71">
        <v>33</v>
      </c>
      <c r="CJ11" s="71">
        <v>23</v>
      </c>
      <c r="CK11" s="72">
        <v>209</v>
      </c>
      <c r="CL11" s="73">
        <v>237</v>
      </c>
      <c r="CM11" s="70">
        <v>993</v>
      </c>
      <c r="CN11" s="71">
        <v>736</v>
      </c>
      <c r="CO11" s="72">
        <v>1729</v>
      </c>
      <c r="CP11" s="241"/>
      <c r="CQ11" s="71">
        <v>2354</v>
      </c>
      <c r="CR11" s="71">
        <v>1549</v>
      </c>
      <c r="CS11" s="71">
        <v>1015</v>
      </c>
      <c r="CT11" s="71">
        <v>867</v>
      </c>
      <c r="CU11" s="71">
        <v>488</v>
      </c>
      <c r="CV11" s="72">
        <v>6273</v>
      </c>
      <c r="CW11" s="73">
        <v>8002</v>
      </c>
      <c r="CX11" s="123">
        <v>1813</v>
      </c>
      <c r="CY11" s="82">
        <v>1942</v>
      </c>
      <c r="CZ11" s="83">
        <v>3755</v>
      </c>
      <c r="DA11" s="241"/>
      <c r="DB11" s="82">
        <v>4323</v>
      </c>
      <c r="DC11" s="82">
        <v>2626</v>
      </c>
      <c r="DD11" s="82">
        <v>1973</v>
      </c>
      <c r="DE11" s="82">
        <v>2050</v>
      </c>
      <c r="DF11" s="82">
        <v>1157</v>
      </c>
      <c r="DG11" s="84">
        <v>12129</v>
      </c>
      <c r="DH11" s="85">
        <v>15884</v>
      </c>
      <c r="DI11" s="70">
        <v>37</v>
      </c>
      <c r="DJ11" s="71">
        <v>38</v>
      </c>
      <c r="DK11" s="72">
        <v>75</v>
      </c>
      <c r="DL11" s="241"/>
      <c r="DM11" s="71">
        <v>79</v>
      </c>
      <c r="DN11" s="71">
        <v>37</v>
      </c>
      <c r="DO11" s="71">
        <v>34</v>
      </c>
      <c r="DP11" s="71">
        <v>44</v>
      </c>
      <c r="DQ11" s="71">
        <v>36</v>
      </c>
      <c r="DR11" s="72">
        <v>230</v>
      </c>
      <c r="DS11" s="73">
        <v>305</v>
      </c>
      <c r="DT11" s="70">
        <v>123</v>
      </c>
      <c r="DU11" s="71">
        <v>124</v>
      </c>
      <c r="DV11" s="72">
        <v>247</v>
      </c>
      <c r="DW11" s="241"/>
      <c r="DX11" s="71">
        <v>278</v>
      </c>
      <c r="DY11" s="71">
        <v>180</v>
      </c>
      <c r="DZ11" s="71">
        <v>93</v>
      </c>
      <c r="EA11" s="71">
        <v>103</v>
      </c>
      <c r="EB11" s="71">
        <v>52</v>
      </c>
      <c r="EC11" s="72">
        <v>706</v>
      </c>
      <c r="ED11" s="73">
        <v>953</v>
      </c>
      <c r="EE11" s="70">
        <v>282</v>
      </c>
      <c r="EF11" s="71">
        <v>267</v>
      </c>
      <c r="EG11" s="72">
        <v>549</v>
      </c>
      <c r="EH11" s="241"/>
      <c r="EI11" s="71">
        <v>561</v>
      </c>
      <c r="EJ11" s="71">
        <v>280</v>
      </c>
      <c r="EK11" s="71">
        <v>175</v>
      </c>
      <c r="EL11" s="71">
        <v>189</v>
      </c>
      <c r="EM11" s="71">
        <v>138</v>
      </c>
      <c r="EN11" s="72">
        <v>1343</v>
      </c>
      <c r="EO11" s="73">
        <v>1892</v>
      </c>
      <c r="EP11" s="70">
        <v>556</v>
      </c>
      <c r="EQ11" s="71">
        <v>527</v>
      </c>
      <c r="ER11" s="72">
        <v>1083</v>
      </c>
      <c r="ES11" s="241"/>
      <c r="ET11" s="71">
        <v>1031</v>
      </c>
      <c r="EU11" s="71">
        <v>536</v>
      </c>
      <c r="EV11" s="71">
        <v>338</v>
      </c>
      <c r="EW11" s="71">
        <v>350</v>
      </c>
      <c r="EX11" s="71">
        <v>207</v>
      </c>
      <c r="EY11" s="72">
        <v>2462</v>
      </c>
      <c r="EZ11" s="73">
        <v>3545</v>
      </c>
      <c r="FA11" s="70">
        <v>529</v>
      </c>
      <c r="FB11" s="71">
        <v>605</v>
      </c>
      <c r="FC11" s="72">
        <v>1134</v>
      </c>
      <c r="FD11" s="241"/>
      <c r="FE11" s="71">
        <v>1284</v>
      </c>
      <c r="FF11" s="71">
        <v>707</v>
      </c>
      <c r="FG11" s="71">
        <v>559</v>
      </c>
      <c r="FH11" s="71">
        <v>546</v>
      </c>
      <c r="FI11" s="71">
        <v>295</v>
      </c>
      <c r="FJ11" s="72">
        <v>3391</v>
      </c>
      <c r="FK11" s="73">
        <v>4525</v>
      </c>
      <c r="FL11" s="70">
        <v>286</v>
      </c>
      <c r="FM11" s="71">
        <v>381</v>
      </c>
      <c r="FN11" s="72">
        <v>667</v>
      </c>
      <c r="FO11" s="241"/>
      <c r="FP11" s="71">
        <v>1090</v>
      </c>
      <c r="FQ11" s="71">
        <v>886</v>
      </c>
      <c r="FR11" s="71">
        <v>774</v>
      </c>
      <c r="FS11" s="71">
        <v>818</v>
      </c>
      <c r="FT11" s="71">
        <v>429</v>
      </c>
      <c r="FU11" s="72">
        <v>3997</v>
      </c>
      <c r="FV11" s="73">
        <v>4664</v>
      </c>
      <c r="FW11" s="70">
        <v>13</v>
      </c>
      <c r="FX11" s="71">
        <v>15</v>
      </c>
      <c r="FY11" s="72">
        <v>28</v>
      </c>
      <c r="FZ11" s="244"/>
      <c r="GA11" s="71">
        <v>67</v>
      </c>
      <c r="GB11" s="71">
        <v>58</v>
      </c>
      <c r="GC11" s="71">
        <v>37</v>
      </c>
      <c r="GD11" s="71">
        <v>26</v>
      </c>
      <c r="GE11" s="71">
        <v>29</v>
      </c>
      <c r="GF11" s="72">
        <v>217</v>
      </c>
      <c r="GG11" s="73">
        <v>245</v>
      </c>
      <c r="GH11" s="70">
        <v>1826</v>
      </c>
      <c r="GI11" s="71">
        <v>1957</v>
      </c>
      <c r="GJ11" s="72">
        <v>3783</v>
      </c>
      <c r="GK11" s="244"/>
      <c r="GL11" s="71">
        <v>4390</v>
      </c>
      <c r="GM11" s="71">
        <v>2684</v>
      </c>
      <c r="GN11" s="71">
        <v>2010</v>
      </c>
      <c r="GO11" s="71">
        <v>2076</v>
      </c>
      <c r="GP11" s="71">
        <v>1186</v>
      </c>
      <c r="GQ11" s="72">
        <v>12346</v>
      </c>
      <c r="GR11" s="73">
        <v>16129</v>
      </c>
      <c r="GS11" s="123">
        <v>2792</v>
      </c>
      <c r="GT11" s="82">
        <v>2664</v>
      </c>
      <c r="GU11" s="83">
        <v>5456</v>
      </c>
      <c r="GV11" s="241"/>
      <c r="GW11" s="82">
        <v>6615</v>
      </c>
      <c r="GX11" s="82">
        <v>4118</v>
      </c>
      <c r="GY11" s="82">
        <v>2954</v>
      </c>
      <c r="GZ11" s="82">
        <v>2884</v>
      </c>
      <c r="HA11" s="82">
        <v>1622</v>
      </c>
      <c r="HB11" s="84">
        <v>18193</v>
      </c>
      <c r="HC11" s="85">
        <v>23649</v>
      </c>
      <c r="HD11" s="70">
        <v>72</v>
      </c>
      <c r="HE11" s="71">
        <v>63</v>
      </c>
      <c r="HF11" s="72">
        <v>135</v>
      </c>
      <c r="HG11" s="241"/>
      <c r="HH11" s="71">
        <v>172</v>
      </c>
      <c r="HI11" s="71">
        <v>115</v>
      </c>
      <c r="HJ11" s="71">
        <v>85</v>
      </c>
      <c r="HK11" s="71">
        <v>87</v>
      </c>
      <c r="HL11" s="71">
        <v>63</v>
      </c>
      <c r="HM11" s="72">
        <v>522</v>
      </c>
      <c r="HN11" s="73">
        <v>657</v>
      </c>
      <c r="HO11" s="70">
        <v>217</v>
      </c>
      <c r="HP11" s="71">
        <v>201</v>
      </c>
      <c r="HQ11" s="72">
        <v>418</v>
      </c>
      <c r="HR11" s="241"/>
      <c r="HS11" s="71">
        <v>540</v>
      </c>
      <c r="HT11" s="71">
        <v>358</v>
      </c>
      <c r="HU11" s="71">
        <v>203</v>
      </c>
      <c r="HV11" s="71">
        <v>183</v>
      </c>
      <c r="HW11" s="71">
        <v>124</v>
      </c>
      <c r="HX11" s="72">
        <v>1408</v>
      </c>
      <c r="HY11" s="73">
        <v>1826</v>
      </c>
      <c r="HZ11" s="70">
        <v>434</v>
      </c>
      <c r="IA11" s="71">
        <v>390</v>
      </c>
      <c r="IB11" s="72">
        <v>824</v>
      </c>
      <c r="IC11" s="241"/>
      <c r="ID11" s="71">
        <v>943</v>
      </c>
      <c r="IE11" s="71">
        <v>514</v>
      </c>
      <c r="IF11" s="71">
        <v>341</v>
      </c>
      <c r="IG11" s="71">
        <v>320</v>
      </c>
      <c r="IH11" s="71">
        <v>216</v>
      </c>
      <c r="II11" s="72">
        <v>2334</v>
      </c>
      <c r="IJ11" s="73">
        <v>3158</v>
      </c>
      <c r="IK11" s="70">
        <v>806</v>
      </c>
      <c r="IL11" s="71">
        <v>700</v>
      </c>
      <c r="IM11" s="72">
        <v>1506</v>
      </c>
      <c r="IN11" s="241"/>
      <c r="IO11" s="71">
        <v>1573</v>
      </c>
      <c r="IP11" s="71">
        <v>924</v>
      </c>
      <c r="IQ11" s="71">
        <v>565</v>
      </c>
      <c r="IR11" s="71">
        <v>538</v>
      </c>
      <c r="IS11" s="71">
        <v>323</v>
      </c>
      <c r="IT11" s="72">
        <v>3923</v>
      </c>
      <c r="IU11" s="73">
        <v>5429</v>
      </c>
      <c r="IV11" s="70">
        <v>828</v>
      </c>
      <c r="IW11" s="71">
        <v>819</v>
      </c>
      <c r="IX11" s="72">
        <v>1647</v>
      </c>
      <c r="IY11" s="241"/>
      <c r="IZ11" s="71">
        <v>1872</v>
      </c>
      <c r="JA11" s="71">
        <v>1065</v>
      </c>
      <c r="JB11" s="71">
        <v>816</v>
      </c>
      <c r="JC11" s="71">
        <v>751</v>
      </c>
      <c r="JD11" s="71">
        <v>404</v>
      </c>
      <c r="JE11" s="72">
        <v>4908</v>
      </c>
      <c r="JF11" s="73">
        <v>6555</v>
      </c>
      <c r="JG11" s="70">
        <v>435</v>
      </c>
      <c r="JH11" s="71">
        <v>491</v>
      </c>
      <c r="JI11" s="72">
        <v>926</v>
      </c>
      <c r="JJ11" s="244"/>
      <c r="JK11" s="71">
        <v>1515</v>
      </c>
      <c r="JL11" s="71">
        <v>1142</v>
      </c>
      <c r="JM11" s="71">
        <v>944</v>
      </c>
      <c r="JN11" s="71">
        <v>1005</v>
      </c>
      <c r="JO11" s="71">
        <v>492</v>
      </c>
      <c r="JP11" s="72">
        <v>5098</v>
      </c>
      <c r="JQ11" s="73">
        <v>6024</v>
      </c>
      <c r="JR11" s="70">
        <v>27</v>
      </c>
      <c r="JS11" s="71">
        <v>29</v>
      </c>
      <c r="JT11" s="72">
        <v>56</v>
      </c>
      <c r="JU11" s="244"/>
      <c r="JV11" s="71">
        <v>129</v>
      </c>
      <c r="JW11" s="71">
        <v>115</v>
      </c>
      <c r="JX11" s="71">
        <v>71</v>
      </c>
      <c r="JY11" s="71">
        <v>59</v>
      </c>
      <c r="JZ11" s="71">
        <v>52</v>
      </c>
      <c r="KA11" s="72">
        <v>426</v>
      </c>
      <c r="KB11" s="73">
        <v>482</v>
      </c>
      <c r="KC11" s="70">
        <v>2819</v>
      </c>
      <c r="KD11" s="71">
        <v>2693</v>
      </c>
      <c r="KE11" s="72">
        <v>5512</v>
      </c>
      <c r="KF11" s="244"/>
      <c r="KG11" s="71">
        <v>6744</v>
      </c>
      <c r="KH11" s="71">
        <v>4233</v>
      </c>
      <c r="KI11" s="71">
        <v>3025</v>
      </c>
      <c r="KJ11" s="71">
        <v>2943</v>
      </c>
      <c r="KK11" s="71">
        <v>1674</v>
      </c>
      <c r="KL11" s="72">
        <v>18619</v>
      </c>
      <c r="KM11" s="73">
        <v>24131</v>
      </c>
    </row>
    <row r="12" spans="2:299" ht="19.5" customHeight="1" x14ac:dyDescent="0.2">
      <c r="B12" s="126" t="s">
        <v>8</v>
      </c>
      <c r="C12" s="315">
        <v>566</v>
      </c>
      <c r="D12" s="82">
        <v>353</v>
      </c>
      <c r="E12" s="83">
        <v>919</v>
      </c>
      <c r="F12" s="241"/>
      <c r="G12" s="82">
        <v>937</v>
      </c>
      <c r="H12" s="82">
        <v>882</v>
      </c>
      <c r="I12" s="82">
        <v>626</v>
      </c>
      <c r="J12" s="82">
        <v>482</v>
      </c>
      <c r="K12" s="82">
        <v>280</v>
      </c>
      <c r="L12" s="84">
        <v>3207</v>
      </c>
      <c r="M12" s="85">
        <v>4126</v>
      </c>
      <c r="N12" s="70">
        <v>30</v>
      </c>
      <c r="O12" s="71">
        <v>27</v>
      </c>
      <c r="P12" s="72">
        <v>57</v>
      </c>
      <c r="Q12" s="241"/>
      <c r="R12" s="71">
        <v>40</v>
      </c>
      <c r="S12" s="71">
        <v>41</v>
      </c>
      <c r="T12" s="71">
        <v>22</v>
      </c>
      <c r="U12" s="71">
        <v>28</v>
      </c>
      <c r="V12" s="71">
        <v>14</v>
      </c>
      <c r="W12" s="72">
        <v>145</v>
      </c>
      <c r="X12" s="73">
        <v>202</v>
      </c>
      <c r="Y12" s="70">
        <v>59</v>
      </c>
      <c r="Z12" s="71">
        <v>47</v>
      </c>
      <c r="AA12" s="72">
        <v>106</v>
      </c>
      <c r="AB12" s="241"/>
      <c r="AC12" s="71">
        <v>107</v>
      </c>
      <c r="AD12" s="71">
        <v>125</v>
      </c>
      <c r="AE12" s="71">
        <v>79</v>
      </c>
      <c r="AF12" s="71">
        <v>66</v>
      </c>
      <c r="AG12" s="71">
        <v>43</v>
      </c>
      <c r="AH12" s="72">
        <v>420</v>
      </c>
      <c r="AI12" s="73">
        <v>526</v>
      </c>
      <c r="AJ12" s="70">
        <v>92</v>
      </c>
      <c r="AK12" s="71">
        <v>58</v>
      </c>
      <c r="AL12" s="72">
        <v>150</v>
      </c>
      <c r="AM12" s="241"/>
      <c r="AN12" s="71">
        <v>163</v>
      </c>
      <c r="AO12" s="71">
        <v>133</v>
      </c>
      <c r="AP12" s="71">
        <v>126</v>
      </c>
      <c r="AQ12" s="71">
        <v>76</v>
      </c>
      <c r="AR12" s="71">
        <v>58</v>
      </c>
      <c r="AS12" s="72">
        <v>556</v>
      </c>
      <c r="AT12" s="73">
        <v>706</v>
      </c>
      <c r="AU12" s="70">
        <v>150</v>
      </c>
      <c r="AV12" s="71">
        <v>74</v>
      </c>
      <c r="AW12" s="72">
        <v>224</v>
      </c>
      <c r="AX12" s="241"/>
      <c r="AY12" s="71">
        <v>226</v>
      </c>
      <c r="AZ12" s="71">
        <v>222</v>
      </c>
      <c r="BA12" s="71">
        <v>127</v>
      </c>
      <c r="BB12" s="71">
        <v>115</v>
      </c>
      <c r="BC12" s="71">
        <v>55</v>
      </c>
      <c r="BD12" s="72">
        <v>745</v>
      </c>
      <c r="BE12" s="73">
        <v>969</v>
      </c>
      <c r="BF12" s="70">
        <v>150</v>
      </c>
      <c r="BG12" s="71">
        <v>83</v>
      </c>
      <c r="BH12" s="72">
        <v>233</v>
      </c>
      <c r="BI12" s="241"/>
      <c r="BJ12" s="71">
        <v>249</v>
      </c>
      <c r="BK12" s="71">
        <v>199</v>
      </c>
      <c r="BL12" s="71">
        <v>149</v>
      </c>
      <c r="BM12" s="71">
        <v>103</v>
      </c>
      <c r="BN12" s="71">
        <v>62</v>
      </c>
      <c r="BO12" s="72">
        <v>762</v>
      </c>
      <c r="BP12" s="73">
        <v>995</v>
      </c>
      <c r="BQ12" s="70">
        <v>85</v>
      </c>
      <c r="BR12" s="71">
        <v>64</v>
      </c>
      <c r="BS12" s="72">
        <v>149</v>
      </c>
      <c r="BT12" s="241"/>
      <c r="BU12" s="71">
        <v>152</v>
      </c>
      <c r="BV12" s="71">
        <v>162</v>
      </c>
      <c r="BW12" s="71">
        <v>123</v>
      </c>
      <c r="BX12" s="71">
        <v>94</v>
      </c>
      <c r="BY12" s="71">
        <v>48</v>
      </c>
      <c r="BZ12" s="72">
        <v>579</v>
      </c>
      <c r="CA12" s="73">
        <v>728</v>
      </c>
      <c r="CB12" s="70">
        <v>14</v>
      </c>
      <c r="CC12" s="71">
        <v>17</v>
      </c>
      <c r="CD12" s="72">
        <v>31</v>
      </c>
      <c r="CE12" s="241"/>
      <c r="CF12" s="71">
        <v>25</v>
      </c>
      <c r="CG12" s="71">
        <v>48</v>
      </c>
      <c r="CH12" s="71">
        <v>26</v>
      </c>
      <c r="CI12" s="71">
        <v>21</v>
      </c>
      <c r="CJ12" s="71">
        <v>14</v>
      </c>
      <c r="CK12" s="72">
        <v>134</v>
      </c>
      <c r="CL12" s="73">
        <v>165</v>
      </c>
      <c r="CM12" s="70">
        <v>580</v>
      </c>
      <c r="CN12" s="71">
        <v>370</v>
      </c>
      <c r="CO12" s="72">
        <v>950</v>
      </c>
      <c r="CP12" s="241"/>
      <c r="CQ12" s="71">
        <v>962</v>
      </c>
      <c r="CR12" s="71">
        <v>930</v>
      </c>
      <c r="CS12" s="71">
        <v>652</v>
      </c>
      <c r="CT12" s="71">
        <v>503</v>
      </c>
      <c r="CU12" s="71">
        <v>294</v>
      </c>
      <c r="CV12" s="72">
        <v>3341</v>
      </c>
      <c r="CW12" s="73">
        <v>4291</v>
      </c>
      <c r="CX12" s="123">
        <v>1026</v>
      </c>
      <c r="CY12" s="82">
        <v>910</v>
      </c>
      <c r="CZ12" s="83">
        <v>1936</v>
      </c>
      <c r="DA12" s="241"/>
      <c r="DB12" s="82">
        <v>1697</v>
      </c>
      <c r="DC12" s="82">
        <v>1600</v>
      </c>
      <c r="DD12" s="82">
        <v>1274</v>
      </c>
      <c r="DE12" s="82">
        <v>1047</v>
      </c>
      <c r="DF12" s="82">
        <v>653</v>
      </c>
      <c r="DG12" s="84">
        <v>6271</v>
      </c>
      <c r="DH12" s="85">
        <v>8207</v>
      </c>
      <c r="DI12" s="70">
        <v>24</v>
      </c>
      <c r="DJ12" s="71">
        <v>19</v>
      </c>
      <c r="DK12" s="72">
        <v>43</v>
      </c>
      <c r="DL12" s="241"/>
      <c r="DM12" s="71">
        <v>46</v>
      </c>
      <c r="DN12" s="71">
        <v>33</v>
      </c>
      <c r="DO12" s="71">
        <v>17</v>
      </c>
      <c r="DP12" s="71">
        <v>18</v>
      </c>
      <c r="DQ12" s="71">
        <v>14</v>
      </c>
      <c r="DR12" s="72">
        <v>128</v>
      </c>
      <c r="DS12" s="73">
        <v>171</v>
      </c>
      <c r="DT12" s="70">
        <v>81</v>
      </c>
      <c r="DU12" s="71">
        <v>74</v>
      </c>
      <c r="DV12" s="72">
        <v>155</v>
      </c>
      <c r="DW12" s="241"/>
      <c r="DX12" s="71">
        <v>99</v>
      </c>
      <c r="DY12" s="71">
        <v>89</v>
      </c>
      <c r="DZ12" s="71">
        <v>64</v>
      </c>
      <c r="EA12" s="71">
        <v>57</v>
      </c>
      <c r="EB12" s="71">
        <v>33</v>
      </c>
      <c r="EC12" s="72">
        <v>342</v>
      </c>
      <c r="ED12" s="73">
        <v>497</v>
      </c>
      <c r="EE12" s="70">
        <v>157</v>
      </c>
      <c r="EF12" s="71">
        <v>139</v>
      </c>
      <c r="EG12" s="72">
        <v>296</v>
      </c>
      <c r="EH12" s="241"/>
      <c r="EI12" s="71">
        <v>217</v>
      </c>
      <c r="EJ12" s="71">
        <v>174</v>
      </c>
      <c r="EK12" s="71">
        <v>120</v>
      </c>
      <c r="EL12" s="71">
        <v>104</v>
      </c>
      <c r="EM12" s="71">
        <v>74</v>
      </c>
      <c r="EN12" s="72">
        <v>689</v>
      </c>
      <c r="EO12" s="73">
        <v>985</v>
      </c>
      <c r="EP12" s="70">
        <v>322</v>
      </c>
      <c r="EQ12" s="71">
        <v>254</v>
      </c>
      <c r="ER12" s="72">
        <v>576</v>
      </c>
      <c r="ES12" s="241"/>
      <c r="ET12" s="71">
        <v>414</v>
      </c>
      <c r="EU12" s="71">
        <v>329</v>
      </c>
      <c r="EV12" s="71">
        <v>251</v>
      </c>
      <c r="EW12" s="71">
        <v>170</v>
      </c>
      <c r="EX12" s="71">
        <v>117</v>
      </c>
      <c r="EY12" s="72">
        <v>1281</v>
      </c>
      <c r="EZ12" s="73">
        <v>1857</v>
      </c>
      <c r="FA12" s="70">
        <v>298</v>
      </c>
      <c r="FB12" s="71">
        <v>268</v>
      </c>
      <c r="FC12" s="72">
        <v>566</v>
      </c>
      <c r="FD12" s="241"/>
      <c r="FE12" s="71">
        <v>498</v>
      </c>
      <c r="FF12" s="71">
        <v>463</v>
      </c>
      <c r="FG12" s="71">
        <v>346</v>
      </c>
      <c r="FH12" s="71">
        <v>250</v>
      </c>
      <c r="FI12" s="71">
        <v>155</v>
      </c>
      <c r="FJ12" s="72">
        <v>1712</v>
      </c>
      <c r="FK12" s="73">
        <v>2278</v>
      </c>
      <c r="FL12" s="70">
        <v>144</v>
      </c>
      <c r="FM12" s="71">
        <v>156</v>
      </c>
      <c r="FN12" s="72">
        <v>300</v>
      </c>
      <c r="FO12" s="241"/>
      <c r="FP12" s="71">
        <v>423</v>
      </c>
      <c r="FQ12" s="71">
        <v>512</v>
      </c>
      <c r="FR12" s="71">
        <v>476</v>
      </c>
      <c r="FS12" s="71">
        <v>448</v>
      </c>
      <c r="FT12" s="71">
        <v>260</v>
      </c>
      <c r="FU12" s="72">
        <v>2119</v>
      </c>
      <c r="FV12" s="73">
        <v>2419</v>
      </c>
      <c r="FW12" s="70">
        <v>6</v>
      </c>
      <c r="FX12" s="71">
        <v>24</v>
      </c>
      <c r="FY12" s="72">
        <v>30</v>
      </c>
      <c r="FZ12" s="244"/>
      <c r="GA12" s="71">
        <v>14</v>
      </c>
      <c r="GB12" s="71">
        <v>40</v>
      </c>
      <c r="GC12" s="71">
        <v>15</v>
      </c>
      <c r="GD12" s="71">
        <v>18</v>
      </c>
      <c r="GE12" s="71">
        <v>17</v>
      </c>
      <c r="GF12" s="72">
        <v>104</v>
      </c>
      <c r="GG12" s="73">
        <v>134</v>
      </c>
      <c r="GH12" s="70">
        <v>1032</v>
      </c>
      <c r="GI12" s="71">
        <v>934</v>
      </c>
      <c r="GJ12" s="72">
        <v>1966</v>
      </c>
      <c r="GK12" s="244"/>
      <c r="GL12" s="71">
        <v>1711</v>
      </c>
      <c r="GM12" s="71">
        <v>1640</v>
      </c>
      <c r="GN12" s="71">
        <v>1289</v>
      </c>
      <c r="GO12" s="71">
        <v>1065</v>
      </c>
      <c r="GP12" s="71">
        <v>670</v>
      </c>
      <c r="GQ12" s="72">
        <v>6375</v>
      </c>
      <c r="GR12" s="73">
        <v>8341</v>
      </c>
      <c r="GS12" s="123">
        <v>1592</v>
      </c>
      <c r="GT12" s="82">
        <v>1263</v>
      </c>
      <c r="GU12" s="83">
        <v>2855</v>
      </c>
      <c r="GV12" s="241"/>
      <c r="GW12" s="82">
        <v>2634</v>
      </c>
      <c r="GX12" s="82">
        <v>2482</v>
      </c>
      <c r="GY12" s="82">
        <v>1900</v>
      </c>
      <c r="GZ12" s="82">
        <v>1529</v>
      </c>
      <c r="HA12" s="82">
        <v>933</v>
      </c>
      <c r="HB12" s="84">
        <v>9478</v>
      </c>
      <c r="HC12" s="85">
        <v>12333</v>
      </c>
      <c r="HD12" s="70">
        <v>54</v>
      </c>
      <c r="HE12" s="71">
        <v>46</v>
      </c>
      <c r="HF12" s="72">
        <v>100</v>
      </c>
      <c r="HG12" s="241"/>
      <c r="HH12" s="71">
        <v>86</v>
      </c>
      <c r="HI12" s="71">
        <v>74</v>
      </c>
      <c r="HJ12" s="71">
        <v>39</v>
      </c>
      <c r="HK12" s="71">
        <v>46</v>
      </c>
      <c r="HL12" s="71">
        <v>28</v>
      </c>
      <c r="HM12" s="72">
        <v>273</v>
      </c>
      <c r="HN12" s="73">
        <v>373</v>
      </c>
      <c r="HO12" s="70">
        <v>140</v>
      </c>
      <c r="HP12" s="71">
        <v>121</v>
      </c>
      <c r="HQ12" s="72">
        <v>261</v>
      </c>
      <c r="HR12" s="241"/>
      <c r="HS12" s="71">
        <v>206</v>
      </c>
      <c r="HT12" s="71">
        <v>214</v>
      </c>
      <c r="HU12" s="71">
        <v>143</v>
      </c>
      <c r="HV12" s="71">
        <v>123</v>
      </c>
      <c r="HW12" s="71">
        <v>76</v>
      </c>
      <c r="HX12" s="72">
        <v>762</v>
      </c>
      <c r="HY12" s="73">
        <v>1023</v>
      </c>
      <c r="HZ12" s="70">
        <v>249</v>
      </c>
      <c r="IA12" s="71">
        <v>197</v>
      </c>
      <c r="IB12" s="72">
        <v>446</v>
      </c>
      <c r="IC12" s="241"/>
      <c r="ID12" s="71">
        <v>380</v>
      </c>
      <c r="IE12" s="71">
        <v>307</v>
      </c>
      <c r="IF12" s="71">
        <v>246</v>
      </c>
      <c r="IG12" s="71">
        <v>180</v>
      </c>
      <c r="IH12" s="71">
        <v>132</v>
      </c>
      <c r="II12" s="72">
        <v>1245</v>
      </c>
      <c r="IJ12" s="73">
        <v>1691</v>
      </c>
      <c r="IK12" s="70">
        <v>472</v>
      </c>
      <c r="IL12" s="71">
        <v>328</v>
      </c>
      <c r="IM12" s="72">
        <v>800</v>
      </c>
      <c r="IN12" s="241"/>
      <c r="IO12" s="71">
        <v>640</v>
      </c>
      <c r="IP12" s="71">
        <v>551</v>
      </c>
      <c r="IQ12" s="71">
        <v>378</v>
      </c>
      <c r="IR12" s="71">
        <v>285</v>
      </c>
      <c r="IS12" s="71">
        <v>172</v>
      </c>
      <c r="IT12" s="72">
        <v>2026</v>
      </c>
      <c r="IU12" s="73">
        <v>2826</v>
      </c>
      <c r="IV12" s="70">
        <v>448</v>
      </c>
      <c r="IW12" s="71">
        <v>351</v>
      </c>
      <c r="IX12" s="72">
        <v>799</v>
      </c>
      <c r="IY12" s="241"/>
      <c r="IZ12" s="71">
        <v>747</v>
      </c>
      <c r="JA12" s="71">
        <v>662</v>
      </c>
      <c r="JB12" s="71">
        <v>495</v>
      </c>
      <c r="JC12" s="71">
        <v>353</v>
      </c>
      <c r="JD12" s="71">
        <v>217</v>
      </c>
      <c r="JE12" s="72">
        <v>2474</v>
      </c>
      <c r="JF12" s="73">
        <v>3273</v>
      </c>
      <c r="JG12" s="70">
        <v>229</v>
      </c>
      <c r="JH12" s="71">
        <v>220</v>
      </c>
      <c r="JI12" s="72">
        <v>449</v>
      </c>
      <c r="JJ12" s="244"/>
      <c r="JK12" s="71">
        <v>575</v>
      </c>
      <c r="JL12" s="71">
        <v>674</v>
      </c>
      <c r="JM12" s="71">
        <v>599</v>
      </c>
      <c r="JN12" s="71">
        <v>542</v>
      </c>
      <c r="JO12" s="71">
        <v>308</v>
      </c>
      <c r="JP12" s="72">
        <v>2698</v>
      </c>
      <c r="JQ12" s="73">
        <v>3147</v>
      </c>
      <c r="JR12" s="70">
        <v>20</v>
      </c>
      <c r="JS12" s="71">
        <v>41</v>
      </c>
      <c r="JT12" s="72">
        <v>61</v>
      </c>
      <c r="JU12" s="244"/>
      <c r="JV12" s="71">
        <v>39</v>
      </c>
      <c r="JW12" s="71">
        <v>88</v>
      </c>
      <c r="JX12" s="71">
        <v>41</v>
      </c>
      <c r="JY12" s="71">
        <v>39</v>
      </c>
      <c r="JZ12" s="71">
        <v>31</v>
      </c>
      <c r="KA12" s="72">
        <v>238</v>
      </c>
      <c r="KB12" s="73">
        <v>299</v>
      </c>
      <c r="KC12" s="70">
        <v>1612</v>
      </c>
      <c r="KD12" s="71">
        <v>1304</v>
      </c>
      <c r="KE12" s="72">
        <v>2916</v>
      </c>
      <c r="KF12" s="244"/>
      <c r="KG12" s="71">
        <v>2673</v>
      </c>
      <c r="KH12" s="71">
        <v>2570</v>
      </c>
      <c r="KI12" s="71">
        <v>1941</v>
      </c>
      <c r="KJ12" s="71">
        <v>1568</v>
      </c>
      <c r="KK12" s="71">
        <v>964</v>
      </c>
      <c r="KL12" s="72">
        <v>9716</v>
      </c>
      <c r="KM12" s="73">
        <v>12632</v>
      </c>
    </row>
    <row r="13" spans="2:299" ht="19.5" customHeight="1" x14ac:dyDescent="0.2">
      <c r="B13" s="126" t="s">
        <v>9</v>
      </c>
      <c r="C13" s="315">
        <v>695</v>
      </c>
      <c r="D13" s="82">
        <v>398</v>
      </c>
      <c r="E13" s="83">
        <v>1093</v>
      </c>
      <c r="F13" s="241"/>
      <c r="G13" s="82">
        <v>820</v>
      </c>
      <c r="H13" s="82">
        <v>579</v>
      </c>
      <c r="I13" s="82">
        <v>398</v>
      </c>
      <c r="J13" s="82">
        <v>387</v>
      </c>
      <c r="K13" s="82">
        <v>230</v>
      </c>
      <c r="L13" s="84">
        <v>2414</v>
      </c>
      <c r="M13" s="85">
        <v>3507</v>
      </c>
      <c r="N13" s="70">
        <v>20</v>
      </c>
      <c r="O13" s="71">
        <v>15</v>
      </c>
      <c r="P13" s="72">
        <v>35</v>
      </c>
      <c r="Q13" s="241"/>
      <c r="R13" s="71">
        <v>21</v>
      </c>
      <c r="S13" s="71">
        <v>28</v>
      </c>
      <c r="T13" s="71">
        <v>14</v>
      </c>
      <c r="U13" s="71">
        <v>14</v>
      </c>
      <c r="V13" s="71">
        <v>13</v>
      </c>
      <c r="W13" s="72">
        <v>90</v>
      </c>
      <c r="X13" s="73">
        <v>125</v>
      </c>
      <c r="Y13" s="70">
        <v>45</v>
      </c>
      <c r="Z13" s="71">
        <v>31</v>
      </c>
      <c r="AA13" s="72">
        <v>76</v>
      </c>
      <c r="AB13" s="241"/>
      <c r="AC13" s="71">
        <v>49</v>
      </c>
      <c r="AD13" s="71">
        <v>45</v>
      </c>
      <c r="AE13" s="71">
        <v>26</v>
      </c>
      <c r="AF13" s="71">
        <v>40</v>
      </c>
      <c r="AG13" s="71">
        <v>23</v>
      </c>
      <c r="AH13" s="72">
        <v>183</v>
      </c>
      <c r="AI13" s="73">
        <v>259</v>
      </c>
      <c r="AJ13" s="70">
        <v>94</v>
      </c>
      <c r="AK13" s="71">
        <v>44</v>
      </c>
      <c r="AL13" s="72">
        <v>138</v>
      </c>
      <c r="AM13" s="241"/>
      <c r="AN13" s="71">
        <v>109</v>
      </c>
      <c r="AO13" s="71">
        <v>69</v>
      </c>
      <c r="AP13" s="71">
        <v>67</v>
      </c>
      <c r="AQ13" s="71">
        <v>60</v>
      </c>
      <c r="AR13" s="71">
        <v>39</v>
      </c>
      <c r="AS13" s="72">
        <v>344</v>
      </c>
      <c r="AT13" s="73">
        <v>482</v>
      </c>
      <c r="AU13" s="70">
        <v>170</v>
      </c>
      <c r="AV13" s="71">
        <v>94</v>
      </c>
      <c r="AW13" s="72">
        <v>264</v>
      </c>
      <c r="AX13" s="241"/>
      <c r="AY13" s="71">
        <v>191</v>
      </c>
      <c r="AZ13" s="71">
        <v>114</v>
      </c>
      <c r="BA13" s="71">
        <v>67</v>
      </c>
      <c r="BB13" s="71">
        <v>64</v>
      </c>
      <c r="BC13" s="71">
        <v>49</v>
      </c>
      <c r="BD13" s="72">
        <v>485</v>
      </c>
      <c r="BE13" s="73">
        <v>749</v>
      </c>
      <c r="BF13" s="70">
        <v>215</v>
      </c>
      <c r="BG13" s="71">
        <v>125</v>
      </c>
      <c r="BH13" s="72">
        <v>340</v>
      </c>
      <c r="BI13" s="241"/>
      <c r="BJ13" s="71">
        <v>249</v>
      </c>
      <c r="BK13" s="71">
        <v>163</v>
      </c>
      <c r="BL13" s="71">
        <v>109</v>
      </c>
      <c r="BM13" s="71">
        <v>116</v>
      </c>
      <c r="BN13" s="71">
        <v>40</v>
      </c>
      <c r="BO13" s="72">
        <v>677</v>
      </c>
      <c r="BP13" s="73">
        <v>1017</v>
      </c>
      <c r="BQ13" s="70">
        <v>151</v>
      </c>
      <c r="BR13" s="71">
        <v>89</v>
      </c>
      <c r="BS13" s="72">
        <v>240</v>
      </c>
      <c r="BT13" s="241"/>
      <c r="BU13" s="71">
        <v>201</v>
      </c>
      <c r="BV13" s="71">
        <v>160</v>
      </c>
      <c r="BW13" s="71">
        <v>115</v>
      </c>
      <c r="BX13" s="71">
        <v>93</v>
      </c>
      <c r="BY13" s="71">
        <v>66</v>
      </c>
      <c r="BZ13" s="72">
        <v>635</v>
      </c>
      <c r="CA13" s="73">
        <v>875</v>
      </c>
      <c r="CB13" s="70">
        <v>4</v>
      </c>
      <c r="CC13" s="71">
        <v>16</v>
      </c>
      <c r="CD13" s="72">
        <v>20</v>
      </c>
      <c r="CE13" s="241"/>
      <c r="CF13" s="71">
        <v>27</v>
      </c>
      <c r="CG13" s="71">
        <v>22</v>
      </c>
      <c r="CH13" s="71">
        <v>12</v>
      </c>
      <c r="CI13" s="71">
        <v>14</v>
      </c>
      <c r="CJ13" s="71">
        <v>9</v>
      </c>
      <c r="CK13" s="72">
        <v>84</v>
      </c>
      <c r="CL13" s="73">
        <v>104</v>
      </c>
      <c r="CM13" s="70">
        <v>699</v>
      </c>
      <c r="CN13" s="71">
        <v>414</v>
      </c>
      <c r="CO13" s="72">
        <v>1113</v>
      </c>
      <c r="CP13" s="241"/>
      <c r="CQ13" s="71">
        <v>847</v>
      </c>
      <c r="CR13" s="71">
        <v>601</v>
      </c>
      <c r="CS13" s="71">
        <v>410</v>
      </c>
      <c r="CT13" s="71">
        <v>401</v>
      </c>
      <c r="CU13" s="71">
        <v>239</v>
      </c>
      <c r="CV13" s="72">
        <v>2498</v>
      </c>
      <c r="CW13" s="73">
        <v>3611</v>
      </c>
      <c r="CX13" s="123">
        <v>1371</v>
      </c>
      <c r="CY13" s="82">
        <v>978</v>
      </c>
      <c r="CZ13" s="83">
        <v>2349</v>
      </c>
      <c r="DA13" s="241"/>
      <c r="DB13" s="82">
        <v>1685</v>
      </c>
      <c r="DC13" s="82">
        <v>1169</v>
      </c>
      <c r="DD13" s="82">
        <v>930</v>
      </c>
      <c r="DE13" s="82">
        <v>1009</v>
      </c>
      <c r="DF13" s="82">
        <v>705</v>
      </c>
      <c r="DG13" s="84">
        <v>5498</v>
      </c>
      <c r="DH13" s="85">
        <v>7847</v>
      </c>
      <c r="DI13" s="70">
        <v>27</v>
      </c>
      <c r="DJ13" s="71">
        <v>12</v>
      </c>
      <c r="DK13" s="72">
        <v>39</v>
      </c>
      <c r="DL13" s="241"/>
      <c r="DM13" s="71">
        <v>10</v>
      </c>
      <c r="DN13" s="71">
        <v>14</v>
      </c>
      <c r="DO13" s="71">
        <v>10</v>
      </c>
      <c r="DP13" s="71">
        <v>8</v>
      </c>
      <c r="DQ13" s="71">
        <v>13</v>
      </c>
      <c r="DR13" s="72">
        <v>55</v>
      </c>
      <c r="DS13" s="73">
        <v>94</v>
      </c>
      <c r="DT13" s="70">
        <v>76</v>
      </c>
      <c r="DU13" s="71">
        <v>55</v>
      </c>
      <c r="DV13" s="72">
        <v>131</v>
      </c>
      <c r="DW13" s="241"/>
      <c r="DX13" s="71">
        <v>74</v>
      </c>
      <c r="DY13" s="71">
        <v>45</v>
      </c>
      <c r="DZ13" s="71">
        <v>29</v>
      </c>
      <c r="EA13" s="71">
        <v>35</v>
      </c>
      <c r="EB13" s="71">
        <v>28</v>
      </c>
      <c r="EC13" s="72">
        <v>211</v>
      </c>
      <c r="ED13" s="73">
        <v>342</v>
      </c>
      <c r="EE13" s="70">
        <v>195</v>
      </c>
      <c r="EF13" s="71">
        <v>140</v>
      </c>
      <c r="EG13" s="72">
        <v>335</v>
      </c>
      <c r="EH13" s="241"/>
      <c r="EI13" s="71">
        <v>172</v>
      </c>
      <c r="EJ13" s="71">
        <v>92</v>
      </c>
      <c r="EK13" s="71">
        <v>55</v>
      </c>
      <c r="EL13" s="71">
        <v>60</v>
      </c>
      <c r="EM13" s="71">
        <v>64</v>
      </c>
      <c r="EN13" s="72">
        <v>443</v>
      </c>
      <c r="EO13" s="73">
        <v>778</v>
      </c>
      <c r="EP13" s="70">
        <v>379</v>
      </c>
      <c r="EQ13" s="71">
        <v>237</v>
      </c>
      <c r="ER13" s="72">
        <v>616</v>
      </c>
      <c r="ES13" s="241"/>
      <c r="ET13" s="71">
        <v>356</v>
      </c>
      <c r="EU13" s="71">
        <v>211</v>
      </c>
      <c r="EV13" s="71">
        <v>134</v>
      </c>
      <c r="EW13" s="71">
        <v>142</v>
      </c>
      <c r="EX13" s="71">
        <v>110</v>
      </c>
      <c r="EY13" s="72">
        <v>953</v>
      </c>
      <c r="EZ13" s="73">
        <v>1569</v>
      </c>
      <c r="FA13" s="70">
        <v>428</v>
      </c>
      <c r="FB13" s="71">
        <v>303</v>
      </c>
      <c r="FC13" s="72">
        <v>731</v>
      </c>
      <c r="FD13" s="241"/>
      <c r="FE13" s="71">
        <v>524</v>
      </c>
      <c r="FF13" s="71">
        <v>353</v>
      </c>
      <c r="FG13" s="71">
        <v>265</v>
      </c>
      <c r="FH13" s="71">
        <v>251</v>
      </c>
      <c r="FI13" s="71">
        <v>172</v>
      </c>
      <c r="FJ13" s="72">
        <v>1565</v>
      </c>
      <c r="FK13" s="73">
        <v>2296</v>
      </c>
      <c r="FL13" s="70">
        <v>266</v>
      </c>
      <c r="FM13" s="71">
        <v>231</v>
      </c>
      <c r="FN13" s="72">
        <v>497</v>
      </c>
      <c r="FO13" s="241"/>
      <c r="FP13" s="71">
        <v>549</v>
      </c>
      <c r="FQ13" s="71">
        <v>454</v>
      </c>
      <c r="FR13" s="71">
        <v>437</v>
      </c>
      <c r="FS13" s="71">
        <v>513</v>
      </c>
      <c r="FT13" s="71">
        <v>318</v>
      </c>
      <c r="FU13" s="72">
        <v>2271</v>
      </c>
      <c r="FV13" s="73">
        <v>2768</v>
      </c>
      <c r="FW13" s="70">
        <v>6</v>
      </c>
      <c r="FX13" s="71">
        <v>15</v>
      </c>
      <c r="FY13" s="72">
        <v>21</v>
      </c>
      <c r="FZ13" s="244"/>
      <c r="GA13" s="71">
        <v>10</v>
      </c>
      <c r="GB13" s="71">
        <v>17</v>
      </c>
      <c r="GC13" s="71">
        <v>11</v>
      </c>
      <c r="GD13" s="71">
        <v>12</v>
      </c>
      <c r="GE13" s="71">
        <v>11</v>
      </c>
      <c r="GF13" s="72">
        <v>61</v>
      </c>
      <c r="GG13" s="73">
        <v>82</v>
      </c>
      <c r="GH13" s="70">
        <v>1377</v>
      </c>
      <c r="GI13" s="71">
        <v>993</v>
      </c>
      <c r="GJ13" s="72">
        <v>2370</v>
      </c>
      <c r="GK13" s="244"/>
      <c r="GL13" s="71">
        <v>1695</v>
      </c>
      <c r="GM13" s="71">
        <v>1186</v>
      </c>
      <c r="GN13" s="71">
        <v>941</v>
      </c>
      <c r="GO13" s="71">
        <v>1021</v>
      </c>
      <c r="GP13" s="71">
        <v>716</v>
      </c>
      <c r="GQ13" s="72">
        <v>5559</v>
      </c>
      <c r="GR13" s="73">
        <v>7929</v>
      </c>
      <c r="GS13" s="123">
        <v>2066</v>
      </c>
      <c r="GT13" s="82">
        <v>1376</v>
      </c>
      <c r="GU13" s="83">
        <v>3442</v>
      </c>
      <c r="GV13" s="241"/>
      <c r="GW13" s="82">
        <v>2505</v>
      </c>
      <c r="GX13" s="82">
        <v>1748</v>
      </c>
      <c r="GY13" s="82">
        <v>1328</v>
      </c>
      <c r="GZ13" s="82">
        <v>1396</v>
      </c>
      <c r="HA13" s="82">
        <v>935</v>
      </c>
      <c r="HB13" s="84">
        <v>7912</v>
      </c>
      <c r="HC13" s="85">
        <v>11354</v>
      </c>
      <c r="HD13" s="70">
        <v>47</v>
      </c>
      <c r="HE13" s="71">
        <v>27</v>
      </c>
      <c r="HF13" s="72">
        <v>74</v>
      </c>
      <c r="HG13" s="241"/>
      <c r="HH13" s="71">
        <v>31</v>
      </c>
      <c r="HI13" s="71">
        <v>42</v>
      </c>
      <c r="HJ13" s="71">
        <v>24</v>
      </c>
      <c r="HK13" s="71">
        <v>22</v>
      </c>
      <c r="HL13" s="71">
        <v>26</v>
      </c>
      <c r="HM13" s="72">
        <v>145</v>
      </c>
      <c r="HN13" s="73">
        <v>219</v>
      </c>
      <c r="HO13" s="70">
        <v>121</v>
      </c>
      <c r="HP13" s="71">
        <v>86</v>
      </c>
      <c r="HQ13" s="72">
        <v>207</v>
      </c>
      <c r="HR13" s="241"/>
      <c r="HS13" s="71">
        <v>123</v>
      </c>
      <c r="HT13" s="71">
        <v>90</v>
      </c>
      <c r="HU13" s="71">
        <v>55</v>
      </c>
      <c r="HV13" s="71">
        <v>75</v>
      </c>
      <c r="HW13" s="71">
        <v>51</v>
      </c>
      <c r="HX13" s="72">
        <v>394</v>
      </c>
      <c r="HY13" s="73">
        <v>601</v>
      </c>
      <c r="HZ13" s="70">
        <v>289</v>
      </c>
      <c r="IA13" s="71">
        <v>184</v>
      </c>
      <c r="IB13" s="72">
        <v>473</v>
      </c>
      <c r="IC13" s="241"/>
      <c r="ID13" s="71">
        <v>281</v>
      </c>
      <c r="IE13" s="71">
        <v>161</v>
      </c>
      <c r="IF13" s="71">
        <v>122</v>
      </c>
      <c r="IG13" s="71">
        <v>120</v>
      </c>
      <c r="IH13" s="71">
        <v>103</v>
      </c>
      <c r="II13" s="72">
        <v>787</v>
      </c>
      <c r="IJ13" s="73">
        <v>1260</v>
      </c>
      <c r="IK13" s="70">
        <v>549</v>
      </c>
      <c r="IL13" s="71">
        <v>331</v>
      </c>
      <c r="IM13" s="72">
        <v>880</v>
      </c>
      <c r="IN13" s="241"/>
      <c r="IO13" s="71">
        <v>547</v>
      </c>
      <c r="IP13" s="71">
        <v>325</v>
      </c>
      <c r="IQ13" s="71">
        <v>201</v>
      </c>
      <c r="IR13" s="71">
        <v>206</v>
      </c>
      <c r="IS13" s="71">
        <v>159</v>
      </c>
      <c r="IT13" s="72">
        <v>1438</v>
      </c>
      <c r="IU13" s="73">
        <v>2318</v>
      </c>
      <c r="IV13" s="70">
        <v>643</v>
      </c>
      <c r="IW13" s="71">
        <v>428</v>
      </c>
      <c r="IX13" s="72">
        <v>1071</v>
      </c>
      <c r="IY13" s="241"/>
      <c r="IZ13" s="71">
        <v>773</v>
      </c>
      <c r="JA13" s="71">
        <v>516</v>
      </c>
      <c r="JB13" s="71">
        <v>374</v>
      </c>
      <c r="JC13" s="71">
        <v>367</v>
      </c>
      <c r="JD13" s="71">
        <v>212</v>
      </c>
      <c r="JE13" s="72">
        <v>2242</v>
      </c>
      <c r="JF13" s="73">
        <v>3313</v>
      </c>
      <c r="JG13" s="70">
        <v>417</v>
      </c>
      <c r="JH13" s="71">
        <v>320</v>
      </c>
      <c r="JI13" s="72">
        <v>737</v>
      </c>
      <c r="JJ13" s="244"/>
      <c r="JK13" s="71">
        <v>750</v>
      </c>
      <c r="JL13" s="71">
        <v>614</v>
      </c>
      <c r="JM13" s="71">
        <v>552</v>
      </c>
      <c r="JN13" s="71">
        <v>606</v>
      </c>
      <c r="JO13" s="71">
        <v>384</v>
      </c>
      <c r="JP13" s="72">
        <v>2906</v>
      </c>
      <c r="JQ13" s="73">
        <v>3643</v>
      </c>
      <c r="JR13" s="70">
        <v>10</v>
      </c>
      <c r="JS13" s="71">
        <v>31</v>
      </c>
      <c r="JT13" s="72">
        <v>41</v>
      </c>
      <c r="JU13" s="244"/>
      <c r="JV13" s="71">
        <v>37</v>
      </c>
      <c r="JW13" s="71">
        <v>39</v>
      </c>
      <c r="JX13" s="71">
        <v>23</v>
      </c>
      <c r="JY13" s="71">
        <v>26</v>
      </c>
      <c r="JZ13" s="71">
        <v>20</v>
      </c>
      <c r="KA13" s="72">
        <v>145</v>
      </c>
      <c r="KB13" s="73">
        <v>186</v>
      </c>
      <c r="KC13" s="70">
        <v>2076</v>
      </c>
      <c r="KD13" s="71">
        <v>1407</v>
      </c>
      <c r="KE13" s="72">
        <v>3483</v>
      </c>
      <c r="KF13" s="244"/>
      <c r="KG13" s="71">
        <v>2542</v>
      </c>
      <c r="KH13" s="71">
        <v>1787</v>
      </c>
      <c r="KI13" s="71">
        <v>1351</v>
      </c>
      <c r="KJ13" s="71">
        <v>1422</v>
      </c>
      <c r="KK13" s="71">
        <v>955</v>
      </c>
      <c r="KL13" s="72">
        <v>8057</v>
      </c>
      <c r="KM13" s="73">
        <v>11540</v>
      </c>
    </row>
    <row r="14" spans="2:299" ht="19.5" customHeight="1" x14ac:dyDescent="0.2">
      <c r="B14" s="126" t="s">
        <v>10</v>
      </c>
      <c r="C14" s="315">
        <v>1440</v>
      </c>
      <c r="D14" s="82">
        <v>965</v>
      </c>
      <c r="E14" s="83">
        <v>2405</v>
      </c>
      <c r="F14" s="241"/>
      <c r="G14" s="82">
        <v>1700</v>
      </c>
      <c r="H14" s="82">
        <v>970</v>
      </c>
      <c r="I14" s="82">
        <v>704</v>
      </c>
      <c r="J14" s="82">
        <v>625</v>
      </c>
      <c r="K14" s="82">
        <v>423</v>
      </c>
      <c r="L14" s="84">
        <v>4422</v>
      </c>
      <c r="M14" s="85">
        <v>6827</v>
      </c>
      <c r="N14" s="70">
        <v>54</v>
      </c>
      <c r="O14" s="71">
        <v>59</v>
      </c>
      <c r="P14" s="72">
        <v>113</v>
      </c>
      <c r="Q14" s="241"/>
      <c r="R14" s="71">
        <v>67</v>
      </c>
      <c r="S14" s="71">
        <v>53</v>
      </c>
      <c r="T14" s="71">
        <v>34</v>
      </c>
      <c r="U14" s="71">
        <v>25</v>
      </c>
      <c r="V14" s="71">
        <v>29</v>
      </c>
      <c r="W14" s="72">
        <v>208</v>
      </c>
      <c r="X14" s="73">
        <v>321</v>
      </c>
      <c r="Y14" s="70">
        <v>137</v>
      </c>
      <c r="Z14" s="71">
        <v>119</v>
      </c>
      <c r="AA14" s="72">
        <v>256</v>
      </c>
      <c r="AB14" s="241"/>
      <c r="AC14" s="71">
        <v>184</v>
      </c>
      <c r="AD14" s="71">
        <v>106</v>
      </c>
      <c r="AE14" s="71">
        <v>67</v>
      </c>
      <c r="AF14" s="71">
        <v>72</v>
      </c>
      <c r="AG14" s="71">
        <v>64</v>
      </c>
      <c r="AH14" s="72">
        <v>493</v>
      </c>
      <c r="AI14" s="73">
        <v>749</v>
      </c>
      <c r="AJ14" s="70">
        <v>194</v>
      </c>
      <c r="AK14" s="71">
        <v>143</v>
      </c>
      <c r="AL14" s="72">
        <v>337</v>
      </c>
      <c r="AM14" s="241"/>
      <c r="AN14" s="71">
        <v>283</v>
      </c>
      <c r="AO14" s="71">
        <v>169</v>
      </c>
      <c r="AP14" s="71">
        <v>108</v>
      </c>
      <c r="AQ14" s="71">
        <v>96</v>
      </c>
      <c r="AR14" s="71">
        <v>65</v>
      </c>
      <c r="AS14" s="72">
        <v>721</v>
      </c>
      <c r="AT14" s="73">
        <v>1058</v>
      </c>
      <c r="AU14" s="70">
        <v>394</v>
      </c>
      <c r="AV14" s="71">
        <v>218</v>
      </c>
      <c r="AW14" s="72">
        <v>612</v>
      </c>
      <c r="AX14" s="241"/>
      <c r="AY14" s="71">
        <v>396</v>
      </c>
      <c r="AZ14" s="71">
        <v>203</v>
      </c>
      <c r="BA14" s="71">
        <v>143</v>
      </c>
      <c r="BB14" s="71">
        <v>138</v>
      </c>
      <c r="BC14" s="71">
        <v>111</v>
      </c>
      <c r="BD14" s="72">
        <v>991</v>
      </c>
      <c r="BE14" s="73">
        <v>1603</v>
      </c>
      <c r="BF14" s="70">
        <v>420</v>
      </c>
      <c r="BG14" s="71">
        <v>250</v>
      </c>
      <c r="BH14" s="72">
        <v>670</v>
      </c>
      <c r="BI14" s="241"/>
      <c r="BJ14" s="71">
        <v>452</v>
      </c>
      <c r="BK14" s="71">
        <v>231</v>
      </c>
      <c r="BL14" s="71">
        <v>184</v>
      </c>
      <c r="BM14" s="71">
        <v>156</v>
      </c>
      <c r="BN14" s="71">
        <v>84</v>
      </c>
      <c r="BO14" s="72">
        <v>1107</v>
      </c>
      <c r="BP14" s="73">
        <v>1777</v>
      </c>
      <c r="BQ14" s="70">
        <v>241</v>
      </c>
      <c r="BR14" s="71">
        <v>176</v>
      </c>
      <c r="BS14" s="72">
        <v>417</v>
      </c>
      <c r="BT14" s="241"/>
      <c r="BU14" s="71">
        <v>318</v>
      </c>
      <c r="BV14" s="71">
        <v>208</v>
      </c>
      <c r="BW14" s="71">
        <v>168</v>
      </c>
      <c r="BX14" s="71">
        <v>138</v>
      </c>
      <c r="BY14" s="71">
        <v>70</v>
      </c>
      <c r="BZ14" s="72">
        <v>902</v>
      </c>
      <c r="CA14" s="73">
        <v>1319</v>
      </c>
      <c r="CB14" s="70">
        <v>42</v>
      </c>
      <c r="CC14" s="71">
        <v>35</v>
      </c>
      <c r="CD14" s="72">
        <v>77</v>
      </c>
      <c r="CE14" s="241"/>
      <c r="CF14" s="71">
        <v>72</v>
      </c>
      <c r="CG14" s="71">
        <v>45</v>
      </c>
      <c r="CH14" s="71">
        <v>28</v>
      </c>
      <c r="CI14" s="71">
        <v>20</v>
      </c>
      <c r="CJ14" s="71">
        <v>33</v>
      </c>
      <c r="CK14" s="72">
        <v>198</v>
      </c>
      <c r="CL14" s="73">
        <v>275</v>
      </c>
      <c r="CM14" s="70">
        <v>1482</v>
      </c>
      <c r="CN14" s="71">
        <v>1000</v>
      </c>
      <c r="CO14" s="72">
        <v>2482</v>
      </c>
      <c r="CP14" s="241"/>
      <c r="CQ14" s="71">
        <v>1772</v>
      </c>
      <c r="CR14" s="71">
        <v>1015</v>
      </c>
      <c r="CS14" s="71">
        <v>732</v>
      </c>
      <c r="CT14" s="71">
        <v>645</v>
      </c>
      <c r="CU14" s="71">
        <v>456</v>
      </c>
      <c r="CV14" s="72">
        <v>4620</v>
      </c>
      <c r="CW14" s="73">
        <v>7102</v>
      </c>
      <c r="CX14" s="123">
        <v>2863</v>
      </c>
      <c r="CY14" s="82">
        <v>2161</v>
      </c>
      <c r="CZ14" s="83">
        <v>5024</v>
      </c>
      <c r="DA14" s="241"/>
      <c r="DB14" s="82">
        <v>3170</v>
      </c>
      <c r="DC14" s="82">
        <v>1756</v>
      </c>
      <c r="DD14" s="82">
        <v>1474</v>
      </c>
      <c r="DE14" s="82">
        <v>1440</v>
      </c>
      <c r="DF14" s="82">
        <v>1202</v>
      </c>
      <c r="DG14" s="84">
        <v>9042</v>
      </c>
      <c r="DH14" s="85">
        <v>14066</v>
      </c>
      <c r="DI14" s="70">
        <v>52</v>
      </c>
      <c r="DJ14" s="71">
        <v>57</v>
      </c>
      <c r="DK14" s="72">
        <v>109</v>
      </c>
      <c r="DL14" s="241"/>
      <c r="DM14" s="71">
        <v>68</v>
      </c>
      <c r="DN14" s="71">
        <v>25</v>
      </c>
      <c r="DO14" s="71">
        <v>25</v>
      </c>
      <c r="DP14" s="71">
        <v>21</v>
      </c>
      <c r="DQ14" s="71">
        <v>26</v>
      </c>
      <c r="DR14" s="72">
        <v>165</v>
      </c>
      <c r="DS14" s="73">
        <v>274</v>
      </c>
      <c r="DT14" s="70">
        <v>195</v>
      </c>
      <c r="DU14" s="71">
        <v>147</v>
      </c>
      <c r="DV14" s="72">
        <v>342</v>
      </c>
      <c r="DW14" s="241"/>
      <c r="DX14" s="71">
        <v>172</v>
      </c>
      <c r="DY14" s="71">
        <v>100</v>
      </c>
      <c r="DZ14" s="71">
        <v>50</v>
      </c>
      <c r="EA14" s="71">
        <v>56</v>
      </c>
      <c r="EB14" s="71">
        <v>62</v>
      </c>
      <c r="EC14" s="72">
        <v>440</v>
      </c>
      <c r="ED14" s="73">
        <v>782</v>
      </c>
      <c r="EE14" s="70">
        <v>449</v>
      </c>
      <c r="EF14" s="71">
        <v>289</v>
      </c>
      <c r="EG14" s="72">
        <v>738</v>
      </c>
      <c r="EH14" s="241"/>
      <c r="EI14" s="71">
        <v>371</v>
      </c>
      <c r="EJ14" s="71">
        <v>163</v>
      </c>
      <c r="EK14" s="71">
        <v>146</v>
      </c>
      <c r="EL14" s="71">
        <v>129</v>
      </c>
      <c r="EM14" s="71">
        <v>110</v>
      </c>
      <c r="EN14" s="72">
        <v>919</v>
      </c>
      <c r="EO14" s="73">
        <v>1657</v>
      </c>
      <c r="EP14" s="70">
        <v>831</v>
      </c>
      <c r="EQ14" s="71">
        <v>544</v>
      </c>
      <c r="ER14" s="72">
        <v>1375</v>
      </c>
      <c r="ES14" s="241"/>
      <c r="ET14" s="71">
        <v>685</v>
      </c>
      <c r="EU14" s="71">
        <v>357</v>
      </c>
      <c r="EV14" s="71">
        <v>248</v>
      </c>
      <c r="EW14" s="71">
        <v>224</v>
      </c>
      <c r="EX14" s="71">
        <v>198</v>
      </c>
      <c r="EY14" s="72">
        <v>1712</v>
      </c>
      <c r="EZ14" s="73">
        <v>3087</v>
      </c>
      <c r="FA14" s="70">
        <v>896</v>
      </c>
      <c r="FB14" s="71">
        <v>630</v>
      </c>
      <c r="FC14" s="72">
        <v>1526</v>
      </c>
      <c r="FD14" s="241"/>
      <c r="FE14" s="71">
        <v>990</v>
      </c>
      <c r="FF14" s="71">
        <v>497</v>
      </c>
      <c r="FG14" s="71">
        <v>398</v>
      </c>
      <c r="FH14" s="71">
        <v>338</v>
      </c>
      <c r="FI14" s="71">
        <v>333</v>
      </c>
      <c r="FJ14" s="72">
        <v>2556</v>
      </c>
      <c r="FK14" s="73">
        <v>4082</v>
      </c>
      <c r="FL14" s="70">
        <v>440</v>
      </c>
      <c r="FM14" s="71">
        <v>494</v>
      </c>
      <c r="FN14" s="72">
        <v>934</v>
      </c>
      <c r="FO14" s="241"/>
      <c r="FP14" s="71">
        <v>884</v>
      </c>
      <c r="FQ14" s="71">
        <v>614</v>
      </c>
      <c r="FR14" s="71">
        <v>607</v>
      </c>
      <c r="FS14" s="71">
        <v>672</v>
      </c>
      <c r="FT14" s="71">
        <v>473</v>
      </c>
      <c r="FU14" s="72">
        <v>3250</v>
      </c>
      <c r="FV14" s="73">
        <v>4184</v>
      </c>
      <c r="FW14" s="70">
        <v>30</v>
      </c>
      <c r="FX14" s="71">
        <v>37</v>
      </c>
      <c r="FY14" s="72">
        <v>67</v>
      </c>
      <c r="FZ14" s="244"/>
      <c r="GA14" s="71">
        <v>57</v>
      </c>
      <c r="GB14" s="71">
        <v>34</v>
      </c>
      <c r="GC14" s="71">
        <v>21</v>
      </c>
      <c r="GD14" s="71">
        <v>23</v>
      </c>
      <c r="GE14" s="71">
        <v>33</v>
      </c>
      <c r="GF14" s="72">
        <v>168</v>
      </c>
      <c r="GG14" s="73">
        <v>235</v>
      </c>
      <c r="GH14" s="70">
        <v>2893</v>
      </c>
      <c r="GI14" s="71">
        <v>2198</v>
      </c>
      <c r="GJ14" s="72">
        <v>5091</v>
      </c>
      <c r="GK14" s="244"/>
      <c r="GL14" s="71">
        <v>3227</v>
      </c>
      <c r="GM14" s="71">
        <v>1790</v>
      </c>
      <c r="GN14" s="71">
        <v>1495</v>
      </c>
      <c r="GO14" s="71">
        <v>1463</v>
      </c>
      <c r="GP14" s="71">
        <v>1235</v>
      </c>
      <c r="GQ14" s="72">
        <v>9210</v>
      </c>
      <c r="GR14" s="73">
        <v>14301</v>
      </c>
      <c r="GS14" s="123">
        <v>4303</v>
      </c>
      <c r="GT14" s="82">
        <v>3126</v>
      </c>
      <c r="GU14" s="83">
        <v>7429</v>
      </c>
      <c r="GV14" s="241"/>
      <c r="GW14" s="82">
        <v>4870</v>
      </c>
      <c r="GX14" s="82">
        <v>2726</v>
      </c>
      <c r="GY14" s="82">
        <v>2178</v>
      </c>
      <c r="GZ14" s="82">
        <v>2065</v>
      </c>
      <c r="HA14" s="82">
        <v>1625</v>
      </c>
      <c r="HB14" s="84">
        <v>13464</v>
      </c>
      <c r="HC14" s="85">
        <v>20893</v>
      </c>
      <c r="HD14" s="70">
        <v>106</v>
      </c>
      <c r="HE14" s="71">
        <v>116</v>
      </c>
      <c r="HF14" s="72">
        <v>222</v>
      </c>
      <c r="HG14" s="241"/>
      <c r="HH14" s="71">
        <v>135</v>
      </c>
      <c r="HI14" s="71">
        <v>78</v>
      </c>
      <c r="HJ14" s="71">
        <v>59</v>
      </c>
      <c r="HK14" s="71">
        <v>46</v>
      </c>
      <c r="HL14" s="71">
        <v>55</v>
      </c>
      <c r="HM14" s="72">
        <v>373</v>
      </c>
      <c r="HN14" s="73">
        <v>595</v>
      </c>
      <c r="HO14" s="70">
        <v>332</v>
      </c>
      <c r="HP14" s="71">
        <v>266</v>
      </c>
      <c r="HQ14" s="72">
        <v>598</v>
      </c>
      <c r="HR14" s="241"/>
      <c r="HS14" s="71">
        <v>356</v>
      </c>
      <c r="HT14" s="71">
        <v>206</v>
      </c>
      <c r="HU14" s="71">
        <v>117</v>
      </c>
      <c r="HV14" s="71">
        <v>128</v>
      </c>
      <c r="HW14" s="71">
        <v>126</v>
      </c>
      <c r="HX14" s="72">
        <v>933</v>
      </c>
      <c r="HY14" s="73">
        <v>1531</v>
      </c>
      <c r="HZ14" s="70">
        <v>643</v>
      </c>
      <c r="IA14" s="71">
        <v>432</v>
      </c>
      <c r="IB14" s="72">
        <v>1075</v>
      </c>
      <c r="IC14" s="241"/>
      <c r="ID14" s="71">
        <v>654</v>
      </c>
      <c r="IE14" s="71">
        <v>332</v>
      </c>
      <c r="IF14" s="71">
        <v>254</v>
      </c>
      <c r="IG14" s="71">
        <v>225</v>
      </c>
      <c r="IH14" s="71">
        <v>175</v>
      </c>
      <c r="II14" s="72">
        <v>1640</v>
      </c>
      <c r="IJ14" s="73">
        <v>2715</v>
      </c>
      <c r="IK14" s="70">
        <v>1225</v>
      </c>
      <c r="IL14" s="71">
        <v>762</v>
      </c>
      <c r="IM14" s="72">
        <v>1987</v>
      </c>
      <c r="IN14" s="241"/>
      <c r="IO14" s="71">
        <v>1081</v>
      </c>
      <c r="IP14" s="71">
        <v>560</v>
      </c>
      <c r="IQ14" s="71">
        <v>391</v>
      </c>
      <c r="IR14" s="71">
        <v>362</v>
      </c>
      <c r="IS14" s="71">
        <v>309</v>
      </c>
      <c r="IT14" s="72">
        <v>2703</v>
      </c>
      <c r="IU14" s="73">
        <v>4690</v>
      </c>
      <c r="IV14" s="70">
        <v>1316</v>
      </c>
      <c r="IW14" s="71">
        <v>880</v>
      </c>
      <c r="IX14" s="72">
        <v>2196</v>
      </c>
      <c r="IY14" s="241"/>
      <c r="IZ14" s="71">
        <v>1442</v>
      </c>
      <c r="JA14" s="71">
        <v>728</v>
      </c>
      <c r="JB14" s="71">
        <v>582</v>
      </c>
      <c r="JC14" s="71">
        <v>494</v>
      </c>
      <c r="JD14" s="71">
        <v>417</v>
      </c>
      <c r="JE14" s="72">
        <v>3663</v>
      </c>
      <c r="JF14" s="73">
        <v>5859</v>
      </c>
      <c r="JG14" s="70">
        <v>681</v>
      </c>
      <c r="JH14" s="71">
        <v>670</v>
      </c>
      <c r="JI14" s="72">
        <v>1351</v>
      </c>
      <c r="JJ14" s="244"/>
      <c r="JK14" s="71">
        <v>1202</v>
      </c>
      <c r="JL14" s="71">
        <v>822</v>
      </c>
      <c r="JM14" s="71">
        <v>775</v>
      </c>
      <c r="JN14" s="71">
        <v>810</v>
      </c>
      <c r="JO14" s="71">
        <v>543</v>
      </c>
      <c r="JP14" s="72">
        <v>4152</v>
      </c>
      <c r="JQ14" s="73">
        <v>5503</v>
      </c>
      <c r="JR14" s="70">
        <v>72</v>
      </c>
      <c r="JS14" s="71">
        <v>72</v>
      </c>
      <c r="JT14" s="72">
        <v>144</v>
      </c>
      <c r="JU14" s="244"/>
      <c r="JV14" s="71">
        <v>129</v>
      </c>
      <c r="JW14" s="71">
        <v>79</v>
      </c>
      <c r="JX14" s="71">
        <v>49</v>
      </c>
      <c r="JY14" s="71">
        <v>43</v>
      </c>
      <c r="JZ14" s="71">
        <v>66</v>
      </c>
      <c r="KA14" s="72">
        <v>366</v>
      </c>
      <c r="KB14" s="73">
        <v>510</v>
      </c>
      <c r="KC14" s="70">
        <v>4375</v>
      </c>
      <c r="KD14" s="71">
        <v>3198</v>
      </c>
      <c r="KE14" s="72">
        <v>7573</v>
      </c>
      <c r="KF14" s="244"/>
      <c r="KG14" s="71">
        <v>4999</v>
      </c>
      <c r="KH14" s="71">
        <v>2805</v>
      </c>
      <c r="KI14" s="71">
        <v>2227</v>
      </c>
      <c r="KJ14" s="71">
        <v>2108</v>
      </c>
      <c r="KK14" s="71">
        <v>1691</v>
      </c>
      <c r="KL14" s="72">
        <v>13830</v>
      </c>
      <c r="KM14" s="73">
        <v>21403</v>
      </c>
    </row>
    <row r="15" spans="2:299" ht="19.5" customHeight="1" x14ac:dyDescent="0.2">
      <c r="B15" s="126" t="s">
        <v>11</v>
      </c>
      <c r="C15" s="315">
        <v>481</v>
      </c>
      <c r="D15" s="82">
        <v>336</v>
      </c>
      <c r="E15" s="83">
        <v>817</v>
      </c>
      <c r="F15" s="241"/>
      <c r="G15" s="82">
        <v>856</v>
      </c>
      <c r="H15" s="82">
        <v>541</v>
      </c>
      <c r="I15" s="82">
        <v>460</v>
      </c>
      <c r="J15" s="82">
        <v>393</v>
      </c>
      <c r="K15" s="82">
        <v>202</v>
      </c>
      <c r="L15" s="84">
        <v>2452</v>
      </c>
      <c r="M15" s="85">
        <v>3269</v>
      </c>
      <c r="N15" s="70">
        <v>18</v>
      </c>
      <c r="O15" s="71">
        <v>17</v>
      </c>
      <c r="P15" s="72">
        <v>35</v>
      </c>
      <c r="Q15" s="241"/>
      <c r="R15" s="71">
        <v>47</v>
      </c>
      <c r="S15" s="71">
        <v>26</v>
      </c>
      <c r="T15" s="71">
        <v>20</v>
      </c>
      <c r="U15" s="71">
        <v>17</v>
      </c>
      <c r="V15" s="71">
        <v>13</v>
      </c>
      <c r="W15" s="72">
        <v>123</v>
      </c>
      <c r="X15" s="73">
        <v>158</v>
      </c>
      <c r="Y15" s="70">
        <v>59</v>
      </c>
      <c r="Z15" s="71">
        <v>37</v>
      </c>
      <c r="AA15" s="72">
        <v>96</v>
      </c>
      <c r="AB15" s="241"/>
      <c r="AC15" s="71">
        <v>101</v>
      </c>
      <c r="AD15" s="71">
        <v>55</v>
      </c>
      <c r="AE15" s="71">
        <v>55</v>
      </c>
      <c r="AF15" s="71">
        <v>37</v>
      </c>
      <c r="AG15" s="71">
        <v>31</v>
      </c>
      <c r="AH15" s="72">
        <v>279</v>
      </c>
      <c r="AI15" s="73">
        <v>375</v>
      </c>
      <c r="AJ15" s="70">
        <v>67</v>
      </c>
      <c r="AK15" s="71">
        <v>61</v>
      </c>
      <c r="AL15" s="72">
        <v>128</v>
      </c>
      <c r="AM15" s="241"/>
      <c r="AN15" s="71">
        <v>156</v>
      </c>
      <c r="AO15" s="71">
        <v>94</v>
      </c>
      <c r="AP15" s="71">
        <v>79</v>
      </c>
      <c r="AQ15" s="71">
        <v>72</v>
      </c>
      <c r="AR15" s="71">
        <v>40</v>
      </c>
      <c r="AS15" s="72">
        <v>441</v>
      </c>
      <c r="AT15" s="73">
        <v>569</v>
      </c>
      <c r="AU15" s="70">
        <v>128</v>
      </c>
      <c r="AV15" s="71">
        <v>79</v>
      </c>
      <c r="AW15" s="72">
        <v>207</v>
      </c>
      <c r="AX15" s="241"/>
      <c r="AY15" s="71">
        <v>204</v>
      </c>
      <c r="AZ15" s="71">
        <v>133</v>
      </c>
      <c r="BA15" s="71">
        <v>100</v>
      </c>
      <c r="BB15" s="71">
        <v>94</v>
      </c>
      <c r="BC15" s="71">
        <v>47</v>
      </c>
      <c r="BD15" s="72">
        <v>578</v>
      </c>
      <c r="BE15" s="73">
        <v>785</v>
      </c>
      <c r="BF15" s="70">
        <v>130</v>
      </c>
      <c r="BG15" s="71">
        <v>94</v>
      </c>
      <c r="BH15" s="72">
        <v>224</v>
      </c>
      <c r="BI15" s="241"/>
      <c r="BJ15" s="71">
        <v>190</v>
      </c>
      <c r="BK15" s="71">
        <v>129</v>
      </c>
      <c r="BL15" s="71">
        <v>110</v>
      </c>
      <c r="BM15" s="71">
        <v>98</v>
      </c>
      <c r="BN15" s="71">
        <v>38</v>
      </c>
      <c r="BO15" s="72">
        <v>565</v>
      </c>
      <c r="BP15" s="73">
        <v>789</v>
      </c>
      <c r="BQ15" s="70">
        <v>79</v>
      </c>
      <c r="BR15" s="71">
        <v>48</v>
      </c>
      <c r="BS15" s="72">
        <v>127</v>
      </c>
      <c r="BT15" s="241"/>
      <c r="BU15" s="71">
        <v>158</v>
      </c>
      <c r="BV15" s="71">
        <v>104</v>
      </c>
      <c r="BW15" s="71">
        <v>96</v>
      </c>
      <c r="BX15" s="71">
        <v>75</v>
      </c>
      <c r="BY15" s="71">
        <v>33</v>
      </c>
      <c r="BZ15" s="72">
        <v>466</v>
      </c>
      <c r="CA15" s="73">
        <v>593</v>
      </c>
      <c r="CB15" s="70">
        <v>12</v>
      </c>
      <c r="CC15" s="71">
        <v>12</v>
      </c>
      <c r="CD15" s="72">
        <v>24</v>
      </c>
      <c r="CE15" s="241"/>
      <c r="CF15" s="71">
        <v>26</v>
      </c>
      <c r="CG15" s="71">
        <v>17</v>
      </c>
      <c r="CH15" s="71">
        <v>14</v>
      </c>
      <c r="CI15" s="71">
        <v>8</v>
      </c>
      <c r="CJ15" s="71">
        <v>12</v>
      </c>
      <c r="CK15" s="72">
        <v>77</v>
      </c>
      <c r="CL15" s="73">
        <v>101</v>
      </c>
      <c r="CM15" s="70">
        <v>493</v>
      </c>
      <c r="CN15" s="71">
        <v>348</v>
      </c>
      <c r="CO15" s="72">
        <v>841</v>
      </c>
      <c r="CP15" s="241"/>
      <c r="CQ15" s="71">
        <v>882</v>
      </c>
      <c r="CR15" s="71">
        <v>558</v>
      </c>
      <c r="CS15" s="71">
        <v>474</v>
      </c>
      <c r="CT15" s="71">
        <v>401</v>
      </c>
      <c r="CU15" s="71">
        <v>214</v>
      </c>
      <c r="CV15" s="72">
        <v>2529</v>
      </c>
      <c r="CW15" s="73">
        <v>3370</v>
      </c>
      <c r="CX15" s="123">
        <v>978</v>
      </c>
      <c r="CY15" s="82">
        <v>760</v>
      </c>
      <c r="CZ15" s="83">
        <v>1738</v>
      </c>
      <c r="DA15" s="241"/>
      <c r="DB15" s="82">
        <v>1804</v>
      </c>
      <c r="DC15" s="82">
        <v>1055</v>
      </c>
      <c r="DD15" s="82">
        <v>895</v>
      </c>
      <c r="DE15" s="82">
        <v>933</v>
      </c>
      <c r="DF15" s="82">
        <v>525</v>
      </c>
      <c r="DG15" s="84">
        <v>5212</v>
      </c>
      <c r="DH15" s="85">
        <v>6950</v>
      </c>
      <c r="DI15" s="70">
        <v>23</v>
      </c>
      <c r="DJ15" s="71">
        <v>20</v>
      </c>
      <c r="DK15" s="72">
        <v>43</v>
      </c>
      <c r="DL15" s="241"/>
      <c r="DM15" s="71">
        <v>52</v>
      </c>
      <c r="DN15" s="71">
        <v>22</v>
      </c>
      <c r="DO15" s="71">
        <v>12</v>
      </c>
      <c r="DP15" s="71">
        <v>18</v>
      </c>
      <c r="DQ15" s="71">
        <v>12</v>
      </c>
      <c r="DR15" s="72">
        <v>116</v>
      </c>
      <c r="DS15" s="73">
        <v>159</v>
      </c>
      <c r="DT15" s="70">
        <v>67</v>
      </c>
      <c r="DU15" s="71">
        <v>57</v>
      </c>
      <c r="DV15" s="72">
        <v>124</v>
      </c>
      <c r="DW15" s="241"/>
      <c r="DX15" s="71">
        <v>97</v>
      </c>
      <c r="DY15" s="71">
        <v>53</v>
      </c>
      <c r="DZ15" s="71">
        <v>47</v>
      </c>
      <c r="EA15" s="71">
        <v>37</v>
      </c>
      <c r="EB15" s="71">
        <v>39</v>
      </c>
      <c r="EC15" s="72">
        <v>273</v>
      </c>
      <c r="ED15" s="73">
        <v>397</v>
      </c>
      <c r="EE15" s="70">
        <v>123</v>
      </c>
      <c r="EF15" s="71">
        <v>99</v>
      </c>
      <c r="EG15" s="72">
        <v>222</v>
      </c>
      <c r="EH15" s="241"/>
      <c r="EI15" s="71">
        <v>181</v>
      </c>
      <c r="EJ15" s="71">
        <v>125</v>
      </c>
      <c r="EK15" s="71">
        <v>100</v>
      </c>
      <c r="EL15" s="71">
        <v>80</v>
      </c>
      <c r="EM15" s="71">
        <v>42</v>
      </c>
      <c r="EN15" s="72">
        <v>528</v>
      </c>
      <c r="EO15" s="73">
        <v>750</v>
      </c>
      <c r="EP15" s="70">
        <v>304</v>
      </c>
      <c r="EQ15" s="71">
        <v>212</v>
      </c>
      <c r="ER15" s="72">
        <v>516</v>
      </c>
      <c r="ES15" s="241"/>
      <c r="ET15" s="71">
        <v>408</v>
      </c>
      <c r="EU15" s="71">
        <v>201</v>
      </c>
      <c r="EV15" s="71">
        <v>137</v>
      </c>
      <c r="EW15" s="71">
        <v>156</v>
      </c>
      <c r="EX15" s="71">
        <v>84</v>
      </c>
      <c r="EY15" s="72">
        <v>986</v>
      </c>
      <c r="EZ15" s="73">
        <v>1502</v>
      </c>
      <c r="FA15" s="70">
        <v>295</v>
      </c>
      <c r="FB15" s="71">
        <v>221</v>
      </c>
      <c r="FC15" s="72">
        <v>516</v>
      </c>
      <c r="FD15" s="241"/>
      <c r="FE15" s="71">
        <v>574</v>
      </c>
      <c r="FF15" s="71">
        <v>307</v>
      </c>
      <c r="FG15" s="71">
        <v>236</v>
      </c>
      <c r="FH15" s="71">
        <v>250</v>
      </c>
      <c r="FI15" s="71">
        <v>144</v>
      </c>
      <c r="FJ15" s="72">
        <v>1511</v>
      </c>
      <c r="FK15" s="73">
        <v>2027</v>
      </c>
      <c r="FL15" s="70">
        <v>166</v>
      </c>
      <c r="FM15" s="71">
        <v>151</v>
      </c>
      <c r="FN15" s="72">
        <v>317</v>
      </c>
      <c r="FO15" s="241"/>
      <c r="FP15" s="71">
        <v>492</v>
      </c>
      <c r="FQ15" s="71">
        <v>347</v>
      </c>
      <c r="FR15" s="71">
        <v>363</v>
      </c>
      <c r="FS15" s="71">
        <v>392</v>
      </c>
      <c r="FT15" s="71">
        <v>204</v>
      </c>
      <c r="FU15" s="72">
        <v>1798</v>
      </c>
      <c r="FV15" s="73">
        <v>2115</v>
      </c>
      <c r="FW15" s="70">
        <v>9</v>
      </c>
      <c r="FX15" s="71">
        <v>9</v>
      </c>
      <c r="FY15" s="72">
        <v>18</v>
      </c>
      <c r="FZ15" s="244"/>
      <c r="GA15" s="71">
        <v>26</v>
      </c>
      <c r="GB15" s="71">
        <v>17</v>
      </c>
      <c r="GC15" s="71">
        <v>13</v>
      </c>
      <c r="GD15" s="71">
        <v>12</v>
      </c>
      <c r="GE15" s="71">
        <v>11</v>
      </c>
      <c r="GF15" s="72">
        <v>79</v>
      </c>
      <c r="GG15" s="73">
        <v>97</v>
      </c>
      <c r="GH15" s="70">
        <v>987</v>
      </c>
      <c r="GI15" s="71">
        <v>769</v>
      </c>
      <c r="GJ15" s="72">
        <v>1756</v>
      </c>
      <c r="GK15" s="244"/>
      <c r="GL15" s="71">
        <v>1830</v>
      </c>
      <c r="GM15" s="71">
        <v>1072</v>
      </c>
      <c r="GN15" s="71">
        <v>908</v>
      </c>
      <c r="GO15" s="71">
        <v>945</v>
      </c>
      <c r="GP15" s="71">
        <v>536</v>
      </c>
      <c r="GQ15" s="72">
        <v>5291</v>
      </c>
      <c r="GR15" s="73">
        <v>7047</v>
      </c>
      <c r="GS15" s="123">
        <v>1459</v>
      </c>
      <c r="GT15" s="82">
        <v>1096</v>
      </c>
      <c r="GU15" s="83">
        <v>2555</v>
      </c>
      <c r="GV15" s="241"/>
      <c r="GW15" s="82">
        <v>2660</v>
      </c>
      <c r="GX15" s="82">
        <v>1596</v>
      </c>
      <c r="GY15" s="82">
        <v>1355</v>
      </c>
      <c r="GZ15" s="82">
        <v>1326</v>
      </c>
      <c r="HA15" s="82">
        <v>727</v>
      </c>
      <c r="HB15" s="84">
        <v>7664</v>
      </c>
      <c r="HC15" s="85">
        <v>10219</v>
      </c>
      <c r="HD15" s="70">
        <v>41</v>
      </c>
      <c r="HE15" s="71">
        <v>37</v>
      </c>
      <c r="HF15" s="72">
        <v>78</v>
      </c>
      <c r="HG15" s="241"/>
      <c r="HH15" s="71">
        <v>99</v>
      </c>
      <c r="HI15" s="71">
        <v>48</v>
      </c>
      <c r="HJ15" s="71">
        <v>32</v>
      </c>
      <c r="HK15" s="71">
        <v>35</v>
      </c>
      <c r="HL15" s="71">
        <v>25</v>
      </c>
      <c r="HM15" s="72">
        <v>239</v>
      </c>
      <c r="HN15" s="73">
        <v>317</v>
      </c>
      <c r="HO15" s="70">
        <v>126</v>
      </c>
      <c r="HP15" s="71">
        <v>94</v>
      </c>
      <c r="HQ15" s="72">
        <v>220</v>
      </c>
      <c r="HR15" s="241"/>
      <c r="HS15" s="71">
        <v>198</v>
      </c>
      <c r="HT15" s="71">
        <v>108</v>
      </c>
      <c r="HU15" s="71">
        <v>102</v>
      </c>
      <c r="HV15" s="71">
        <v>74</v>
      </c>
      <c r="HW15" s="71">
        <v>70</v>
      </c>
      <c r="HX15" s="72">
        <v>552</v>
      </c>
      <c r="HY15" s="73">
        <v>772</v>
      </c>
      <c r="HZ15" s="70">
        <v>190</v>
      </c>
      <c r="IA15" s="71">
        <v>160</v>
      </c>
      <c r="IB15" s="72">
        <v>350</v>
      </c>
      <c r="IC15" s="241"/>
      <c r="ID15" s="71">
        <v>337</v>
      </c>
      <c r="IE15" s="71">
        <v>219</v>
      </c>
      <c r="IF15" s="71">
        <v>179</v>
      </c>
      <c r="IG15" s="71">
        <v>152</v>
      </c>
      <c r="IH15" s="71">
        <v>82</v>
      </c>
      <c r="II15" s="72">
        <v>969</v>
      </c>
      <c r="IJ15" s="73">
        <v>1319</v>
      </c>
      <c r="IK15" s="70">
        <v>432</v>
      </c>
      <c r="IL15" s="71">
        <v>291</v>
      </c>
      <c r="IM15" s="72">
        <v>723</v>
      </c>
      <c r="IN15" s="241"/>
      <c r="IO15" s="71">
        <v>612</v>
      </c>
      <c r="IP15" s="71">
        <v>334</v>
      </c>
      <c r="IQ15" s="71">
        <v>237</v>
      </c>
      <c r="IR15" s="71">
        <v>250</v>
      </c>
      <c r="IS15" s="71">
        <v>131</v>
      </c>
      <c r="IT15" s="72">
        <v>1564</v>
      </c>
      <c r="IU15" s="73">
        <v>2287</v>
      </c>
      <c r="IV15" s="70">
        <v>425</v>
      </c>
      <c r="IW15" s="71">
        <v>315</v>
      </c>
      <c r="IX15" s="72">
        <v>740</v>
      </c>
      <c r="IY15" s="241"/>
      <c r="IZ15" s="71">
        <v>764</v>
      </c>
      <c r="JA15" s="71">
        <v>436</v>
      </c>
      <c r="JB15" s="71">
        <v>346</v>
      </c>
      <c r="JC15" s="71">
        <v>348</v>
      </c>
      <c r="JD15" s="71">
        <v>182</v>
      </c>
      <c r="JE15" s="72">
        <v>2076</v>
      </c>
      <c r="JF15" s="73">
        <v>2816</v>
      </c>
      <c r="JG15" s="70">
        <v>245</v>
      </c>
      <c r="JH15" s="71">
        <v>199</v>
      </c>
      <c r="JI15" s="72">
        <v>444</v>
      </c>
      <c r="JJ15" s="244"/>
      <c r="JK15" s="71">
        <v>650</v>
      </c>
      <c r="JL15" s="71">
        <v>451</v>
      </c>
      <c r="JM15" s="71">
        <v>459</v>
      </c>
      <c r="JN15" s="71">
        <v>467</v>
      </c>
      <c r="JO15" s="71">
        <v>237</v>
      </c>
      <c r="JP15" s="72">
        <v>2264</v>
      </c>
      <c r="JQ15" s="73">
        <v>2708</v>
      </c>
      <c r="JR15" s="70">
        <v>21</v>
      </c>
      <c r="JS15" s="71">
        <v>21</v>
      </c>
      <c r="JT15" s="72">
        <v>42</v>
      </c>
      <c r="JU15" s="244"/>
      <c r="JV15" s="71">
        <v>52</v>
      </c>
      <c r="JW15" s="71">
        <v>34</v>
      </c>
      <c r="JX15" s="71">
        <v>27</v>
      </c>
      <c r="JY15" s="71">
        <v>20</v>
      </c>
      <c r="JZ15" s="71">
        <v>23</v>
      </c>
      <c r="KA15" s="72">
        <v>156</v>
      </c>
      <c r="KB15" s="73">
        <v>198</v>
      </c>
      <c r="KC15" s="70">
        <v>1480</v>
      </c>
      <c r="KD15" s="71">
        <v>1117</v>
      </c>
      <c r="KE15" s="72">
        <v>2597</v>
      </c>
      <c r="KF15" s="244"/>
      <c r="KG15" s="71">
        <v>2712</v>
      </c>
      <c r="KH15" s="71">
        <v>1630</v>
      </c>
      <c r="KI15" s="71">
        <v>1382</v>
      </c>
      <c r="KJ15" s="71">
        <v>1346</v>
      </c>
      <c r="KK15" s="71">
        <v>750</v>
      </c>
      <c r="KL15" s="72">
        <v>7820</v>
      </c>
      <c r="KM15" s="73">
        <v>10417</v>
      </c>
    </row>
    <row r="16" spans="2:299" ht="19.5" customHeight="1" x14ac:dyDescent="0.2">
      <c r="B16" s="126" t="s">
        <v>12</v>
      </c>
      <c r="C16" s="315">
        <v>696</v>
      </c>
      <c r="D16" s="82">
        <v>567</v>
      </c>
      <c r="E16" s="83">
        <v>1263</v>
      </c>
      <c r="F16" s="241"/>
      <c r="G16" s="82">
        <v>674</v>
      </c>
      <c r="H16" s="82">
        <v>618</v>
      </c>
      <c r="I16" s="82">
        <v>475</v>
      </c>
      <c r="J16" s="82">
        <v>426</v>
      </c>
      <c r="K16" s="82">
        <v>218</v>
      </c>
      <c r="L16" s="84">
        <v>2411</v>
      </c>
      <c r="M16" s="85">
        <v>3674</v>
      </c>
      <c r="N16" s="86">
        <v>23</v>
      </c>
      <c r="O16" s="71">
        <v>28</v>
      </c>
      <c r="P16" s="72">
        <v>51</v>
      </c>
      <c r="Q16" s="241"/>
      <c r="R16" s="71">
        <v>15</v>
      </c>
      <c r="S16" s="71">
        <v>34</v>
      </c>
      <c r="T16" s="71">
        <v>22</v>
      </c>
      <c r="U16" s="71">
        <v>22</v>
      </c>
      <c r="V16" s="71">
        <v>14</v>
      </c>
      <c r="W16" s="72">
        <v>107</v>
      </c>
      <c r="X16" s="73">
        <v>158</v>
      </c>
      <c r="Y16" s="70">
        <v>57</v>
      </c>
      <c r="Z16" s="71">
        <v>58</v>
      </c>
      <c r="AA16" s="72">
        <v>115</v>
      </c>
      <c r="AB16" s="241"/>
      <c r="AC16" s="71">
        <v>53</v>
      </c>
      <c r="AD16" s="71">
        <v>45</v>
      </c>
      <c r="AE16" s="71">
        <v>45</v>
      </c>
      <c r="AF16" s="71">
        <v>35</v>
      </c>
      <c r="AG16" s="71">
        <v>23</v>
      </c>
      <c r="AH16" s="72">
        <v>201</v>
      </c>
      <c r="AI16" s="73">
        <v>316</v>
      </c>
      <c r="AJ16" s="86">
        <v>91</v>
      </c>
      <c r="AK16" s="71">
        <v>107</v>
      </c>
      <c r="AL16" s="72">
        <v>198</v>
      </c>
      <c r="AM16" s="241"/>
      <c r="AN16" s="71">
        <v>75</v>
      </c>
      <c r="AO16" s="71">
        <v>83</v>
      </c>
      <c r="AP16" s="71">
        <v>76</v>
      </c>
      <c r="AQ16" s="71">
        <v>56</v>
      </c>
      <c r="AR16" s="71">
        <v>46</v>
      </c>
      <c r="AS16" s="72">
        <v>336</v>
      </c>
      <c r="AT16" s="73">
        <v>534</v>
      </c>
      <c r="AU16" s="70">
        <v>180</v>
      </c>
      <c r="AV16" s="71">
        <v>133</v>
      </c>
      <c r="AW16" s="72">
        <v>313</v>
      </c>
      <c r="AX16" s="241"/>
      <c r="AY16" s="71">
        <v>168</v>
      </c>
      <c r="AZ16" s="71">
        <v>165</v>
      </c>
      <c r="BA16" s="71">
        <v>100</v>
      </c>
      <c r="BB16" s="71">
        <v>95</v>
      </c>
      <c r="BC16" s="71">
        <v>55</v>
      </c>
      <c r="BD16" s="72">
        <v>583</v>
      </c>
      <c r="BE16" s="73">
        <v>896</v>
      </c>
      <c r="BF16" s="86">
        <v>216</v>
      </c>
      <c r="BG16" s="71">
        <v>129</v>
      </c>
      <c r="BH16" s="72">
        <v>345</v>
      </c>
      <c r="BI16" s="241"/>
      <c r="BJ16" s="71">
        <v>210</v>
      </c>
      <c r="BK16" s="71">
        <v>164</v>
      </c>
      <c r="BL16" s="71">
        <v>134</v>
      </c>
      <c r="BM16" s="71">
        <v>120</v>
      </c>
      <c r="BN16" s="71">
        <v>52</v>
      </c>
      <c r="BO16" s="72">
        <v>680</v>
      </c>
      <c r="BP16" s="73">
        <v>1025</v>
      </c>
      <c r="BQ16" s="70">
        <v>129</v>
      </c>
      <c r="BR16" s="71">
        <v>112</v>
      </c>
      <c r="BS16" s="72">
        <v>241</v>
      </c>
      <c r="BT16" s="241"/>
      <c r="BU16" s="71">
        <v>153</v>
      </c>
      <c r="BV16" s="71">
        <v>127</v>
      </c>
      <c r="BW16" s="71">
        <v>98</v>
      </c>
      <c r="BX16" s="71">
        <v>98</v>
      </c>
      <c r="BY16" s="71">
        <v>28</v>
      </c>
      <c r="BZ16" s="72">
        <v>504</v>
      </c>
      <c r="CA16" s="73">
        <v>745</v>
      </c>
      <c r="CB16" s="70">
        <v>13</v>
      </c>
      <c r="CC16" s="71">
        <v>24</v>
      </c>
      <c r="CD16" s="72">
        <v>37</v>
      </c>
      <c r="CE16" s="241"/>
      <c r="CF16" s="71">
        <v>11</v>
      </c>
      <c r="CG16" s="71">
        <v>21</v>
      </c>
      <c r="CH16" s="71">
        <v>16</v>
      </c>
      <c r="CI16" s="71">
        <v>16</v>
      </c>
      <c r="CJ16" s="71">
        <v>9</v>
      </c>
      <c r="CK16" s="72">
        <v>73</v>
      </c>
      <c r="CL16" s="73">
        <v>110</v>
      </c>
      <c r="CM16" s="70">
        <v>709</v>
      </c>
      <c r="CN16" s="71">
        <v>591</v>
      </c>
      <c r="CO16" s="72">
        <v>1300</v>
      </c>
      <c r="CP16" s="241"/>
      <c r="CQ16" s="71">
        <v>685</v>
      </c>
      <c r="CR16" s="71">
        <v>639</v>
      </c>
      <c r="CS16" s="71">
        <v>491</v>
      </c>
      <c r="CT16" s="71">
        <v>442</v>
      </c>
      <c r="CU16" s="71">
        <v>227</v>
      </c>
      <c r="CV16" s="72">
        <v>2484</v>
      </c>
      <c r="CW16" s="73">
        <v>3784</v>
      </c>
      <c r="CX16" s="123">
        <v>1328</v>
      </c>
      <c r="CY16" s="82">
        <v>1278</v>
      </c>
      <c r="CZ16" s="83">
        <v>2606</v>
      </c>
      <c r="DA16" s="241"/>
      <c r="DB16" s="82">
        <v>1401</v>
      </c>
      <c r="DC16" s="82">
        <v>1049</v>
      </c>
      <c r="DD16" s="82">
        <v>940</v>
      </c>
      <c r="DE16" s="82">
        <v>1002</v>
      </c>
      <c r="DF16" s="82">
        <v>682</v>
      </c>
      <c r="DG16" s="84">
        <v>5074</v>
      </c>
      <c r="DH16" s="85">
        <v>7680</v>
      </c>
      <c r="DI16" s="86">
        <v>30</v>
      </c>
      <c r="DJ16" s="71">
        <v>36</v>
      </c>
      <c r="DK16" s="72">
        <v>66</v>
      </c>
      <c r="DL16" s="241"/>
      <c r="DM16" s="71">
        <v>17</v>
      </c>
      <c r="DN16" s="71">
        <v>18</v>
      </c>
      <c r="DO16" s="71">
        <v>16</v>
      </c>
      <c r="DP16" s="71">
        <v>13</v>
      </c>
      <c r="DQ16" s="71">
        <v>12</v>
      </c>
      <c r="DR16" s="72">
        <v>76</v>
      </c>
      <c r="DS16" s="73">
        <v>142</v>
      </c>
      <c r="DT16" s="70">
        <v>78</v>
      </c>
      <c r="DU16" s="71">
        <v>97</v>
      </c>
      <c r="DV16" s="72">
        <v>175</v>
      </c>
      <c r="DW16" s="241"/>
      <c r="DX16" s="71">
        <v>60</v>
      </c>
      <c r="DY16" s="71">
        <v>51</v>
      </c>
      <c r="DZ16" s="71">
        <v>41</v>
      </c>
      <c r="EA16" s="71">
        <v>48</v>
      </c>
      <c r="EB16" s="71">
        <v>45</v>
      </c>
      <c r="EC16" s="72">
        <v>245</v>
      </c>
      <c r="ED16" s="73">
        <v>420</v>
      </c>
      <c r="EE16" s="86">
        <v>196</v>
      </c>
      <c r="EF16" s="71">
        <v>195</v>
      </c>
      <c r="EG16" s="72">
        <v>391</v>
      </c>
      <c r="EH16" s="241"/>
      <c r="EI16" s="71">
        <v>129</v>
      </c>
      <c r="EJ16" s="71">
        <v>106</v>
      </c>
      <c r="EK16" s="71">
        <v>83</v>
      </c>
      <c r="EL16" s="71">
        <v>82</v>
      </c>
      <c r="EM16" s="71">
        <v>64</v>
      </c>
      <c r="EN16" s="72">
        <v>464</v>
      </c>
      <c r="EO16" s="73">
        <v>855</v>
      </c>
      <c r="EP16" s="70">
        <v>370</v>
      </c>
      <c r="EQ16" s="71">
        <v>324</v>
      </c>
      <c r="ER16" s="72">
        <v>694</v>
      </c>
      <c r="ES16" s="241"/>
      <c r="ET16" s="71">
        <v>334</v>
      </c>
      <c r="EU16" s="71">
        <v>204</v>
      </c>
      <c r="EV16" s="71">
        <v>157</v>
      </c>
      <c r="EW16" s="71">
        <v>156</v>
      </c>
      <c r="EX16" s="71">
        <v>120</v>
      </c>
      <c r="EY16" s="72">
        <v>971</v>
      </c>
      <c r="EZ16" s="73">
        <v>1665</v>
      </c>
      <c r="FA16" s="86">
        <v>412</v>
      </c>
      <c r="FB16" s="71">
        <v>359</v>
      </c>
      <c r="FC16" s="72">
        <v>771</v>
      </c>
      <c r="FD16" s="241"/>
      <c r="FE16" s="71">
        <v>426</v>
      </c>
      <c r="FF16" s="71">
        <v>330</v>
      </c>
      <c r="FG16" s="71">
        <v>271</v>
      </c>
      <c r="FH16" s="71">
        <v>276</v>
      </c>
      <c r="FI16" s="71">
        <v>156</v>
      </c>
      <c r="FJ16" s="72">
        <v>1459</v>
      </c>
      <c r="FK16" s="73">
        <v>2230</v>
      </c>
      <c r="FL16" s="70">
        <v>242</v>
      </c>
      <c r="FM16" s="71">
        <v>267</v>
      </c>
      <c r="FN16" s="72">
        <v>509</v>
      </c>
      <c r="FO16" s="241"/>
      <c r="FP16" s="71">
        <v>435</v>
      </c>
      <c r="FQ16" s="71">
        <v>340</v>
      </c>
      <c r="FR16" s="71">
        <v>372</v>
      </c>
      <c r="FS16" s="71">
        <v>427</v>
      </c>
      <c r="FT16" s="71">
        <v>285</v>
      </c>
      <c r="FU16" s="72">
        <v>1859</v>
      </c>
      <c r="FV16" s="73">
        <v>2368</v>
      </c>
      <c r="FW16" s="70">
        <v>20</v>
      </c>
      <c r="FX16" s="71">
        <v>22</v>
      </c>
      <c r="FY16" s="72">
        <v>42</v>
      </c>
      <c r="FZ16" s="244"/>
      <c r="GA16" s="71">
        <v>13</v>
      </c>
      <c r="GB16" s="71">
        <v>11</v>
      </c>
      <c r="GC16" s="71">
        <v>9</v>
      </c>
      <c r="GD16" s="71">
        <v>20</v>
      </c>
      <c r="GE16" s="71">
        <v>7</v>
      </c>
      <c r="GF16" s="72">
        <v>60</v>
      </c>
      <c r="GG16" s="73">
        <v>102</v>
      </c>
      <c r="GH16" s="70">
        <v>1348</v>
      </c>
      <c r="GI16" s="71">
        <v>1300</v>
      </c>
      <c r="GJ16" s="72">
        <v>2648</v>
      </c>
      <c r="GK16" s="244"/>
      <c r="GL16" s="71">
        <v>1414</v>
      </c>
      <c r="GM16" s="71">
        <v>1060</v>
      </c>
      <c r="GN16" s="71">
        <v>949</v>
      </c>
      <c r="GO16" s="71">
        <v>1022</v>
      </c>
      <c r="GP16" s="71">
        <v>689</v>
      </c>
      <c r="GQ16" s="72">
        <v>5134</v>
      </c>
      <c r="GR16" s="73">
        <v>7782</v>
      </c>
      <c r="GS16" s="123">
        <v>2024</v>
      </c>
      <c r="GT16" s="82">
        <v>1845</v>
      </c>
      <c r="GU16" s="83">
        <v>3869</v>
      </c>
      <c r="GV16" s="241"/>
      <c r="GW16" s="82">
        <v>2075</v>
      </c>
      <c r="GX16" s="82">
        <v>1667</v>
      </c>
      <c r="GY16" s="82">
        <v>1415</v>
      </c>
      <c r="GZ16" s="82">
        <v>1428</v>
      </c>
      <c r="HA16" s="82">
        <v>900</v>
      </c>
      <c r="HB16" s="84">
        <v>7485</v>
      </c>
      <c r="HC16" s="85">
        <v>11354</v>
      </c>
      <c r="HD16" s="86">
        <v>53</v>
      </c>
      <c r="HE16" s="71">
        <v>64</v>
      </c>
      <c r="HF16" s="72">
        <v>117</v>
      </c>
      <c r="HG16" s="241"/>
      <c r="HH16" s="71">
        <v>32</v>
      </c>
      <c r="HI16" s="71">
        <v>52</v>
      </c>
      <c r="HJ16" s="71">
        <v>38</v>
      </c>
      <c r="HK16" s="71">
        <v>35</v>
      </c>
      <c r="HL16" s="71">
        <v>26</v>
      </c>
      <c r="HM16" s="72">
        <v>183</v>
      </c>
      <c r="HN16" s="73">
        <v>300</v>
      </c>
      <c r="HO16" s="70">
        <v>135</v>
      </c>
      <c r="HP16" s="71">
        <v>155</v>
      </c>
      <c r="HQ16" s="72">
        <v>290</v>
      </c>
      <c r="HR16" s="241"/>
      <c r="HS16" s="71">
        <v>113</v>
      </c>
      <c r="HT16" s="71">
        <v>96</v>
      </c>
      <c r="HU16" s="71">
        <v>86</v>
      </c>
      <c r="HV16" s="71">
        <v>83</v>
      </c>
      <c r="HW16" s="71">
        <v>68</v>
      </c>
      <c r="HX16" s="72">
        <v>446</v>
      </c>
      <c r="HY16" s="73">
        <v>736</v>
      </c>
      <c r="HZ16" s="86">
        <v>287</v>
      </c>
      <c r="IA16" s="71">
        <v>302</v>
      </c>
      <c r="IB16" s="72">
        <v>589</v>
      </c>
      <c r="IC16" s="241"/>
      <c r="ID16" s="71">
        <v>204</v>
      </c>
      <c r="IE16" s="71">
        <v>189</v>
      </c>
      <c r="IF16" s="71">
        <v>159</v>
      </c>
      <c r="IG16" s="71">
        <v>138</v>
      </c>
      <c r="IH16" s="71">
        <v>110</v>
      </c>
      <c r="II16" s="72">
        <v>800</v>
      </c>
      <c r="IJ16" s="73">
        <v>1389</v>
      </c>
      <c r="IK16" s="70">
        <v>550</v>
      </c>
      <c r="IL16" s="71">
        <v>457</v>
      </c>
      <c r="IM16" s="72">
        <v>1007</v>
      </c>
      <c r="IN16" s="241"/>
      <c r="IO16" s="71">
        <v>502</v>
      </c>
      <c r="IP16" s="71">
        <v>369</v>
      </c>
      <c r="IQ16" s="71">
        <v>257</v>
      </c>
      <c r="IR16" s="71">
        <v>251</v>
      </c>
      <c r="IS16" s="71">
        <v>175</v>
      </c>
      <c r="IT16" s="72">
        <v>1554</v>
      </c>
      <c r="IU16" s="73">
        <v>2561</v>
      </c>
      <c r="IV16" s="86">
        <v>628</v>
      </c>
      <c r="IW16" s="71">
        <v>488</v>
      </c>
      <c r="IX16" s="72">
        <v>1116</v>
      </c>
      <c r="IY16" s="241"/>
      <c r="IZ16" s="71">
        <v>636</v>
      </c>
      <c r="JA16" s="71">
        <v>494</v>
      </c>
      <c r="JB16" s="71">
        <v>405</v>
      </c>
      <c r="JC16" s="71">
        <v>396</v>
      </c>
      <c r="JD16" s="71">
        <v>208</v>
      </c>
      <c r="JE16" s="72">
        <v>2139</v>
      </c>
      <c r="JF16" s="73">
        <v>3255</v>
      </c>
      <c r="JG16" s="70">
        <v>371</v>
      </c>
      <c r="JH16" s="71">
        <v>379</v>
      </c>
      <c r="JI16" s="72">
        <v>750</v>
      </c>
      <c r="JJ16" s="244"/>
      <c r="JK16" s="71">
        <v>588</v>
      </c>
      <c r="JL16" s="71">
        <v>467</v>
      </c>
      <c r="JM16" s="71">
        <v>470</v>
      </c>
      <c r="JN16" s="71">
        <v>525</v>
      </c>
      <c r="JO16" s="71">
        <v>313</v>
      </c>
      <c r="JP16" s="72">
        <v>2363</v>
      </c>
      <c r="JQ16" s="73">
        <v>3113</v>
      </c>
      <c r="JR16" s="70">
        <v>33</v>
      </c>
      <c r="JS16" s="71">
        <v>46</v>
      </c>
      <c r="JT16" s="72">
        <v>79</v>
      </c>
      <c r="JU16" s="244"/>
      <c r="JV16" s="71">
        <v>24</v>
      </c>
      <c r="JW16" s="71">
        <v>32</v>
      </c>
      <c r="JX16" s="71">
        <v>25</v>
      </c>
      <c r="JY16" s="71">
        <v>36</v>
      </c>
      <c r="JZ16" s="71">
        <v>16</v>
      </c>
      <c r="KA16" s="72">
        <v>133</v>
      </c>
      <c r="KB16" s="73">
        <v>212</v>
      </c>
      <c r="KC16" s="70">
        <v>2057</v>
      </c>
      <c r="KD16" s="71">
        <v>1891</v>
      </c>
      <c r="KE16" s="72">
        <v>3948</v>
      </c>
      <c r="KF16" s="244"/>
      <c r="KG16" s="71">
        <v>2099</v>
      </c>
      <c r="KH16" s="71">
        <v>1699</v>
      </c>
      <c r="KI16" s="71">
        <v>1440</v>
      </c>
      <c r="KJ16" s="71">
        <v>1464</v>
      </c>
      <c r="KK16" s="71">
        <v>916</v>
      </c>
      <c r="KL16" s="72">
        <v>7618</v>
      </c>
      <c r="KM16" s="73">
        <v>11566</v>
      </c>
    </row>
    <row r="17" spans="2:299" ht="19.5" customHeight="1" x14ac:dyDescent="0.2">
      <c r="B17" s="126" t="s">
        <v>13</v>
      </c>
      <c r="C17" s="315">
        <v>147</v>
      </c>
      <c r="D17" s="82">
        <v>188</v>
      </c>
      <c r="E17" s="83">
        <v>335</v>
      </c>
      <c r="F17" s="241"/>
      <c r="G17" s="82">
        <v>304</v>
      </c>
      <c r="H17" s="82">
        <v>249</v>
      </c>
      <c r="I17" s="82">
        <v>179</v>
      </c>
      <c r="J17" s="82">
        <v>161</v>
      </c>
      <c r="K17" s="82">
        <v>95</v>
      </c>
      <c r="L17" s="84">
        <v>988</v>
      </c>
      <c r="M17" s="85">
        <v>1323</v>
      </c>
      <c r="N17" s="70">
        <v>2</v>
      </c>
      <c r="O17" s="71">
        <v>1</v>
      </c>
      <c r="P17" s="72">
        <v>3</v>
      </c>
      <c r="Q17" s="241"/>
      <c r="R17" s="71">
        <v>17</v>
      </c>
      <c r="S17" s="71">
        <v>7</v>
      </c>
      <c r="T17" s="71">
        <v>7</v>
      </c>
      <c r="U17" s="71">
        <v>8</v>
      </c>
      <c r="V17" s="71">
        <v>3</v>
      </c>
      <c r="W17" s="72">
        <v>42</v>
      </c>
      <c r="X17" s="73">
        <v>45</v>
      </c>
      <c r="Y17" s="70">
        <v>12</v>
      </c>
      <c r="Z17" s="71">
        <v>11</v>
      </c>
      <c r="AA17" s="72">
        <v>23</v>
      </c>
      <c r="AB17" s="241"/>
      <c r="AC17" s="71">
        <v>26</v>
      </c>
      <c r="AD17" s="71">
        <v>20</v>
      </c>
      <c r="AE17" s="71">
        <v>12</v>
      </c>
      <c r="AF17" s="71">
        <v>13</v>
      </c>
      <c r="AG17" s="71">
        <v>14</v>
      </c>
      <c r="AH17" s="72">
        <v>85</v>
      </c>
      <c r="AI17" s="73">
        <v>108</v>
      </c>
      <c r="AJ17" s="70">
        <v>18</v>
      </c>
      <c r="AK17" s="71">
        <v>17</v>
      </c>
      <c r="AL17" s="72">
        <v>35</v>
      </c>
      <c r="AM17" s="241"/>
      <c r="AN17" s="71">
        <v>32</v>
      </c>
      <c r="AO17" s="71">
        <v>35</v>
      </c>
      <c r="AP17" s="71">
        <v>23</v>
      </c>
      <c r="AQ17" s="71">
        <v>18</v>
      </c>
      <c r="AR17" s="71">
        <v>12</v>
      </c>
      <c r="AS17" s="72">
        <v>120</v>
      </c>
      <c r="AT17" s="73">
        <v>155</v>
      </c>
      <c r="AU17" s="70">
        <v>29</v>
      </c>
      <c r="AV17" s="71">
        <v>66</v>
      </c>
      <c r="AW17" s="72">
        <v>95</v>
      </c>
      <c r="AX17" s="241"/>
      <c r="AY17" s="71">
        <v>68</v>
      </c>
      <c r="AZ17" s="71">
        <v>39</v>
      </c>
      <c r="BA17" s="71">
        <v>36</v>
      </c>
      <c r="BB17" s="71">
        <v>34</v>
      </c>
      <c r="BC17" s="71">
        <v>25</v>
      </c>
      <c r="BD17" s="72">
        <v>202</v>
      </c>
      <c r="BE17" s="73">
        <v>297</v>
      </c>
      <c r="BF17" s="70">
        <v>53</v>
      </c>
      <c r="BG17" s="71">
        <v>56</v>
      </c>
      <c r="BH17" s="72">
        <v>109</v>
      </c>
      <c r="BI17" s="241"/>
      <c r="BJ17" s="71">
        <v>88</v>
      </c>
      <c r="BK17" s="71">
        <v>81</v>
      </c>
      <c r="BL17" s="71">
        <v>56</v>
      </c>
      <c r="BM17" s="71">
        <v>52</v>
      </c>
      <c r="BN17" s="71">
        <v>19</v>
      </c>
      <c r="BO17" s="72">
        <v>296</v>
      </c>
      <c r="BP17" s="73">
        <v>405</v>
      </c>
      <c r="BQ17" s="70">
        <v>33</v>
      </c>
      <c r="BR17" s="71">
        <v>37</v>
      </c>
      <c r="BS17" s="72">
        <v>70</v>
      </c>
      <c r="BT17" s="241"/>
      <c r="BU17" s="71">
        <v>73</v>
      </c>
      <c r="BV17" s="71">
        <v>67</v>
      </c>
      <c r="BW17" s="71">
        <v>45</v>
      </c>
      <c r="BX17" s="71">
        <v>36</v>
      </c>
      <c r="BY17" s="71">
        <v>22</v>
      </c>
      <c r="BZ17" s="72">
        <v>243</v>
      </c>
      <c r="CA17" s="73">
        <v>313</v>
      </c>
      <c r="CB17" s="70">
        <v>4</v>
      </c>
      <c r="CC17" s="71">
        <v>3</v>
      </c>
      <c r="CD17" s="72">
        <v>7</v>
      </c>
      <c r="CE17" s="241"/>
      <c r="CF17" s="71">
        <v>7</v>
      </c>
      <c r="CG17" s="71">
        <v>6</v>
      </c>
      <c r="CH17" s="71">
        <v>10</v>
      </c>
      <c r="CI17" s="71">
        <v>2</v>
      </c>
      <c r="CJ17" s="71">
        <v>7</v>
      </c>
      <c r="CK17" s="72">
        <v>32</v>
      </c>
      <c r="CL17" s="73">
        <v>39</v>
      </c>
      <c r="CM17" s="70">
        <v>151</v>
      </c>
      <c r="CN17" s="71">
        <v>191</v>
      </c>
      <c r="CO17" s="72">
        <v>342</v>
      </c>
      <c r="CP17" s="241"/>
      <c r="CQ17" s="71">
        <v>311</v>
      </c>
      <c r="CR17" s="71">
        <v>255</v>
      </c>
      <c r="CS17" s="71">
        <v>189</v>
      </c>
      <c r="CT17" s="71">
        <v>163</v>
      </c>
      <c r="CU17" s="71">
        <v>102</v>
      </c>
      <c r="CV17" s="72">
        <v>1020</v>
      </c>
      <c r="CW17" s="73">
        <v>1362</v>
      </c>
      <c r="CX17" s="123">
        <v>377</v>
      </c>
      <c r="CY17" s="82">
        <v>420</v>
      </c>
      <c r="CZ17" s="83">
        <v>797</v>
      </c>
      <c r="DA17" s="241"/>
      <c r="DB17" s="82">
        <v>602</v>
      </c>
      <c r="DC17" s="82">
        <v>469</v>
      </c>
      <c r="DD17" s="82">
        <v>344</v>
      </c>
      <c r="DE17" s="82">
        <v>374</v>
      </c>
      <c r="DF17" s="82">
        <v>297</v>
      </c>
      <c r="DG17" s="84">
        <v>2086</v>
      </c>
      <c r="DH17" s="85">
        <v>2883</v>
      </c>
      <c r="DI17" s="70">
        <v>4</v>
      </c>
      <c r="DJ17" s="71">
        <v>6</v>
      </c>
      <c r="DK17" s="72">
        <v>10</v>
      </c>
      <c r="DL17" s="241"/>
      <c r="DM17" s="71">
        <v>8</v>
      </c>
      <c r="DN17" s="71">
        <v>7</v>
      </c>
      <c r="DO17" s="71">
        <v>3</v>
      </c>
      <c r="DP17" s="71">
        <v>5</v>
      </c>
      <c r="DQ17" s="71">
        <v>3</v>
      </c>
      <c r="DR17" s="72">
        <v>26</v>
      </c>
      <c r="DS17" s="73">
        <v>36</v>
      </c>
      <c r="DT17" s="70">
        <v>15</v>
      </c>
      <c r="DU17" s="71">
        <v>33</v>
      </c>
      <c r="DV17" s="72">
        <v>48</v>
      </c>
      <c r="DW17" s="241"/>
      <c r="DX17" s="71">
        <v>27</v>
      </c>
      <c r="DY17" s="71">
        <v>23</v>
      </c>
      <c r="DZ17" s="71">
        <v>13</v>
      </c>
      <c r="EA17" s="71">
        <v>13</v>
      </c>
      <c r="EB17" s="71">
        <v>14</v>
      </c>
      <c r="EC17" s="72">
        <v>90</v>
      </c>
      <c r="ED17" s="73">
        <v>138</v>
      </c>
      <c r="EE17" s="70">
        <v>39</v>
      </c>
      <c r="EF17" s="71">
        <v>42</v>
      </c>
      <c r="EG17" s="72">
        <v>81</v>
      </c>
      <c r="EH17" s="241"/>
      <c r="EI17" s="71">
        <v>81</v>
      </c>
      <c r="EJ17" s="71">
        <v>46</v>
      </c>
      <c r="EK17" s="71">
        <v>29</v>
      </c>
      <c r="EL17" s="71">
        <v>22</v>
      </c>
      <c r="EM17" s="71">
        <v>29</v>
      </c>
      <c r="EN17" s="72">
        <v>207</v>
      </c>
      <c r="EO17" s="73">
        <v>288</v>
      </c>
      <c r="EP17" s="70">
        <v>111</v>
      </c>
      <c r="EQ17" s="71">
        <v>106</v>
      </c>
      <c r="ER17" s="72">
        <v>217</v>
      </c>
      <c r="ES17" s="241"/>
      <c r="ET17" s="71">
        <v>127</v>
      </c>
      <c r="EU17" s="71">
        <v>78</v>
      </c>
      <c r="EV17" s="71">
        <v>50</v>
      </c>
      <c r="EW17" s="71">
        <v>52</v>
      </c>
      <c r="EX17" s="71">
        <v>48</v>
      </c>
      <c r="EY17" s="72">
        <v>355</v>
      </c>
      <c r="EZ17" s="73">
        <v>572</v>
      </c>
      <c r="FA17" s="70">
        <v>120</v>
      </c>
      <c r="FB17" s="71">
        <v>133</v>
      </c>
      <c r="FC17" s="72">
        <v>253</v>
      </c>
      <c r="FD17" s="241"/>
      <c r="FE17" s="71">
        <v>193</v>
      </c>
      <c r="FF17" s="71">
        <v>140</v>
      </c>
      <c r="FG17" s="71">
        <v>92</v>
      </c>
      <c r="FH17" s="71">
        <v>98</v>
      </c>
      <c r="FI17" s="71">
        <v>73</v>
      </c>
      <c r="FJ17" s="72">
        <v>596</v>
      </c>
      <c r="FK17" s="73">
        <v>849</v>
      </c>
      <c r="FL17" s="70">
        <v>88</v>
      </c>
      <c r="FM17" s="71">
        <v>100</v>
      </c>
      <c r="FN17" s="72">
        <v>188</v>
      </c>
      <c r="FO17" s="241"/>
      <c r="FP17" s="71">
        <v>166</v>
      </c>
      <c r="FQ17" s="71">
        <v>175</v>
      </c>
      <c r="FR17" s="71">
        <v>157</v>
      </c>
      <c r="FS17" s="71">
        <v>184</v>
      </c>
      <c r="FT17" s="71">
        <v>130</v>
      </c>
      <c r="FU17" s="72">
        <v>812</v>
      </c>
      <c r="FV17" s="73">
        <v>1000</v>
      </c>
      <c r="FW17" s="70">
        <v>2</v>
      </c>
      <c r="FX17" s="71">
        <v>1</v>
      </c>
      <c r="FY17" s="72">
        <v>3</v>
      </c>
      <c r="FZ17" s="244"/>
      <c r="GA17" s="71">
        <v>6</v>
      </c>
      <c r="GB17" s="71">
        <v>5</v>
      </c>
      <c r="GC17" s="71">
        <v>8</v>
      </c>
      <c r="GD17" s="71">
        <v>5</v>
      </c>
      <c r="GE17" s="71">
        <v>4</v>
      </c>
      <c r="GF17" s="72">
        <v>28</v>
      </c>
      <c r="GG17" s="73">
        <v>31</v>
      </c>
      <c r="GH17" s="70">
        <v>379</v>
      </c>
      <c r="GI17" s="71">
        <v>421</v>
      </c>
      <c r="GJ17" s="72">
        <v>800</v>
      </c>
      <c r="GK17" s="244"/>
      <c r="GL17" s="71">
        <v>608</v>
      </c>
      <c r="GM17" s="71">
        <v>474</v>
      </c>
      <c r="GN17" s="71">
        <v>352</v>
      </c>
      <c r="GO17" s="71">
        <v>379</v>
      </c>
      <c r="GP17" s="71">
        <v>301</v>
      </c>
      <c r="GQ17" s="72">
        <v>2114</v>
      </c>
      <c r="GR17" s="73">
        <v>2914</v>
      </c>
      <c r="GS17" s="123">
        <v>524</v>
      </c>
      <c r="GT17" s="82">
        <v>608</v>
      </c>
      <c r="GU17" s="83">
        <v>1132</v>
      </c>
      <c r="GV17" s="241"/>
      <c r="GW17" s="82">
        <v>906</v>
      </c>
      <c r="GX17" s="82">
        <v>718</v>
      </c>
      <c r="GY17" s="82">
        <v>523</v>
      </c>
      <c r="GZ17" s="82">
        <v>535</v>
      </c>
      <c r="HA17" s="82">
        <v>392</v>
      </c>
      <c r="HB17" s="84">
        <v>3074</v>
      </c>
      <c r="HC17" s="85">
        <v>4206</v>
      </c>
      <c r="HD17" s="70">
        <v>6</v>
      </c>
      <c r="HE17" s="71">
        <v>7</v>
      </c>
      <c r="HF17" s="72">
        <v>13</v>
      </c>
      <c r="HG17" s="241"/>
      <c r="HH17" s="71">
        <v>25</v>
      </c>
      <c r="HI17" s="71">
        <v>14</v>
      </c>
      <c r="HJ17" s="71">
        <v>10</v>
      </c>
      <c r="HK17" s="71">
        <v>13</v>
      </c>
      <c r="HL17" s="71">
        <v>6</v>
      </c>
      <c r="HM17" s="72">
        <v>68</v>
      </c>
      <c r="HN17" s="73">
        <v>81</v>
      </c>
      <c r="HO17" s="70">
        <v>27</v>
      </c>
      <c r="HP17" s="71">
        <v>44</v>
      </c>
      <c r="HQ17" s="72">
        <v>71</v>
      </c>
      <c r="HR17" s="241"/>
      <c r="HS17" s="71">
        <v>53</v>
      </c>
      <c r="HT17" s="71">
        <v>43</v>
      </c>
      <c r="HU17" s="71">
        <v>25</v>
      </c>
      <c r="HV17" s="71">
        <v>26</v>
      </c>
      <c r="HW17" s="71">
        <v>28</v>
      </c>
      <c r="HX17" s="72">
        <v>175</v>
      </c>
      <c r="HY17" s="73">
        <v>246</v>
      </c>
      <c r="HZ17" s="70">
        <v>57</v>
      </c>
      <c r="IA17" s="71">
        <v>59</v>
      </c>
      <c r="IB17" s="72">
        <v>116</v>
      </c>
      <c r="IC17" s="241"/>
      <c r="ID17" s="71">
        <v>113</v>
      </c>
      <c r="IE17" s="71">
        <v>81</v>
      </c>
      <c r="IF17" s="71">
        <v>52</v>
      </c>
      <c r="IG17" s="71">
        <v>40</v>
      </c>
      <c r="IH17" s="71">
        <v>41</v>
      </c>
      <c r="II17" s="72">
        <v>327</v>
      </c>
      <c r="IJ17" s="73">
        <v>443</v>
      </c>
      <c r="IK17" s="70">
        <v>140</v>
      </c>
      <c r="IL17" s="71">
        <v>172</v>
      </c>
      <c r="IM17" s="72">
        <v>312</v>
      </c>
      <c r="IN17" s="241"/>
      <c r="IO17" s="71">
        <v>195</v>
      </c>
      <c r="IP17" s="71">
        <v>117</v>
      </c>
      <c r="IQ17" s="71">
        <v>86</v>
      </c>
      <c r="IR17" s="71">
        <v>86</v>
      </c>
      <c r="IS17" s="71">
        <v>73</v>
      </c>
      <c r="IT17" s="72">
        <v>557</v>
      </c>
      <c r="IU17" s="73">
        <v>869</v>
      </c>
      <c r="IV17" s="70">
        <v>173</v>
      </c>
      <c r="IW17" s="71">
        <v>189</v>
      </c>
      <c r="IX17" s="72">
        <v>362</v>
      </c>
      <c r="IY17" s="241"/>
      <c r="IZ17" s="71">
        <v>281</v>
      </c>
      <c r="JA17" s="71">
        <v>221</v>
      </c>
      <c r="JB17" s="71">
        <v>148</v>
      </c>
      <c r="JC17" s="71">
        <v>150</v>
      </c>
      <c r="JD17" s="71">
        <v>92</v>
      </c>
      <c r="JE17" s="72">
        <v>892</v>
      </c>
      <c r="JF17" s="73">
        <v>1254</v>
      </c>
      <c r="JG17" s="70">
        <v>121</v>
      </c>
      <c r="JH17" s="71">
        <v>137</v>
      </c>
      <c r="JI17" s="72">
        <v>258</v>
      </c>
      <c r="JJ17" s="244"/>
      <c r="JK17" s="71">
        <v>239</v>
      </c>
      <c r="JL17" s="71">
        <v>242</v>
      </c>
      <c r="JM17" s="71">
        <v>202</v>
      </c>
      <c r="JN17" s="71">
        <v>220</v>
      </c>
      <c r="JO17" s="71">
        <v>152</v>
      </c>
      <c r="JP17" s="72">
        <v>1055</v>
      </c>
      <c r="JQ17" s="73">
        <v>1313</v>
      </c>
      <c r="JR17" s="70">
        <v>6</v>
      </c>
      <c r="JS17" s="71">
        <v>4</v>
      </c>
      <c r="JT17" s="72">
        <v>10</v>
      </c>
      <c r="JU17" s="244"/>
      <c r="JV17" s="71">
        <v>13</v>
      </c>
      <c r="JW17" s="71">
        <v>11</v>
      </c>
      <c r="JX17" s="71">
        <v>18</v>
      </c>
      <c r="JY17" s="71">
        <v>7</v>
      </c>
      <c r="JZ17" s="71">
        <v>11</v>
      </c>
      <c r="KA17" s="72">
        <v>60</v>
      </c>
      <c r="KB17" s="73">
        <v>70</v>
      </c>
      <c r="KC17" s="70">
        <v>530</v>
      </c>
      <c r="KD17" s="71">
        <v>612</v>
      </c>
      <c r="KE17" s="72">
        <v>1142</v>
      </c>
      <c r="KF17" s="244"/>
      <c r="KG17" s="71">
        <v>919</v>
      </c>
      <c r="KH17" s="71">
        <v>729</v>
      </c>
      <c r="KI17" s="71">
        <v>541</v>
      </c>
      <c r="KJ17" s="71">
        <v>542</v>
      </c>
      <c r="KK17" s="71">
        <v>403</v>
      </c>
      <c r="KL17" s="72">
        <v>3134</v>
      </c>
      <c r="KM17" s="73">
        <v>4276</v>
      </c>
    </row>
    <row r="18" spans="2:299" ht="19.5" customHeight="1" x14ac:dyDescent="0.2">
      <c r="B18" s="126" t="s">
        <v>15</v>
      </c>
      <c r="C18" s="315">
        <v>109</v>
      </c>
      <c r="D18" s="82">
        <v>142</v>
      </c>
      <c r="E18" s="83">
        <v>251</v>
      </c>
      <c r="F18" s="241"/>
      <c r="G18" s="82">
        <v>246</v>
      </c>
      <c r="H18" s="82">
        <v>226</v>
      </c>
      <c r="I18" s="82">
        <v>154</v>
      </c>
      <c r="J18" s="82">
        <v>132</v>
      </c>
      <c r="K18" s="82">
        <v>74</v>
      </c>
      <c r="L18" s="84">
        <v>832</v>
      </c>
      <c r="M18" s="85">
        <v>1083</v>
      </c>
      <c r="N18" s="70">
        <v>4</v>
      </c>
      <c r="O18" s="71">
        <v>5</v>
      </c>
      <c r="P18" s="72">
        <v>9</v>
      </c>
      <c r="Q18" s="241"/>
      <c r="R18" s="71">
        <v>11</v>
      </c>
      <c r="S18" s="71">
        <v>8</v>
      </c>
      <c r="T18" s="71">
        <v>12</v>
      </c>
      <c r="U18" s="71">
        <v>6</v>
      </c>
      <c r="V18" s="71">
        <v>6</v>
      </c>
      <c r="W18" s="72">
        <v>43</v>
      </c>
      <c r="X18" s="73">
        <v>52</v>
      </c>
      <c r="Y18" s="70">
        <v>8</v>
      </c>
      <c r="Z18" s="71">
        <v>12</v>
      </c>
      <c r="AA18" s="72">
        <v>20</v>
      </c>
      <c r="AB18" s="241"/>
      <c r="AC18" s="71">
        <v>31</v>
      </c>
      <c r="AD18" s="71">
        <v>28</v>
      </c>
      <c r="AE18" s="71">
        <v>20</v>
      </c>
      <c r="AF18" s="71">
        <v>18</v>
      </c>
      <c r="AG18" s="71">
        <v>7</v>
      </c>
      <c r="AH18" s="72">
        <v>104</v>
      </c>
      <c r="AI18" s="73">
        <v>124</v>
      </c>
      <c r="AJ18" s="70">
        <v>23</v>
      </c>
      <c r="AK18" s="71">
        <v>24</v>
      </c>
      <c r="AL18" s="72">
        <v>47</v>
      </c>
      <c r="AM18" s="241"/>
      <c r="AN18" s="71">
        <v>48</v>
      </c>
      <c r="AO18" s="71">
        <v>44</v>
      </c>
      <c r="AP18" s="71">
        <v>16</v>
      </c>
      <c r="AQ18" s="71">
        <v>17</v>
      </c>
      <c r="AR18" s="71">
        <v>14</v>
      </c>
      <c r="AS18" s="72">
        <v>139</v>
      </c>
      <c r="AT18" s="73">
        <v>186</v>
      </c>
      <c r="AU18" s="70">
        <v>28</v>
      </c>
      <c r="AV18" s="71">
        <v>38</v>
      </c>
      <c r="AW18" s="72">
        <v>66</v>
      </c>
      <c r="AX18" s="241"/>
      <c r="AY18" s="71">
        <v>58</v>
      </c>
      <c r="AZ18" s="71">
        <v>55</v>
      </c>
      <c r="BA18" s="71">
        <v>37</v>
      </c>
      <c r="BB18" s="71">
        <v>30</v>
      </c>
      <c r="BC18" s="71">
        <v>21</v>
      </c>
      <c r="BD18" s="72">
        <v>201</v>
      </c>
      <c r="BE18" s="73">
        <v>267</v>
      </c>
      <c r="BF18" s="70">
        <v>31</v>
      </c>
      <c r="BG18" s="71">
        <v>40</v>
      </c>
      <c r="BH18" s="72">
        <v>71</v>
      </c>
      <c r="BI18" s="241"/>
      <c r="BJ18" s="71">
        <v>61</v>
      </c>
      <c r="BK18" s="71">
        <v>53</v>
      </c>
      <c r="BL18" s="71">
        <v>35</v>
      </c>
      <c r="BM18" s="71">
        <v>30</v>
      </c>
      <c r="BN18" s="71">
        <v>17</v>
      </c>
      <c r="BO18" s="72">
        <v>196</v>
      </c>
      <c r="BP18" s="73">
        <v>267</v>
      </c>
      <c r="BQ18" s="70">
        <v>15</v>
      </c>
      <c r="BR18" s="71">
        <v>23</v>
      </c>
      <c r="BS18" s="72">
        <v>38</v>
      </c>
      <c r="BT18" s="241"/>
      <c r="BU18" s="71">
        <v>37</v>
      </c>
      <c r="BV18" s="71">
        <v>38</v>
      </c>
      <c r="BW18" s="71">
        <v>34</v>
      </c>
      <c r="BX18" s="71">
        <v>31</v>
      </c>
      <c r="BY18" s="71">
        <v>9</v>
      </c>
      <c r="BZ18" s="72">
        <v>149</v>
      </c>
      <c r="CA18" s="73">
        <v>187</v>
      </c>
      <c r="CB18" s="70">
        <v>2</v>
      </c>
      <c r="CC18" s="71">
        <v>5</v>
      </c>
      <c r="CD18" s="72">
        <v>7</v>
      </c>
      <c r="CE18" s="241"/>
      <c r="CF18" s="71">
        <v>11</v>
      </c>
      <c r="CG18" s="71">
        <v>6</v>
      </c>
      <c r="CH18" s="71">
        <v>2</v>
      </c>
      <c r="CI18" s="71">
        <v>3</v>
      </c>
      <c r="CJ18" s="71">
        <v>5</v>
      </c>
      <c r="CK18" s="72">
        <v>27</v>
      </c>
      <c r="CL18" s="73">
        <v>34</v>
      </c>
      <c r="CM18" s="70">
        <v>111</v>
      </c>
      <c r="CN18" s="71">
        <v>147</v>
      </c>
      <c r="CO18" s="72">
        <v>258</v>
      </c>
      <c r="CP18" s="241"/>
      <c r="CQ18" s="71">
        <v>257</v>
      </c>
      <c r="CR18" s="71">
        <v>232</v>
      </c>
      <c r="CS18" s="71">
        <v>156</v>
      </c>
      <c r="CT18" s="71">
        <v>135</v>
      </c>
      <c r="CU18" s="71">
        <v>79</v>
      </c>
      <c r="CV18" s="72">
        <v>859</v>
      </c>
      <c r="CW18" s="73">
        <v>1117</v>
      </c>
      <c r="CX18" s="123">
        <v>230</v>
      </c>
      <c r="CY18" s="82">
        <v>363</v>
      </c>
      <c r="CZ18" s="83">
        <v>593</v>
      </c>
      <c r="DA18" s="241"/>
      <c r="DB18" s="82">
        <v>427</v>
      </c>
      <c r="DC18" s="82">
        <v>439</v>
      </c>
      <c r="DD18" s="82">
        <v>324</v>
      </c>
      <c r="DE18" s="82">
        <v>320</v>
      </c>
      <c r="DF18" s="82">
        <v>180</v>
      </c>
      <c r="DG18" s="84">
        <v>1690</v>
      </c>
      <c r="DH18" s="85">
        <v>2283</v>
      </c>
      <c r="DI18" s="70">
        <v>6</v>
      </c>
      <c r="DJ18" s="71">
        <v>6</v>
      </c>
      <c r="DK18" s="72">
        <v>12</v>
      </c>
      <c r="DL18" s="241"/>
      <c r="DM18" s="71">
        <v>9</v>
      </c>
      <c r="DN18" s="71">
        <v>10</v>
      </c>
      <c r="DO18" s="71">
        <v>6</v>
      </c>
      <c r="DP18" s="71">
        <v>6</v>
      </c>
      <c r="DQ18" s="71">
        <v>4</v>
      </c>
      <c r="DR18" s="72">
        <v>35</v>
      </c>
      <c r="DS18" s="73">
        <v>47</v>
      </c>
      <c r="DT18" s="70">
        <v>8</v>
      </c>
      <c r="DU18" s="71">
        <v>22</v>
      </c>
      <c r="DV18" s="72">
        <v>30</v>
      </c>
      <c r="DW18" s="241"/>
      <c r="DX18" s="71">
        <v>34</v>
      </c>
      <c r="DY18" s="71">
        <v>34</v>
      </c>
      <c r="DZ18" s="71">
        <v>18</v>
      </c>
      <c r="EA18" s="71">
        <v>6</v>
      </c>
      <c r="EB18" s="71">
        <v>8</v>
      </c>
      <c r="EC18" s="72">
        <v>100</v>
      </c>
      <c r="ED18" s="73">
        <v>130</v>
      </c>
      <c r="EE18" s="70">
        <v>49</v>
      </c>
      <c r="EF18" s="71">
        <v>64</v>
      </c>
      <c r="EG18" s="72">
        <v>113</v>
      </c>
      <c r="EH18" s="241"/>
      <c r="EI18" s="71">
        <v>48</v>
      </c>
      <c r="EJ18" s="71">
        <v>46</v>
      </c>
      <c r="EK18" s="71">
        <v>34</v>
      </c>
      <c r="EL18" s="71">
        <v>20</v>
      </c>
      <c r="EM18" s="71">
        <v>23</v>
      </c>
      <c r="EN18" s="72">
        <v>171</v>
      </c>
      <c r="EO18" s="73">
        <v>284</v>
      </c>
      <c r="EP18" s="70">
        <v>76</v>
      </c>
      <c r="EQ18" s="71">
        <v>102</v>
      </c>
      <c r="ER18" s="72">
        <v>178</v>
      </c>
      <c r="ES18" s="241"/>
      <c r="ET18" s="71">
        <v>106</v>
      </c>
      <c r="EU18" s="71">
        <v>85</v>
      </c>
      <c r="EV18" s="71">
        <v>49</v>
      </c>
      <c r="EW18" s="71">
        <v>42</v>
      </c>
      <c r="EX18" s="71">
        <v>33</v>
      </c>
      <c r="EY18" s="72">
        <v>315</v>
      </c>
      <c r="EZ18" s="73">
        <v>493</v>
      </c>
      <c r="FA18" s="70">
        <v>55</v>
      </c>
      <c r="FB18" s="71">
        <v>105</v>
      </c>
      <c r="FC18" s="72">
        <v>160</v>
      </c>
      <c r="FD18" s="241"/>
      <c r="FE18" s="71">
        <v>128</v>
      </c>
      <c r="FF18" s="71">
        <v>120</v>
      </c>
      <c r="FG18" s="71">
        <v>90</v>
      </c>
      <c r="FH18" s="71">
        <v>92</v>
      </c>
      <c r="FI18" s="71">
        <v>44</v>
      </c>
      <c r="FJ18" s="72">
        <v>474</v>
      </c>
      <c r="FK18" s="73">
        <v>634</v>
      </c>
      <c r="FL18" s="70">
        <v>36</v>
      </c>
      <c r="FM18" s="71">
        <v>64</v>
      </c>
      <c r="FN18" s="72">
        <v>100</v>
      </c>
      <c r="FO18" s="241"/>
      <c r="FP18" s="71">
        <v>102</v>
      </c>
      <c r="FQ18" s="71">
        <v>144</v>
      </c>
      <c r="FR18" s="71">
        <v>127</v>
      </c>
      <c r="FS18" s="71">
        <v>154</v>
      </c>
      <c r="FT18" s="71">
        <v>68</v>
      </c>
      <c r="FU18" s="72">
        <v>595</v>
      </c>
      <c r="FV18" s="73">
        <v>695</v>
      </c>
      <c r="FW18" s="70">
        <v>2</v>
      </c>
      <c r="FX18" s="71">
        <v>6</v>
      </c>
      <c r="FY18" s="72">
        <v>8</v>
      </c>
      <c r="FZ18" s="244"/>
      <c r="GA18" s="71">
        <v>4</v>
      </c>
      <c r="GB18" s="71">
        <v>9</v>
      </c>
      <c r="GC18" s="71">
        <v>0</v>
      </c>
      <c r="GD18" s="71">
        <v>2</v>
      </c>
      <c r="GE18" s="71">
        <v>7</v>
      </c>
      <c r="GF18" s="72">
        <v>22</v>
      </c>
      <c r="GG18" s="73">
        <v>30</v>
      </c>
      <c r="GH18" s="70">
        <v>232</v>
      </c>
      <c r="GI18" s="71">
        <v>369</v>
      </c>
      <c r="GJ18" s="72">
        <v>601</v>
      </c>
      <c r="GK18" s="244"/>
      <c r="GL18" s="71">
        <v>431</v>
      </c>
      <c r="GM18" s="71">
        <v>448</v>
      </c>
      <c r="GN18" s="71">
        <v>324</v>
      </c>
      <c r="GO18" s="71">
        <v>322</v>
      </c>
      <c r="GP18" s="71">
        <v>187</v>
      </c>
      <c r="GQ18" s="72">
        <v>1712</v>
      </c>
      <c r="GR18" s="73">
        <v>2313</v>
      </c>
      <c r="GS18" s="123">
        <v>339</v>
      </c>
      <c r="GT18" s="82">
        <v>505</v>
      </c>
      <c r="GU18" s="83">
        <v>844</v>
      </c>
      <c r="GV18" s="241"/>
      <c r="GW18" s="82">
        <v>673</v>
      </c>
      <c r="GX18" s="82">
        <v>665</v>
      </c>
      <c r="GY18" s="82">
        <v>478</v>
      </c>
      <c r="GZ18" s="82">
        <v>452</v>
      </c>
      <c r="HA18" s="82">
        <v>254</v>
      </c>
      <c r="HB18" s="84">
        <v>2522</v>
      </c>
      <c r="HC18" s="85">
        <v>3366</v>
      </c>
      <c r="HD18" s="70">
        <v>10</v>
      </c>
      <c r="HE18" s="71">
        <v>11</v>
      </c>
      <c r="HF18" s="72">
        <v>21</v>
      </c>
      <c r="HG18" s="241"/>
      <c r="HH18" s="71">
        <v>20</v>
      </c>
      <c r="HI18" s="71">
        <v>18</v>
      </c>
      <c r="HJ18" s="71">
        <v>18</v>
      </c>
      <c r="HK18" s="71">
        <v>12</v>
      </c>
      <c r="HL18" s="71">
        <v>10</v>
      </c>
      <c r="HM18" s="72">
        <v>78</v>
      </c>
      <c r="HN18" s="73">
        <v>99</v>
      </c>
      <c r="HO18" s="70">
        <v>16</v>
      </c>
      <c r="HP18" s="71">
        <v>34</v>
      </c>
      <c r="HQ18" s="72">
        <v>50</v>
      </c>
      <c r="HR18" s="241"/>
      <c r="HS18" s="71">
        <v>65</v>
      </c>
      <c r="HT18" s="71">
        <v>62</v>
      </c>
      <c r="HU18" s="71">
        <v>38</v>
      </c>
      <c r="HV18" s="71">
        <v>24</v>
      </c>
      <c r="HW18" s="71">
        <v>15</v>
      </c>
      <c r="HX18" s="72">
        <v>204</v>
      </c>
      <c r="HY18" s="73">
        <v>254</v>
      </c>
      <c r="HZ18" s="70">
        <v>72</v>
      </c>
      <c r="IA18" s="71">
        <v>88</v>
      </c>
      <c r="IB18" s="72">
        <v>160</v>
      </c>
      <c r="IC18" s="241"/>
      <c r="ID18" s="71">
        <v>96</v>
      </c>
      <c r="IE18" s="71">
        <v>90</v>
      </c>
      <c r="IF18" s="71">
        <v>50</v>
      </c>
      <c r="IG18" s="71">
        <v>37</v>
      </c>
      <c r="IH18" s="71">
        <v>37</v>
      </c>
      <c r="II18" s="72">
        <v>310</v>
      </c>
      <c r="IJ18" s="73">
        <v>470</v>
      </c>
      <c r="IK18" s="70">
        <v>104</v>
      </c>
      <c r="IL18" s="71">
        <v>140</v>
      </c>
      <c r="IM18" s="72">
        <v>244</v>
      </c>
      <c r="IN18" s="241"/>
      <c r="IO18" s="71">
        <v>164</v>
      </c>
      <c r="IP18" s="71">
        <v>140</v>
      </c>
      <c r="IQ18" s="71">
        <v>86</v>
      </c>
      <c r="IR18" s="71">
        <v>72</v>
      </c>
      <c r="IS18" s="71">
        <v>54</v>
      </c>
      <c r="IT18" s="72">
        <v>516</v>
      </c>
      <c r="IU18" s="73">
        <v>760</v>
      </c>
      <c r="IV18" s="70">
        <v>86</v>
      </c>
      <c r="IW18" s="71">
        <v>145</v>
      </c>
      <c r="IX18" s="72">
        <v>231</v>
      </c>
      <c r="IY18" s="241"/>
      <c r="IZ18" s="71">
        <v>189</v>
      </c>
      <c r="JA18" s="71">
        <v>173</v>
      </c>
      <c r="JB18" s="71">
        <v>125</v>
      </c>
      <c r="JC18" s="71">
        <v>122</v>
      </c>
      <c r="JD18" s="71">
        <v>61</v>
      </c>
      <c r="JE18" s="72">
        <v>670</v>
      </c>
      <c r="JF18" s="73">
        <v>901</v>
      </c>
      <c r="JG18" s="70">
        <v>51</v>
      </c>
      <c r="JH18" s="71">
        <v>87</v>
      </c>
      <c r="JI18" s="72">
        <v>138</v>
      </c>
      <c r="JJ18" s="244"/>
      <c r="JK18" s="71">
        <v>139</v>
      </c>
      <c r="JL18" s="71">
        <v>182</v>
      </c>
      <c r="JM18" s="71">
        <v>161</v>
      </c>
      <c r="JN18" s="71">
        <v>185</v>
      </c>
      <c r="JO18" s="71">
        <v>77</v>
      </c>
      <c r="JP18" s="72">
        <v>744</v>
      </c>
      <c r="JQ18" s="73">
        <v>882</v>
      </c>
      <c r="JR18" s="70">
        <v>4</v>
      </c>
      <c r="JS18" s="71">
        <v>11</v>
      </c>
      <c r="JT18" s="72">
        <v>15</v>
      </c>
      <c r="JU18" s="244"/>
      <c r="JV18" s="71">
        <v>15</v>
      </c>
      <c r="JW18" s="71">
        <v>15</v>
      </c>
      <c r="JX18" s="71">
        <v>2</v>
      </c>
      <c r="JY18" s="71">
        <v>5</v>
      </c>
      <c r="JZ18" s="71">
        <v>12</v>
      </c>
      <c r="KA18" s="72">
        <v>49</v>
      </c>
      <c r="KB18" s="73">
        <v>64</v>
      </c>
      <c r="KC18" s="70">
        <v>343</v>
      </c>
      <c r="KD18" s="71">
        <v>516</v>
      </c>
      <c r="KE18" s="72">
        <v>859</v>
      </c>
      <c r="KF18" s="244"/>
      <c r="KG18" s="71">
        <v>688</v>
      </c>
      <c r="KH18" s="71">
        <v>680</v>
      </c>
      <c r="KI18" s="71">
        <v>480</v>
      </c>
      <c r="KJ18" s="71">
        <v>457</v>
      </c>
      <c r="KK18" s="71">
        <v>266</v>
      </c>
      <c r="KL18" s="72">
        <v>2571</v>
      </c>
      <c r="KM18" s="73">
        <v>3430</v>
      </c>
    </row>
    <row r="19" spans="2:299" ht="19.5" customHeight="1" x14ac:dyDescent="0.2">
      <c r="B19" s="126" t="s">
        <v>16</v>
      </c>
      <c r="C19" s="315">
        <v>208</v>
      </c>
      <c r="D19" s="82">
        <v>253</v>
      </c>
      <c r="E19" s="83">
        <v>461</v>
      </c>
      <c r="F19" s="241"/>
      <c r="G19" s="82">
        <v>482</v>
      </c>
      <c r="H19" s="82">
        <v>612</v>
      </c>
      <c r="I19" s="82">
        <v>388</v>
      </c>
      <c r="J19" s="82">
        <v>344</v>
      </c>
      <c r="K19" s="82">
        <v>197</v>
      </c>
      <c r="L19" s="84">
        <v>2023</v>
      </c>
      <c r="M19" s="85">
        <v>2484</v>
      </c>
      <c r="N19" s="70">
        <v>8</v>
      </c>
      <c r="O19" s="71">
        <v>18</v>
      </c>
      <c r="P19" s="72">
        <v>26</v>
      </c>
      <c r="Q19" s="241"/>
      <c r="R19" s="71">
        <v>21</v>
      </c>
      <c r="S19" s="71">
        <v>28</v>
      </c>
      <c r="T19" s="71">
        <v>21</v>
      </c>
      <c r="U19" s="71">
        <v>25</v>
      </c>
      <c r="V19" s="71">
        <v>23</v>
      </c>
      <c r="W19" s="72">
        <v>118</v>
      </c>
      <c r="X19" s="73">
        <v>144</v>
      </c>
      <c r="Y19" s="70">
        <v>33</v>
      </c>
      <c r="Z19" s="71">
        <v>44</v>
      </c>
      <c r="AA19" s="72">
        <v>77</v>
      </c>
      <c r="AB19" s="241"/>
      <c r="AC19" s="71">
        <v>63</v>
      </c>
      <c r="AD19" s="71">
        <v>86</v>
      </c>
      <c r="AE19" s="71">
        <v>49</v>
      </c>
      <c r="AF19" s="71">
        <v>45</v>
      </c>
      <c r="AG19" s="71">
        <v>28</v>
      </c>
      <c r="AH19" s="72">
        <v>271</v>
      </c>
      <c r="AI19" s="73">
        <v>348</v>
      </c>
      <c r="AJ19" s="70">
        <v>44</v>
      </c>
      <c r="AK19" s="71">
        <v>47</v>
      </c>
      <c r="AL19" s="72">
        <v>91</v>
      </c>
      <c r="AM19" s="241"/>
      <c r="AN19" s="71">
        <v>88</v>
      </c>
      <c r="AO19" s="71">
        <v>102</v>
      </c>
      <c r="AP19" s="71">
        <v>62</v>
      </c>
      <c r="AQ19" s="71">
        <v>61</v>
      </c>
      <c r="AR19" s="71">
        <v>34</v>
      </c>
      <c r="AS19" s="72">
        <v>347</v>
      </c>
      <c r="AT19" s="73">
        <v>438</v>
      </c>
      <c r="AU19" s="70">
        <v>45</v>
      </c>
      <c r="AV19" s="71">
        <v>55</v>
      </c>
      <c r="AW19" s="72">
        <v>100</v>
      </c>
      <c r="AX19" s="241"/>
      <c r="AY19" s="71">
        <v>122</v>
      </c>
      <c r="AZ19" s="71">
        <v>163</v>
      </c>
      <c r="BA19" s="71">
        <v>85</v>
      </c>
      <c r="BB19" s="71">
        <v>78</v>
      </c>
      <c r="BC19" s="71">
        <v>52</v>
      </c>
      <c r="BD19" s="72">
        <v>500</v>
      </c>
      <c r="BE19" s="73">
        <v>600</v>
      </c>
      <c r="BF19" s="70">
        <v>56</v>
      </c>
      <c r="BG19" s="71">
        <v>51</v>
      </c>
      <c r="BH19" s="72">
        <v>107</v>
      </c>
      <c r="BI19" s="241"/>
      <c r="BJ19" s="71">
        <v>112</v>
      </c>
      <c r="BK19" s="71">
        <v>134</v>
      </c>
      <c r="BL19" s="71">
        <v>95</v>
      </c>
      <c r="BM19" s="71">
        <v>63</v>
      </c>
      <c r="BN19" s="71">
        <v>29</v>
      </c>
      <c r="BO19" s="72">
        <v>433</v>
      </c>
      <c r="BP19" s="73">
        <v>540</v>
      </c>
      <c r="BQ19" s="70">
        <v>22</v>
      </c>
      <c r="BR19" s="71">
        <v>38</v>
      </c>
      <c r="BS19" s="72">
        <v>60</v>
      </c>
      <c r="BT19" s="241"/>
      <c r="BU19" s="71">
        <v>76</v>
      </c>
      <c r="BV19" s="71">
        <v>99</v>
      </c>
      <c r="BW19" s="71">
        <v>76</v>
      </c>
      <c r="BX19" s="71">
        <v>72</v>
      </c>
      <c r="BY19" s="71">
        <v>31</v>
      </c>
      <c r="BZ19" s="72">
        <v>354</v>
      </c>
      <c r="CA19" s="73">
        <v>414</v>
      </c>
      <c r="CB19" s="70">
        <v>15</v>
      </c>
      <c r="CC19" s="71">
        <v>11</v>
      </c>
      <c r="CD19" s="72">
        <v>26</v>
      </c>
      <c r="CE19" s="241"/>
      <c r="CF19" s="71">
        <v>9</v>
      </c>
      <c r="CG19" s="71">
        <v>25</v>
      </c>
      <c r="CH19" s="71">
        <v>18</v>
      </c>
      <c r="CI19" s="71">
        <v>11</v>
      </c>
      <c r="CJ19" s="71">
        <v>14</v>
      </c>
      <c r="CK19" s="72">
        <v>77</v>
      </c>
      <c r="CL19" s="73">
        <v>103</v>
      </c>
      <c r="CM19" s="70">
        <v>223</v>
      </c>
      <c r="CN19" s="71">
        <v>264</v>
      </c>
      <c r="CO19" s="72">
        <v>487</v>
      </c>
      <c r="CP19" s="241"/>
      <c r="CQ19" s="71">
        <v>491</v>
      </c>
      <c r="CR19" s="71">
        <v>637</v>
      </c>
      <c r="CS19" s="71">
        <v>406</v>
      </c>
      <c r="CT19" s="71">
        <v>355</v>
      </c>
      <c r="CU19" s="71">
        <v>211</v>
      </c>
      <c r="CV19" s="72">
        <v>2100</v>
      </c>
      <c r="CW19" s="73">
        <v>2587</v>
      </c>
      <c r="CX19" s="123">
        <v>389</v>
      </c>
      <c r="CY19" s="82">
        <v>539</v>
      </c>
      <c r="CZ19" s="83">
        <v>928</v>
      </c>
      <c r="DA19" s="241"/>
      <c r="DB19" s="82">
        <v>856</v>
      </c>
      <c r="DC19" s="82">
        <v>1018</v>
      </c>
      <c r="DD19" s="82">
        <v>805</v>
      </c>
      <c r="DE19" s="82">
        <v>786</v>
      </c>
      <c r="DF19" s="82">
        <v>509</v>
      </c>
      <c r="DG19" s="84">
        <v>3974</v>
      </c>
      <c r="DH19" s="85">
        <v>4902</v>
      </c>
      <c r="DI19" s="70">
        <v>17</v>
      </c>
      <c r="DJ19" s="71">
        <v>19</v>
      </c>
      <c r="DK19" s="72">
        <v>36</v>
      </c>
      <c r="DL19" s="241"/>
      <c r="DM19" s="71">
        <v>12</v>
      </c>
      <c r="DN19" s="71">
        <v>33</v>
      </c>
      <c r="DO19" s="71">
        <v>21</v>
      </c>
      <c r="DP19" s="71">
        <v>18</v>
      </c>
      <c r="DQ19" s="71">
        <v>9</v>
      </c>
      <c r="DR19" s="72">
        <v>93</v>
      </c>
      <c r="DS19" s="73">
        <v>129</v>
      </c>
      <c r="DT19" s="70">
        <v>30</v>
      </c>
      <c r="DU19" s="71">
        <v>51</v>
      </c>
      <c r="DV19" s="72">
        <v>81</v>
      </c>
      <c r="DW19" s="241"/>
      <c r="DX19" s="71">
        <v>61</v>
      </c>
      <c r="DY19" s="71">
        <v>84</v>
      </c>
      <c r="DZ19" s="71">
        <v>50</v>
      </c>
      <c r="EA19" s="71">
        <v>46</v>
      </c>
      <c r="EB19" s="71">
        <v>39</v>
      </c>
      <c r="EC19" s="72">
        <v>280</v>
      </c>
      <c r="ED19" s="73">
        <v>361</v>
      </c>
      <c r="EE19" s="70">
        <v>80</v>
      </c>
      <c r="EF19" s="71">
        <v>97</v>
      </c>
      <c r="EG19" s="72">
        <v>177</v>
      </c>
      <c r="EH19" s="241"/>
      <c r="EI19" s="71">
        <v>117</v>
      </c>
      <c r="EJ19" s="71">
        <v>141</v>
      </c>
      <c r="EK19" s="71">
        <v>84</v>
      </c>
      <c r="EL19" s="71">
        <v>72</v>
      </c>
      <c r="EM19" s="71">
        <v>48</v>
      </c>
      <c r="EN19" s="72">
        <v>462</v>
      </c>
      <c r="EO19" s="73">
        <v>639</v>
      </c>
      <c r="EP19" s="70">
        <v>113</v>
      </c>
      <c r="EQ19" s="71">
        <v>151</v>
      </c>
      <c r="ER19" s="72">
        <v>264</v>
      </c>
      <c r="ES19" s="241"/>
      <c r="ET19" s="71">
        <v>180</v>
      </c>
      <c r="EU19" s="71">
        <v>211</v>
      </c>
      <c r="EV19" s="71">
        <v>155</v>
      </c>
      <c r="EW19" s="71">
        <v>131</v>
      </c>
      <c r="EX19" s="71">
        <v>94</v>
      </c>
      <c r="EY19" s="72">
        <v>771</v>
      </c>
      <c r="EZ19" s="73">
        <v>1035</v>
      </c>
      <c r="FA19" s="70">
        <v>91</v>
      </c>
      <c r="FB19" s="71">
        <v>127</v>
      </c>
      <c r="FC19" s="72">
        <v>218</v>
      </c>
      <c r="FD19" s="241"/>
      <c r="FE19" s="71">
        <v>267</v>
      </c>
      <c r="FF19" s="71">
        <v>268</v>
      </c>
      <c r="FG19" s="71">
        <v>211</v>
      </c>
      <c r="FH19" s="71">
        <v>184</v>
      </c>
      <c r="FI19" s="71">
        <v>114</v>
      </c>
      <c r="FJ19" s="72">
        <v>1044</v>
      </c>
      <c r="FK19" s="73">
        <v>1262</v>
      </c>
      <c r="FL19" s="70">
        <v>58</v>
      </c>
      <c r="FM19" s="71">
        <v>94</v>
      </c>
      <c r="FN19" s="72">
        <v>152</v>
      </c>
      <c r="FO19" s="241"/>
      <c r="FP19" s="71">
        <v>219</v>
      </c>
      <c r="FQ19" s="71">
        <v>281</v>
      </c>
      <c r="FR19" s="71">
        <v>284</v>
      </c>
      <c r="FS19" s="71">
        <v>335</v>
      </c>
      <c r="FT19" s="71">
        <v>205</v>
      </c>
      <c r="FU19" s="72">
        <v>1324</v>
      </c>
      <c r="FV19" s="73">
        <v>1476</v>
      </c>
      <c r="FW19" s="70">
        <v>13</v>
      </c>
      <c r="FX19" s="71">
        <v>13</v>
      </c>
      <c r="FY19" s="72">
        <v>26</v>
      </c>
      <c r="FZ19" s="244"/>
      <c r="GA19" s="71">
        <v>7</v>
      </c>
      <c r="GB19" s="71">
        <v>20</v>
      </c>
      <c r="GC19" s="71">
        <v>11</v>
      </c>
      <c r="GD19" s="71">
        <v>11</v>
      </c>
      <c r="GE19" s="71">
        <v>11</v>
      </c>
      <c r="GF19" s="72">
        <v>60</v>
      </c>
      <c r="GG19" s="73">
        <v>86</v>
      </c>
      <c r="GH19" s="70">
        <v>402</v>
      </c>
      <c r="GI19" s="71">
        <v>552</v>
      </c>
      <c r="GJ19" s="72">
        <v>954</v>
      </c>
      <c r="GK19" s="244"/>
      <c r="GL19" s="71">
        <v>863</v>
      </c>
      <c r="GM19" s="71">
        <v>1038</v>
      </c>
      <c r="GN19" s="71">
        <v>816</v>
      </c>
      <c r="GO19" s="71">
        <v>797</v>
      </c>
      <c r="GP19" s="71">
        <v>520</v>
      </c>
      <c r="GQ19" s="72">
        <v>4034</v>
      </c>
      <c r="GR19" s="73">
        <v>4988</v>
      </c>
      <c r="GS19" s="123">
        <v>597</v>
      </c>
      <c r="GT19" s="82">
        <v>792</v>
      </c>
      <c r="GU19" s="83">
        <v>1389</v>
      </c>
      <c r="GV19" s="241"/>
      <c r="GW19" s="82">
        <v>1338</v>
      </c>
      <c r="GX19" s="82">
        <v>1630</v>
      </c>
      <c r="GY19" s="82">
        <v>1193</v>
      </c>
      <c r="GZ19" s="82">
        <v>1130</v>
      </c>
      <c r="HA19" s="82">
        <v>706</v>
      </c>
      <c r="HB19" s="84">
        <v>5997</v>
      </c>
      <c r="HC19" s="85">
        <v>7386</v>
      </c>
      <c r="HD19" s="70">
        <v>25</v>
      </c>
      <c r="HE19" s="71">
        <v>37</v>
      </c>
      <c r="HF19" s="72">
        <v>62</v>
      </c>
      <c r="HG19" s="241"/>
      <c r="HH19" s="71">
        <v>33</v>
      </c>
      <c r="HI19" s="71">
        <v>61</v>
      </c>
      <c r="HJ19" s="71">
        <v>42</v>
      </c>
      <c r="HK19" s="71">
        <v>43</v>
      </c>
      <c r="HL19" s="71">
        <v>32</v>
      </c>
      <c r="HM19" s="72">
        <v>211</v>
      </c>
      <c r="HN19" s="73">
        <v>273</v>
      </c>
      <c r="HO19" s="70">
        <v>63</v>
      </c>
      <c r="HP19" s="71">
        <v>95</v>
      </c>
      <c r="HQ19" s="72">
        <v>158</v>
      </c>
      <c r="HR19" s="241"/>
      <c r="HS19" s="71">
        <v>124</v>
      </c>
      <c r="HT19" s="71">
        <v>170</v>
      </c>
      <c r="HU19" s="71">
        <v>99</v>
      </c>
      <c r="HV19" s="71">
        <v>91</v>
      </c>
      <c r="HW19" s="71">
        <v>67</v>
      </c>
      <c r="HX19" s="72">
        <v>551</v>
      </c>
      <c r="HY19" s="73">
        <v>709</v>
      </c>
      <c r="HZ19" s="70">
        <v>124</v>
      </c>
      <c r="IA19" s="71">
        <v>144</v>
      </c>
      <c r="IB19" s="72">
        <v>268</v>
      </c>
      <c r="IC19" s="241"/>
      <c r="ID19" s="71">
        <v>205</v>
      </c>
      <c r="IE19" s="71">
        <v>243</v>
      </c>
      <c r="IF19" s="71">
        <v>146</v>
      </c>
      <c r="IG19" s="71">
        <v>133</v>
      </c>
      <c r="IH19" s="71">
        <v>82</v>
      </c>
      <c r="II19" s="72">
        <v>809</v>
      </c>
      <c r="IJ19" s="73">
        <v>1077</v>
      </c>
      <c r="IK19" s="70">
        <v>158</v>
      </c>
      <c r="IL19" s="71">
        <v>206</v>
      </c>
      <c r="IM19" s="72">
        <v>364</v>
      </c>
      <c r="IN19" s="241"/>
      <c r="IO19" s="71">
        <v>302</v>
      </c>
      <c r="IP19" s="71">
        <v>374</v>
      </c>
      <c r="IQ19" s="71">
        <v>240</v>
      </c>
      <c r="IR19" s="71">
        <v>209</v>
      </c>
      <c r="IS19" s="71">
        <v>146</v>
      </c>
      <c r="IT19" s="72">
        <v>1271</v>
      </c>
      <c r="IU19" s="73">
        <v>1635</v>
      </c>
      <c r="IV19" s="70">
        <v>147</v>
      </c>
      <c r="IW19" s="71">
        <v>178</v>
      </c>
      <c r="IX19" s="72">
        <v>325</v>
      </c>
      <c r="IY19" s="241"/>
      <c r="IZ19" s="71">
        <v>379</v>
      </c>
      <c r="JA19" s="71">
        <v>402</v>
      </c>
      <c r="JB19" s="71">
        <v>306</v>
      </c>
      <c r="JC19" s="71">
        <v>247</v>
      </c>
      <c r="JD19" s="71">
        <v>143</v>
      </c>
      <c r="JE19" s="72">
        <v>1477</v>
      </c>
      <c r="JF19" s="73">
        <v>1802</v>
      </c>
      <c r="JG19" s="70">
        <v>80</v>
      </c>
      <c r="JH19" s="71">
        <v>132</v>
      </c>
      <c r="JI19" s="72">
        <v>212</v>
      </c>
      <c r="JJ19" s="244"/>
      <c r="JK19" s="71">
        <v>295</v>
      </c>
      <c r="JL19" s="71">
        <v>380</v>
      </c>
      <c r="JM19" s="71">
        <v>360</v>
      </c>
      <c r="JN19" s="71">
        <v>407</v>
      </c>
      <c r="JO19" s="71">
        <v>236</v>
      </c>
      <c r="JP19" s="72">
        <v>1678</v>
      </c>
      <c r="JQ19" s="73">
        <v>1890</v>
      </c>
      <c r="JR19" s="70">
        <v>28</v>
      </c>
      <c r="JS19" s="71">
        <v>24</v>
      </c>
      <c r="JT19" s="72">
        <v>52</v>
      </c>
      <c r="JU19" s="244"/>
      <c r="JV19" s="71">
        <v>16</v>
      </c>
      <c r="JW19" s="71">
        <v>45</v>
      </c>
      <c r="JX19" s="71">
        <v>29</v>
      </c>
      <c r="JY19" s="71">
        <v>22</v>
      </c>
      <c r="JZ19" s="71">
        <v>25</v>
      </c>
      <c r="KA19" s="72">
        <v>137</v>
      </c>
      <c r="KB19" s="73">
        <v>189</v>
      </c>
      <c r="KC19" s="70">
        <v>625</v>
      </c>
      <c r="KD19" s="71">
        <v>816</v>
      </c>
      <c r="KE19" s="72">
        <v>1441</v>
      </c>
      <c r="KF19" s="244"/>
      <c r="KG19" s="71">
        <v>1354</v>
      </c>
      <c r="KH19" s="71">
        <v>1675</v>
      </c>
      <c r="KI19" s="71">
        <v>1222</v>
      </c>
      <c r="KJ19" s="71">
        <v>1152</v>
      </c>
      <c r="KK19" s="71">
        <v>731</v>
      </c>
      <c r="KL19" s="72">
        <v>6134</v>
      </c>
      <c r="KM19" s="73">
        <v>7575</v>
      </c>
    </row>
    <row r="20" spans="2:299" ht="19.5" customHeight="1" x14ac:dyDescent="0.2">
      <c r="B20" s="126" t="s">
        <v>17</v>
      </c>
      <c r="C20" s="315">
        <v>282</v>
      </c>
      <c r="D20" s="82">
        <v>367</v>
      </c>
      <c r="E20" s="83">
        <v>649</v>
      </c>
      <c r="F20" s="241"/>
      <c r="G20" s="82">
        <v>544</v>
      </c>
      <c r="H20" s="82">
        <v>719</v>
      </c>
      <c r="I20" s="82">
        <v>519</v>
      </c>
      <c r="J20" s="82">
        <v>410</v>
      </c>
      <c r="K20" s="82">
        <v>270</v>
      </c>
      <c r="L20" s="84">
        <v>2462</v>
      </c>
      <c r="M20" s="85">
        <v>3111</v>
      </c>
      <c r="N20" s="70">
        <v>12</v>
      </c>
      <c r="O20" s="71">
        <v>25</v>
      </c>
      <c r="P20" s="72">
        <v>37</v>
      </c>
      <c r="Q20" s="241"/>
      <c r="R20" s="71">
        <v>23</v>
      </c>
      <c r="S20" s="71">
        <v>51</v>
      </c>
      <c r="T20" s="71">
        <v>29</v>
      </c>
      <c r="U20" s="71">
        <v>26</v>
      </c>
      <c r="V20" s="71">
        <v>22</v>
      </c>
      <c r="W20" s="72">
        <v>151</v>
      </c>
      <c r="X20" s="73">
        <v>188</v>
      </c>
      <c r="Y20" s="70">
        <v>35</v>
      </c>
      <c r="Z20" s="71">
        <v>56</v>
      </c>
      <c r="AA20" s="72">
        <v>91</v>
      </c>
      <c r="AB20" s="241"/>
      <c r="AC20" s="71">
        <v>48</v>
      </c>
      <c r="AD20" s="71">
        <v>106</v>
      </c>
      <c r="AE20" s="71">
        <v>64</v>
      </c>
      <c r="AF20" s="71">
        <v>55</v>
      </c>
      <c r="AG20" s="71">
        <v>33</v>
      </c>
      <c r="AH20" s="72">
        <v>306</v>
      </c>
      <c r="AI20" s="73">
        <v>397</v>
      </c>
      <c r="AJ20" s="70">
        <v>57</v>
      </c>
      <c r="AK20" s="71">
        <v>66</v>
      </c>
      <c r="AL20" s="72">
        <v>123</v>
      </c>
      <c r="AM20" s="241"/>
      <c r="AN20" s="71">
        <v>85</v>
      </c>
      <c r="AO20" s="71">
        <v>129</v>
      </c>
      <c r="AP20" s="71">
        <v>104</v>
      </c>
      <c r="AQ20" s="71">
        <v>74</v>
      </c>
      <c r="AR20" s="71">
        <v>60</v>
      </c>
      <c r="AS20" s="72">
        <v>452</v>
      </c>
      <c r="AT20" s="73">
        <v>575</v>
      </c>
      <c r="AU20" s="70">
        <v>64</v>
      </c>
      <c r="AV20" s="71">
        <v>94</v>
      </c>
      <c r="AW20" s="72">
        <v>158</v>
      </c>
      <c r="AX20" s="241"/>
      <c r="AY20" s="71">
        <v>176</v>
      </c>
      <c r="AZ20" s="71">
        <v>169</v>
      </c>
      <c r="BA20" s="71">
        <v>133</v>
      </c>
      <c r="BB20" s="71">
        <v>98</v>
      </c>
      <c r="BC20" s="71">
        <v>60</v>
      </c>
      <c r="BD20" s="72">
        <v>636</v>
      </c>
      <c r="BE20" s="73">
        <v>794</v>
      </c>
      <c r="BF20" s="70">
        <v>67</v>
      </c>
      <c r="BG20" s="71">
        <v>75</v>
      </c>
      <c r="BH20" s="72">
        <v>142</v>
      </c>
      <c r="BI20" s="241"/>
      <c r="BJ20" s="71">
        <v>133</v>
      </c>
      <c r="BK20" s="71">
        <v>173</v>
      </c>
      <c r="BL20" s="71">
        <v>111</v>
      </c>
      <c r="BM20" s="71">
        <v>89</v>
      </c>
      <c r="BN20" s="71">
        <v>66</v>
      </c>
      <c r="BO20" s="72">
        <v>572</v>
      </c>
      <c r="BP20" s="73">
        <v>714</v>
      </c>
      <c r="BQ20" s="70">
        <v>47</v>
      </c>
      <c r="BR20" s="71">
        <v>51</v>
      </c>
      <c r="BS20" s="72">
        <v>98</v>
      </c>
      <c r="BT20" s="241"/>
      <c r="BU20" s="71">
        <v>79</v>
      </c>
      <c r="BV20" s="71">
        <v>91</v>
      </c>
      <c r="BW20" s="71">
        <v>78</v>
      </c>
      <c r="BX20" s="71">
        <v>68</v>
      </c>
      <c r="BY20" s="71">
        <v>29</v>
      </c>
      <c r="BZ20" s="72">
        <v>345</v>
      </c>
      <c r="CA20" s="73">
        <v>443</v>
      </c>
      <c r="CB20" s="70">
        <v>13</v>
      </c>
      <c r="CC20" s="71">
        <v>21</v>
      </c>
      <c r="CD20" s="72">
        <v>34</v>
      </c>
      <c r="CE20" s="241"/>
      <c r="CF20" s="71">
        <v>24</v>
      </c>
      <c r="CG20" s="71">
        <v>46</v>
      </c>
      <c r="CH20" s="71">
        <v>28</v>
      </c>
      <c r="CI20" s="71">
        <v>13</v>
      </c>
      <c r="CJ20" s="71">
        <v>14</v>
      </c>
      <c r="CK20" s="72">
        <v>125</v>
      </c>
      <c r="CL20" s="73">
        <v>159</v>
      </c>
      <c r="CM20" s="70">
        <v>295</v>
      </c>
      <c r="CN20" s="71">
        <v>388</v>
      </c>
      <c r="CO20" s="72">
        <v>683</v>
      </c>
      <c r="CP20" s="241"/>
      <c r="CQ20" s="71">
        <v>568</v>
      </c>
      <c r="CR20" s="71">
        <v>765</v>
      </c>
      <c r="CS20" s="71">
        <v>547</v>
      </c>
      <c r="CT20" s="71">
        <v>423</v>
      </c>
      <c r="CU20" s="71">
        <v>284</v>
      </c>
      <c r="CV20" s="72">
        <v>2587</v>
      </c>
      <c r="CW20" s="73">
        <v>3270</v>
      </c>
      <c r="CX20" s="123">
        <v>624</v>
      </c>
      <c r="CY20" s="82">
        <v>786</v>
      </c>
      <c r="CZ20" s="83">
        <v>1410</v>
      </c>
      <c r="DA20" s="241"/>
      <c r="DB20" s="82">
        <v>941</v>
      </c>
      <c r="DC20" s="82">
        <v>1239</v>
      </c>
      <c r="DD20" s="82">
        <v>870</v>
      </c>
      <c r="DE20" s="82">
        <v>814</v>
      </c>
      <c r="DF20" s="82">
        <v>596</v>
      </c>
      <c r="DG20" s="84">
        <v>4460</v>
      </c>
      <c r="DH20" s="85">
        <v>5870</v>
      </c>
      <c r="DI20" s="70">
        <v>18</v>
      </c>
      <c r="DJ20" s="71">
        <v>31</v>
      </c>
      <c r="DK20" s="72">
        <v>49</v>
      </c>
      <c r="DL20" s="241"/>
      <c r="DM20" s="71">
        <v>14</v>
      </c>
      <c r="DN20" s="71">
        <v>37</v>
      </c>
      <c r="DO20" s="71">
        <v>26</v>
      </c>
      <c r="DP20" s="71">
        <v>18</v>
      </c>
      <c r="DQ20" s="71">
        <v>26</v>
      </c>
      <c r="DR20" s="72">
        <v>121</v>
      </c>
      <c r="DS20" s="73">
        <v>170</v>
      </c>
      <c r="DT20" s="70">
        <v>57</v>
      </c>
      <c r="DU20" s="71">
        <v>67</v>
      </c>
      <c r="DV20" s="72">
        <v>124</v>
      </c>
      <c r="DW20" s="241"/>
      <c r="DX20" s="71">
        <v>76</v>
      </c>
      <c r="DY20" s="71">
        <v>90</v>
      </c>
      <c r="DZ20" s="71">
        <v>57</v>
      </c>
      <c r="EA20" s="71">
        <v>49</v>
      </c>
      <c r="EB20" s="71">
        <v>38</v>
      </c>
      <c r="EC20" s="72">
        <v>310</v>
      </c>
      <c r="ED20" s="73">
        <v>434</v>
      </c>
      <c r="EE20" s="70">
        <v>117</v>
      </c>
      <c r="EF20" s="71">
        <v>120</v>
      </c>
      <c r="EG20" s="72">
        <v>237</v>
      </c>
      <c r="EH20" s="241"/>
      <c r="EI20" s="71">
        <v>126</v>
      </c>
      <c r="EJ20" s="71">
        <v>179</v>
      </c>
      <c r="EK20" s="71">
        <v>100</v>
      </c>
      <c r="EL20" s="71">
        <v>93</v>
      </c>
      <c r="EM20" s="71">
        <v>67</v>
      </c>
      <c r="EN20" s="72">
        <v>565</v>
      </c>
      <c r="EO20" s="73">
        <v>802</v>
      </c>
      <c r="EP20" s="70">
        <v>191</v>
      </c>
      <c r="EQ20" s="71">
        <v>215</v>
      </c>
      <c r="ER20" s="72">
        <v>406</v>
      </c>
      <c r="ES20" s="241"/>
      <c r="ET20" s="71">
        <v>247</v>
      </c>
      <c r="EU20" s="71">
        <v>299</v>
      </c>
      <c r="EV20" s="71">
        <v>171</v>
      </c>
      <c r="EW20" s="71">
        <v>183</v>
      </c>
      <c r="EX20" s="71">
        <v>109</v>
      </c>
      <c r="EY20" s="72">
        <v>1009</v>
      </c>
      <c r="EZ20" s="73">
        <v>1415</v>
      </c>
      <c r="FA20" s="70">
        <v>164</v>
      </c>
      <c r="FB20" s="71">
        <v>231</v>
      </c>
      <c r="FC20" s="72">
        <v>395</v>
      </c>
      <c r="FD20" s="241"/>
      <c r="FE20" s="71">
        <v>270</v>
      </c>
      <c r="FF20" s="71">
        <v>299</v>
      </c>
      <c r="FG20" s="71">
        <v>253</v>
      </c>
      <c r="FH20" s="71">
        <v>188</v>
      </c>
      <c r="FI20" s="71">
        <v>166</v>
      </c>
      <c r="FJ20" s="72">
        <v>1176</v>
      </c>
      <c r="FK20" s="73">
        <v>1571</v>
      </c>
      <c r="FL20" s="70">
        <v>77</v>
      </c>
      <c r="FM20" s="71">
        <v>122</v>
      </c>
      <c r="FN20" s="72">
        <v>199</v>
      </c>
      <c r="FO20" s="241"/>
      <c r="FP20" s="71">
        <v>208</v>
      </c>
      <c r="FQ20" s="71">
        <v>335</v>
      </c>
      <c r="FR20" s="71">
        <v>263</v>
      </c>
      <c r="FS20" s="71">
        <v>283</v>
      </c>
      <c r="FT20" s="71">
        <v>190</v>
      </c>
      <c r="FU20" s="72">
        <v>1279</v>
      </c>
      <c r="FV20" s="73">
        <v>1478</v>
      </c>
      <c r="FW20" s="70">
        <v>4</v>
      </c>
      <c r="FX20" s="71">
        <v>17</v>
      </c>
      <c r="FY20" s="72">
        <v>21</v>
      </c>
      <c r="FZ20" s="244"/>
      <c r="GA20" s="71">
        <v>7</v>
      </c>
      <c r="GB20" s="71">
        <v>25</v>
      </c>
      <c r="GC20" s="71">
        <v>18</v>
      </c>
      <c r="GD20" s="71">
        <v>19</v>
      </c>
      <c r="GE20" s="71">
        <v>16</v>
      </c>
      <c r="GF20" s="72">
        <v>85</v>
      </c>
      <c r="GG20" s="73">
        <v>106</v>
      </c>
      <c r="GH20" s="70">
        <v>628</v>
      </c>
      <c r="GI20" s="71">
        <v>803</v>
      </c>
      <c r="GJ20" s="72">
        <v>1431</v>
      </c>
      <c r="GK20" s="244"/>
      <c r="GL20" s="71">
        <v>948</v>
      </c>
      <c r="GM20" s="71">
        <v>1264</v>
      </c>
      <c r="GN20" s="71">
        <v>888</v>
      </c>
      <c r="GO20" s="71">
        <v>833</v>
      </c>
      <c r="GP20" s="71">
        <v>612</v>
      </c>
      <c r="GQ20" s="72">
        <v>4545</v>
      </c>
      <c r="GR20" s="73">
        <v>5976</v>
      </c>
      <c r="GS20" s="123">
        <v>906</v>
      </c>
      <c r="GT20" s="82">
        <v>1153</v>
      </c>
      <c r="GU20" s="83">
        <v>2059</v>
      </c>
      <c r="GV20" s="241"/>
      <c r="GW20" s="82">
        <v>1485</v>
      </c>
      <c r="GX20" s="82">
        <v>1958</v>
      </c>
      <c r="GY20" s="82">
        <v>1389</v>
      </c>
      <c r="GZ20" s="82">
        <v>1224</v>
      </c>
      <c r="HA20" s="82">
        <v>866</v>
      </c>
      <c r="HB20" s="84">
        <v>6922</v>
      </c>
      <c r="HC20" s="85">
        <v>8981</v>
      </c>
      <c r="HD20" s="70">
        <v>30</v>
      </c>
      <c r="HE20" s="71">
        <v>56</v>
      </c>
      <c r="HF20" s="72">
        <v>86</v>
      </c>
      <c r="HG20" s="241"/>
      <c r="HH20" s="71">
        <v>37</v>
      </c>
      <c r="HI20" s="71">
        <v>88</v>
      </c>
      <c r="HJ20" s="71">
        <v>55</v>
      </c>
      <c r="HK20" s="71">
        <v>44</v>
      </c>
      <c r="HL20" s="71">
        <v>48</v>
      </c>
      <c r="HM20" s="72">
        <v>272</v>
      </c>
      <c r="HN20" s="73">
        <v>358</v>
      </c>
      <c r="HO20" s="70">
        <v>92</v>
      </c>
      <c r="HP20" s="71">
        <v>123</v>
      </c>
      <c r="HQ20" s="72">
        <v>215</v>
      </c>
      <c r="HR20" s="241"/>
      <c r="HS20" s="71">
        <v>124</v>
      </c>
      <c r="HT20" s="71">
        <v>196</v>
      </c>
      <c r="HU20" s="71">
        <v>121</v>
      </c>
      <c r="HV20" s="71">
        <v>104</v>
      </c>
      <c r="HW20" s="71">
        <v>71</v>
      </c>
      <c r="HX20" s="72">
        <v>616</v>
      </c>
      <c r="HY20" s="73">
        <v>831</v>
      </c>
      <c r="HZ20" s="70">
        <v>174</v>
      </c>
      <c r="IA20" s="71">
        <v>186</v>
      </c>
      <c r="IB20" s="72">
        <v>360</v>
      </c>
      <c r="IC20" s="241"/>
      <c r="ID20" s="71">
        <v>211</v>
      </c>
      <c r="IE20" s="71">
        <v>308</v>
      </c>
      <c r="IF20" s="71">
        <v>204</v>
      </c>
      <c r="IG20" s="71">
        <v>167</v>
      </c>
      <c r="IH20" s="71">
        <v>127</v>
      </c>
      <c r="II20" s="72">
        <v>1017</v>
      </c>
      <c r="IJ20" s="73">
        <v>1377</v>
      </c>
      <c r="IK20" s="70">
        <v>255</v>
      </c>
      <c r="IL20" s="71">
        <v>309</v>
      </c>
      <c r="IM20" s="72">
        <v>564</v>
      </c>
      <c r="IN20" s="241"/>
      <c r="IO20" s="71">
        <v>423</v>
      </c>
      <c r="IP20" s="71">
        <v>468</v>
      </c>
      <c r="IQ20" s="71">
        <v>304</v>
      </c>
      <c r="IR20" s="71">
        <v>281</v>
      </c>
      <c r="IS20" s="71">
        <v>169</v>
      </c>
      <c r="IT20" s="72">
        <v>1645</v>
      </c>
      <c r="IU20" s="73">
        <v>2209</v>
      </c>
      <c r="IV20" s="70">
        <v>231</v>
      </c>
      <c r="IW20" s="71">
        <v>306</v>
      </c>
      <c r="IX20" s="72">
        <v>537</v>
      </c>
      <c r="IY20" s="241"/>
      <c r="IZ20" s="71">
        <v>403</v>
      </c>
      <c r="JA20" s="71">
        <v>472</v>
      </c>
      <c r="JB20" s="71">
        <v>364</v>
      </c>
      <c r="JC20" s="71">
        <v>277</v>
      </c>
      <c r="JD20" s="71">
        <v>232</v>
      </c>
      <c r="JE20" s="72">
        <v>1748</v>
      </c>
      <c r="JF20" s="73">
        <v>2285</v>
      </c>
      <c r="JG20" s="70">
        <v>124</v>
      </c>
      <c r="JH20" s="71">
        <v>173</v>
      </c>
      <c r="JI20" s="72">
        <v>297</v>
      </c>
      <c r="JJ20" s="244"/>
      <c r="JK20" s="71">
        <v>287</v>
      </c>
      <c r="JL20" s="71">
        <v>426</v>
      </c>
      <c r="JM20" s="71">
        <v>341</v>
      </c>
      <c r="JN20" s="71">
        <v>351</v>
      </c>
      <c r="JO20" s="71">
        <v>219</v>
      </c>
      <c r="JP20" s="72">
        <v>1624</v>
      </c>
      <c r="JQ20" s="73">
        <v>1921</v>
      </c>
      <c r="JR20" s="70">
        <v>17</v>
      </c>
      <c r="JS20" s="71">
        <v>38</v>
      </c>
      <c r="JT20" s="72">
        <v>55</v>
      </c>
      <c r="JU20" s="244"/>
      <c r="JV20" s="71">
        <v>31</v>
      </c>
      <c r="JW20" s="71">
        <v>71</v>
      </c>
      <c r="JX20" s="71">
        <v>46</v>
      </c>
      <c r="JY20" s="71">
        <v>32</v>
      </c>
      <c r="JZ20" s="71">
        <v>30</v>
      </c>
      <c r="KA20" s="72">
        <v>210</v>
      </c>
      <c r="KB20" s="73">
        <v>265</v>
      </c>
      <c r="KC20" s="70">
        <v>923</v>
      </c>
      <c r="KD20" s="71">
        <v>1191</v>
      </c>
      <c r="KE20" s="72">
        <v>2114</v>
      </c>
      <c r="KF20" s="244"/>
      <c r="KG20" s="71">
        <v>1516</v>
      </c>
      <c r="KH20" s="71">
        <v>2029</v>
      </c>
      <c r="KI20" s="71">
        <v>1435</v>
      </c>
      <c r="KJ20" s="71">
        <v>1256</v>
      </c>
      <c r="KK20" s="71">
        <v>896</v>
      </c>
      <c r="KL20" s="72">
        <v>7132</v>
      </c>
      <c r="KM20" s="73">
        <v>9246</v>
      </c>
    </row>
    <row r="21" spans="2:299" ht="19.5" customHeight="1" x14ac:dyDescent="0.2">
      <c r="B21" s="126" t="s">
        <v>18</v>
      </c>
      <c r="C21" s="315">
        <v>428</v>
      </c>
      <c r="D21" s="82">
        <v>407</v>
      </c>
      <c r="E21" s="83">
        <v>835</v>
      </c>
      <c r="F21" s="241"/>
      <c r="G21" s="82">
        <v>918</v>
      </c>
      <c r="H21" s="82">
        <v>698</v>
      </c>
      <c r="I21" s="82">
        <v>529</v>
      </c>
      <c r="J21" s="82">
        <v>441</v>
      </c>
      <c r="K21" s="82">
        <v>293</v>
      </c>
      <c r="L21" s="84">
        <v>2879</v>
      </c>
      <c r="M21" s="85">
        <v>3714</v>
      </c>
      <c r="N21" s="70">
        <v>19</v>
      </c>
      <c r="O21" s="71">
        <v>30</v>
      </c>
      <c r="P21" s="72">
        <v>49</v>
      </c>
      <c r="Q21" s="241"/>
      <c r="R21" s="71">
        <v>53</v>
      </c>
      <c r="S21" s="71">
        <v>45</v>
      </c>
      <c r="T21" s="71">
        <v>29</v>
      </c>
      <c r="U21" s="71">
        <v>37</v>
      </c>
      <c r="V21" s="71">
        <v>21</v>
      </c>
      <c r="W21" s="72">
        <v>185</v>
      </c>
      <c r="X21" s="73">
        <v>234</v>
      </c>
      <c r="Y21" s="70">
        <v>49</v>
      </c>
      <c r="Z21" s="71">
        <v>49</v>
      </c>
      <c r="AA21" s="72">
        <v>98</v>
      </c>
      <c r="AB21" s="241"/>
      <c r="AC21" s="71">
        <v>99</v>
      </c>
      <c r="AD21" s="71">
        <v>86</v>
      </c>
      <c r="AE21" s="71">
        <v>77</v>
      </c>
      <c r="AF21" s="71">
        <v>56</v>
      </c>
      <c r="AG21" s="71">
        <v>42</v>
      </c>
      <c r="AH21" s="72">
        <v>360</v>
      </c>
      <c r="AI21" s="73">
        <v>458</v>
      </c>
      <c r="AJ21" s="70">
        <v>81</v>
      </c>
      <c r="AK21" s="71">
        <v>63</v>
      </c>
      <c r="AL21" s="72">
        <v>144</v>
      </c>
      <c r="AM21" s="241"/>
      <c r="AN21" s="71">
        <v>148</v>
      </c>
      <c r="AO21" s="71">
        <v>116</v>
      </c>
      <c r="AP21" s="71">
        <v>91</v>
      </c>
      <c r="AQ21" s="71">
        <v>75</v>
      </c>
      <c r="AR21" s="71">
        <v>68</v>
      </c>
      <c r="AS21" s="72">
        <v>498</v>
      </c>
      <c r="AT21" s="73">
        <v>642</v>
      </c>
      <c r="AU21" s="70">
        <v>116</v>
      </c>
      <c r="AV21" s="71">
        <v>97</v>
      </c>
      <c r="AW21" s="72">
        <v>213</v>
      </c>
      <c r="AX21" s="241"/>
      <c r="AY21" s="71">
        <v>255</v>
      </c>
      <c r="AZ21" s="71">
        <v>177</v>
      </c>
      <c r="BA21" s="71">
        <v>120</v>
      </c>
      <c r="BB21" s="71">
        <v>105</v>
      </c>
      <c r="BC21" s="71">
        <v>70</v>
      </c>
      <c r="BD21" s="72">
        <v>727</v>
      </c>
      <c r="BE21" s="73">
        <v>940</v>
      </c>
      <c r="BF21" s="70">
        <v>105</v>
      </c>
      <c r="BG21" s="71">
        <v>108</v>
      </c>
      <c r="BH21" s="72">
        <v>213</v>
      </c>
      <c r="BI21" s="241"/>
      <c r="BJ21" s="71">
        <v>228</v>
      </c>
      <c r="BK21" s="71">
        <v>173</v>
      </c>
      <c r="BL21" s="71">
        <v>129</v>
      </c>
      <c r="BM21" s="71">
        <v>98</v>
      </c>
      <c r="BN21" s="71">
        <v>51</v>
      </c>
      <c r="BO21" s="72">
        <v>679</v>
      </c>
      <c r="BP21" s="73">
        <v>892</v>
      </c>
      <c r="BQ21" s="70">
        <v>58</v>
      </c>
      <c r="BR21" s="71">
        <v>60</v>
      </c>
      <c r="BS21" s="72">
        <v>118</v>
      </c>
      <c r="BT21" s="241"/>
      <c r="BU21" s="71">
        <v>135</v>
      </c>
      <c r="BV21" s="71">
        <v>101</v>
      </c>
      <c r="BW21" s="71">
        <v>83</v>
      </c>
      <c r="BX21" s="71">
        <v>70</v>
      </c>
      <c r="BY21" s="71">
        <v>41</v>
      </c>
      <c r="BZ21" s="72">
        <v>430</v>
      </c>
      <c r="CA21" s="73">
        <v>548</v>
      </c>
      <c r="CB21" s="70">
        <v>11</v>
      </c>
      <c r="CC21" s="71">
        <v>19</v>
      </c>
      <c r="CD21" s="72">
        <v>30</v>
      </c>
      <c r="CE21" s="241"/>
      <c r="CF21" s="71">
        <v>36</v>
      </c>
      <c r="CG21" s="71">
        <v>38</v>
      </c>
      <c r="CH21" s="71">
        <v>28</v>
      </c>
      <c r="CI21" s="71">
        <v>22</v>
      </c>
      <c r="CJ21" s="71">
        <v>29</v>
      </c>
      <c r="CK21" s="72">
        <v>153</v>
      </c>
      <c r="CL21" s="73">
        <v>183</v>
      </c>
      <c r="CM21" s="70">
        <v>439</v>
      </c>
      <c r="CN21" s="71">
        <v>426</v>
      </c>
      <c r="CO21" s="72">
        <v>865</v>
      </c>
      <c r="CP21" s="241"/>
      <c r="CQ21" s="71">
        <v>954</v>
      </c>
      <c r="CR21" s="71">
        <v>736</v>
      </c>
      <c r="CS21" s="71">
        <v>557</v>
      </c>
      <c r="CT21" s="71">
        <v>463</v>
      </c>
      <c r="CU21" s="71">
        <v>322</v>
      </c>
      <c r="CV21" s="72">
        <v>3032</v>
      </c>
      <c r="CW21" s="73">
        <v>3897</v>
      </c>
      <c r="CX21" s="123">
        <v>784</v>
      </c>
      <c r="CY21" s="82">
        <v>1049</v>
      </c>
      <c r="CZ21" s="83">
        <v>1833</v>
      </c>
      <c r="DA21" s="241"/>
      <c r="DB21" s="82">
        <v>1394</v>
      </c>
      <c r="DC21" s="82">
        <v>1245</v>
      </c>
      <c r="DD21" s="82">
        <v>917</v>
      </c>
      <c r="DE21" s="82">
        <v>911</v>
      </c>
      <c r="DF21" s="82">
        <v>648</v>
      </c>
      <c r="DG21" s="84">
        <v>5115</v>
      </c>
      <c r="DH21" s="85">
        <v>6948</v>
      </c>
      <c r="DI21" s="70">
        <v>20</v>
      </c>
      <c r="DJ21" s="71">
        <v>27</v>
      </c>
      <c r="DK21" s="72">
        <v>47</v>
      </c>
      <c r="DL21" s="241"/>
      <c r="DM21" s="71">
        <v>37</v>
      </c>
      <c r="DN21" s="71">
        <v>29</v>
      </c>
      <c r="DO21" s="71">
        <v>20</v>
      </c>
      <c r="DP21" s="71">
        <v>19</v>
      </c>
      <c r="DQ21" s="71">
        <v>17</v>
      </c>
      <c r="DR21" s="72">
        <v>122</v>
      </c>
      <c r="DS21" s="73">
        <v>169</v>
      </c>
      <c r="DT21" s="70">
        <v>63</v>
      </c>
      <c r="DU21" s="71">
        <v>92</v>
      </c>
      <c r="DV21" s="72">
        <v>155</v>
      </c>
      <c r="DW21" s="241"/>
      <c r="DX21" s="71">
        <v>93</v>
      </c>
      <c r="DY21" s="71">
        <v>92</v>
      </c>
      <c r="DZ21" s="71">
        <v>47</v>
      </c>
      <c r="EA21" s="71">
        <v>42</v>
      </c>
      <c r="EB21" s="71">
        <v>35</v>
      </c>
      <c r="EC21" s="72">
        <v>309</v>
      </c>
      <c r="ED21" s="73">
        <v>464</v>
      </c>
      <c r="EE21" s="70">
        <v>146</v>
      </c>
      <c r="EF21" s="71">
        <v>176</v>
      </c>
      <c r="EG21" s="72">
        <v>322</v>
      </c>
      <c r="EH21" s="241"/>
      <c r="EI21" s="71">
        <v>198</v>
      </c>
      <c r="EJ21" s="71">
        <v>149</v>
      </c>
      <c r="EK21" s="71">
        <v>121</v>
      </c>
      <c r="EL21" s="71">
        <v>100</v>
      </c>
      <c r="EM21" s="71">
        <v>76</v>
      </c>
      <c r="EN21" s="72">
        <v>644</v>
      </c>
      <c r="EO21" s="73">
        <v>966</v>
      </c>
      <c r="EP21" s="70">
        <v>247</v>
      </c>
      <c r="EQ21" s="71">
        <v>329</v>
      </c>
      <c r="ER21" s="72">
        <v>576</v>
      </c>
      <c r="ES21" s="241"/>
      <c r="ET21" s="71">
        <v>370</v>
      </c>
      <c r="EU21" s="71">
        <v>299</v>
      </c>
      <c r="EV21" s="71">
        <v>174</v>
      </c>
      <c r="EW21" s="71">
        <v>175</v>
      </c>
      <c r="EX21" s="71">
        <v>143</v>
      </c>
      <c r="EY21" s="72">
        <v>1161</v>
      </c>
      <c r="EZ21" s="73">
        <v>1737</v>
      </c>
      <c r="FA21" s="70">
        <v>215</v>
      </c>
      <c r="FB21" s="71">
        <v>271</v>
      </c>
      <c r="FC21" s="72">
        <v>486</v>
      </c>
      <c r="FD21" s="241"/>
      <c r="FE21" s="71">
        <v>420</v>
      </c>
      <c r="FF21" s="71">
        <v>358</v>
      </c>
      <c r="FG21" s="71">
        <v>238</v>
      </c>
      <c r="FH21" s="71">
        <v>247</v>
      </c>
      <c r="FI21" s="71">
        <v>177</v>
      </c>
      <c r="FJ21" s="72">
        <v>1440</v>
      </c>
      <c r="FK21" s="73">
        <v>1926</v>
      </c>
      <c r="FL21" s="70">
        <v>93</v>
      </c>
      <c r="FM21" s="71">
        <v>154</v>
      </c>
      <c r="FN21" s="72">
        <v>247</v>
      </c>
      <c r="FO21" s="241"/>
      <c r="FP21" s="71">
        <v>276</v>
      </c>
      <c r="FQ21" s="71">
        <v>318</v>
      </c>
      <c r="FR21" s="71">
        <v>317</v>
      </c>
      <c r="FS21" s="71">
        <v>328</v>
      </c>
      <c r="FT21" s="71">
        <v>200</v>
      </c>
      <c r="FU21" s="72">
        <v>1439</v>
      </c>
      <c r="FV21" s="73">
        <v>1686</v>
      </c>
      <c r="FW21" s="70">
        <v>14</v>
      </c>
      <c r="FX21" s="71">
        <v>15</v>
      </c>
      <c r="FY21" s="72">
        <v>29</v>
      </c>
      <c r="FZ21" s="244"/>
      <c r="GA21" s="71">
        <v>25</v>
      </c>
      <c r="GB21" s="71">
        <v>31</v>
      </c>
      <c r="GC21" s="71">
        <v>22</v>
      </c>
      <c r="GD21" s="71">
        <v>13</v>
      </c>
      <c r="GE21" s="71">
        <v>13</v>
      </c>
      <c r="GF21" s="72">
        <v>104</v>
      </c>
      <c r="GG21" s="73">
        <v>133</v>
      </c>
      <c r="GH21" s="70">
        <v>798</v>
      </c>
      <c r="GI21" s="71">
        <v>1064</v>
      </c>
      <c r="GJ21" s="72">
        <v>1862</v>
      </c>
      <c r="GK21" s="244"/>
      <c r="GL21" s="71">
        <v>1419</v>
      </c>
      <c r="GM21" s="71">
        <v>1276</v>
      </c>
      <c r="GN21" s="71">
        <v>939</v>
      </c>
      <c r="GO21" s="71">
        <v>924</v>
      </c>
      <c r="GP21" s="71">
        <v>661</v>
      </c>
      <c r="GQ21" s="72">
        <v>5219</v>
      </c>
      <c r="GR21" s="73">
        <v>7081</v>
      </c>
      <c r="GS21" s="123">
        <v>1212</v>
      </c>
      <c r="GT21" s="82">
        <v>1456</v>
      </c>
      <c r="GU21" s="83">
        <v>2668</v>
      </c>
      <c r="GV21" s="241"/>
      <c r="GW21" s="82">
        <v>2312</v>
      </c>
      <c r="GX21" s="82">
        <v>1943</v>
      </c>
      <c r="GY21" s="82">
        <v>1446</v>
      </c>
      <c r="GZ21" s="82">
        <v>1352</v>
      </c>
      <c r="HA21" s="82">
        <v>941</v>
      </c>
      <c r="HB21" s="84">
        <v>7994</v>
      </c>
      <c r="HC21" s="85">
        <v>10662</v>
      </c>
      <c r="HD21" s="70">
        <v>39</v>
      </c>
      <c r="HE21" s="71">
        <v>57</v>
      </c>
      <c r="HF21" s="72">
        <v>96</v>
      </c>
      <c r="HG21" s="241"/>
      <c r="HH21" s="71">
        <v>90</v>
      </c>
      <c r="HI21" s="71">
        <v>74</v>
      </c>
      <c r="HJ21" s="71">
        <v>49</v>
      </c>
      <c r="HK21" s="71">
        <v>56</v>
      </c>
      <c r="HL21" s="71">
        <v>38</v>
      </c>
      <c r="HM21" s="72">
        <v>307</v>
      </c>
      <c r="HN21" s="73">
        <v>403</v>
      </c>
      <c r="HO21" s="70">
        <v>112</v>
      </c>
      <c r="HP21" s="71">
        <v>141</v>
      </c>
      <c r="HQ21" s="72">
        <v>253</v>
      </c>
      <c r="HR21" s="241"/>
      <c r="HS21" s="71">
        <v>192</v>
      </c>
      <c r="HT21" s="71">
        <v>178</v>
      </c>
      <c r="HU21" s="71">
        <v>124</v>
      </c>
      <c r="HV21" s="71">
        <v>98</v>
      </c>
      <c r="HW21" s="71">
        <v>77</v>
      </c>
      <c r="HX21" s="72">
        <v>669</v>
      </c>
      <c r="HY21" s="73">
        <v>922</v>
      </c>
      <c r="HZ21" s="70">
        <v>227</v>
      </c>
      <c r="IA21" s="71">
        <v>239</v>
      </c>
      <c r="IB21" s="72">
        <v>466</v>
      </c>
      <c r="IC21" s="241"/>
      <c r="ID21" s="71">
        <v>346</v>
      </c>
      <c r="IE21" s="71">
        <v>265</v>
      </c>
      <c r="IF21" s="71">
        <v>212</v>
      </c>
      <c r="IG21" s="71">
        <v>175</v>
      </c>
      <c r="IH21" s="71">
        <v>144</v>
      </c>
      <c r="II21" s="72">
        <v>1142</v>
      </c>
      <c r="IJ21" s="73">
        <v>1608</v>
      </c>
      <c r="IK21" s="70">
        <v>363</v>
      </c>
      <c r="IL21" s="71">
        <v>426</v>
      </c>
      <c r="IM21" s="72">
        <v>789</v>
      </c>
      <c r="IN21" s="241"/>
      <c r="IO21" s="71">
        <v>625</v>
      </c>
      <c r="IP21" s="71">
        <v>476</v>
      </c>
      <c r="IQ21" s="71">
        <v>294</v>
      </c>
      <c r="IR21" s="71">
        <v>280</v>
      </c>
      <c r="IS21" s="71">
        <v>213</v>
      </c>
      <c r="IT21" s="72">
        <v>1888</v>
      </c>
      <c r="IU21" s="73">
        <v>2677</v>
      </c>
      <c r="IV21" s="70">
        <v>320</v>
      </c>
      <c r="IW21" s="71">
        <v>379</v>
      </c>
      <c r="IX21" s="72">
        <v>699</v>
      </c>
      <c r="IY21" s="241"/>
      <c r="IZ21" s="71">
        <v>648</v>
      </c>
      <c r="JA21" s="71">
        <v>531</v>
      </c>
      <c r="JB21" s="71">
        <v>367</v>
      </c>
      <c r="JC21" s="71">
        <v>345</v>
      </c>
      <c r="JD21" s="71">
        <v>228</v>
      </c>
      <c r="JE21" s="72">
        <v>2119</v>
      </c>
      <c r="JF21" s="73">
        <v>2818</v>
      </c>
      <c r="JG21" s="70">
        <v>151</v>
      </c>
      <c r="JH21" s="71">
        <v>214</v>
      </c>
      <c r="JI21" s="72">
        <v>365</v>
      </c>
      <c r="JJ21" s="244"/>
      <c r="JK21" s="71">
        <v>411</v>
      </c>
      <c r="JL21" s="71">
        <v>419</v>
      </c>
      <c r="JM21" s="71">
        <v>400</v>
      </c>
      <c r="JN21" s="71">
        <v>398</v>
      </c>
      <c r="JO21" s="71">
        <v>241</v>
      </c>
      <c r="JP21" s="72">
        <v>1869</v>
      </c>
      <c r="JQ21" s="73">
        <v>2234</v>
      </c>
      <c r="JR21" s="70">
        <v>25</v>
      </c>
      <c r="JS21" s="71">
        <v>34</v>
      </c>
      <c r="JT21" s="72">
        <v>59</v>
      </c>
      <c r="JU21" s="244"/>
      <c r="JV21" s="71">
        <v>61</v>
      </c>
      <c r="JW21" s="71">
        <v>69</v>
      </c>
      <c r="JX21" s="71">
        <v>50</v>
      </c>
      <c r="JY21" s="71">
        <v>35</v>
      </c>
      <c r="JZ21" s="71">
        <v>42</v>
      </c>
      <c r="KA21" s="72">
        <v>257</v>
      </c>
      <c r="KB21" s="73">
        <v>316</v>
      </c>
      <c r="KC21" s="70">
        <v>1237</v>
      </c>
      <c r="KD21" s="71">
        <v>1490</v>
      </c>
      <c r="KE21" s="72">
        <v>2727</v>
      </c>
      <c r="KF21" s="244"/>
      <c r="KG21" s="71">
        <v>2373</v>
      </c>
      <c r="KH21" s="71">
        <v>2012</v>
      </c>
      <c r="KI21" s="71">
        <v>1496</v>
      </c>
      <c r="KJ21" s="71">
        <v>1387</v>
      </c>
      <c r="KK21" s="71">
        <v>983</v>
      </c>
      <c r="KL21" s="72">
        <v>8251</v>
      </c>
      <c r="KM21" s="73">
        <v>10978</v>
      </c>
    </row>
    <row r="22" spans="2:299" ht="19.5" customHeight="1" x14ac:dyDescent="0.2">
      <c r="B22" s="126" t="s">
        <v>19</v>
      </c>
      <c r="C22" s="315">
        <v>183</v>
      </c>
      <c r="D22" s="82">
        <v>168</v>
      </c>
      <c r="E22" s="83">
        <v>351</v>
      </c>
      <c r="F22" s="241"/>
      <c r="G22" s="82">
        <v>379</v>
      </c>
      <c r="H22" s="82">
        <v>308</v>
      </c>
      <c r="I22" s="82">
        <v>200</v>
      </c>
      <c r="J22" s="82">
        <v>143</v>
      </c>
      <c r="K22" s="82">
        <v>109</v>
      </c>
      <c r="L22" s="84">
        <v>1139</v>
      </c>
      <c r="M22" s="85">
        <v>1490</v>
      </c>
      <c r="N22" s="86">
        <v>13</v>
      </c>
      <c r="O22" s="71">
        <v>7</v>
      </c>
      <c r="P22" s="72">
        <v>20</v>
      </c>
      <c r="Q22" s="241"/>
      <c r="R22" s="71">
        <v>22</v>
      </c>
      <c r="S22" s="71">
        <v>17</v>
      </c>
      <c r="T22" s="71">
        <v>9</v>
      </c>
      <c r="U22" s="71">
        <v>7</v>
      </c>
      <c r="V22" s="71">
        <v>10</v>
      </c>
      <c r="W22" s="72">
        <v>65</v>
      </c>
      <c r="X22" s="73">
        <v>85</v>
      </c>
      <c r="Y22" s="70">
        <v>15</v>
      </c>
      <c r="Z22" s="71">
        <v>17</v>
      </c>
      <c r="AA22" s="72">
        <v>32</v>
      </c>
      <c r="AB22" s="241"/>
      <c r="AC22" s="71">
        <v>42</v>
      </c>
      <c r="AD22" s="71">
        <v>53</v>
      </c>
      <c r="AE22" s="71">
        <v>26</v>
      </c>
      <c r="AF22" s="71">
        <v>17</v>
      </c>
      <c r="AG22" s="71">
        <v>14</v>
      </c>
      <c r="AH22" s="72">
        <v>152</v>
      </c>
      <c r="AI22" s="73">
        <v>184</v>
      </c>
      <c r="AJ22" s="86">
        <v>36</v>
      </c>
      <c r="AK22" s="71">
        <v>24</v>
      </c>
      <c r="AL22" s="72">
        <v>60</v>
      </c>
      <c r="AM22" s="241"/>
      <c r="AN22" s="71">
        <v>61</v>
      </c>
      <c r="AO22" s="71">
        <v>45</v>
      </c>
      <c r="AP22" s="71">
        <v>37</v>
      </c>
      <c r="AQ22" s="71">
        <v>26</v>
      </c>
      <c r="AR22" s="71">
        <v>15</v>
      </c>
      <c r="AS22" s="72">
        <v>184</v>
      </c>
      <c r="AT22" s="73">
        <v>244</v>
      </c>
      <c r="AU22" s="70">
        <v>49</v>
      </c>
      <c r="AV22" s="71">
        <v>39</v>
      </c>
      <c r="AW22" s="72">
        <v>88</v>
      </c>
      <c r="AX22" s="241"/>
      <c r="AY22" s="71">
        <v>87</v>
      </c>
      <c r="AZ22" s="71">
        <v>66</v>
      </c>
      <c r="BA22" s="71">
        <v>56</v>
      </c>
      <c r="BB22" s="71">
        <v>39</v>
      </c>
      <c r="BC22" s="71">
        <v>28</v>
      </c>
      <c r="BD22" s="72">
        <v>276</v>
      </c>
      <c r="BE22" s="73">
        <v>364</v>
      </c>
      <c r="BF22" s="86">
        <v>50</v>
      </c>
      <c r="BG22" s="71">
        <v>45</v>
      </c>
      <c r="BH22" s="72">
        <v>95</v>
      </c>
      <c r="BI22" s="241"/>
      <c r="BJ22" s="71">
        <v>104</v>
      </c>
      <c r="BK22" s="71">
        <v>70</v>
      </c>
      <c r="BL22" s="71">
        <v>41</v>
      </c>
      <c r="BM22" s="71">
        <v>32</v>
      </c>
      <c r="BN22" s="71">
        <v>24</v>
      </c>
      <c r="BO22" s="72">
        <v>271</v>
      </c>
      <c r="BP22" s="73">
        <v>366</v>
      </c>
      <c r="BQ22" s="70">
        <v>20</v>
      </c>
      <c r="BR22" s="71">
        <v>36</v>
      </c>
      <c r="BS22" s="72">
        <v>56</v>
      </c>
      <c r="BT22" s="241"/>
      <c r="BU22" s="71">
        <v>63</v>
      </c>
      <c r="BV22" s="71">
        <v>57</v>
      </c>
      <c r="BW22" s="71">
        <v>31</v>
      </c>
      <c r="BX22" s="71">
        <v>22</v>
      </c>
      <c r="BY22" s="71">
        <v>18</v>
      </c>
      <c r="BZ22" s="72">
        <v>191</v>
      </c>
      <c r="CA22" s="73">
        <v>247</v>
      </c>
      <c r="CB22" s="70">
        <v>3</v>
      </c>
      <c r="CC22" s="71">
        <v>12</v>
      </c>
      <c r="CD22" s="72">
        <v>15</v>
      </c>
      <c r="CE22" s="241"/>
      <c r="CF22" s="71">
        <v>12</v>
      </c>
      <c r="CG22" s="71">
        <v>13</v>
      </c>
      <c r="CH22" s="71">
        <v>14</v>
      </c>
      <c r="CI22" s="71">
        <v>10</v>
      </c>
      <c r="CJ22" s="71">
        <v>6</v>
      </c>
      <c r="CK22" s="72">
        <v>55</v>
      </c>
      <c r="CL22" s="73">
        <v>70</v>
      </c>
      <c r="CM22" s="70">
        <v>186</v>
      </c>
      <c r="CN22" s="71">
        <v>180</v>
      </c>
      <c r="CO22" s="72">
        <v>366</v>
      </c>
      <c r="CP22" s="241"/>
      <c r="CQ22" s="71">
        <v>391</v>
      </c>
      <c r="CR22" s="71">
        <v>321</v>
      </c>
      <c r="CS22" s="71">
        <v>214</v>
      </c>
      <c r="CT22" s="71">
        <v>153</v>
      </c>
      <c r="CU22" s="71">
        <v>115</v>
      </c>
      <c r="CV22" s="72">
        <v>1194</v>
      </c>
      <c r="CW22" s="73">
        <v>1560</v>
      </c>
      <c r="CX22" s="123">
        <v>334</v>
      </c>
      <c r="CY22" s="82">
        <v>392</v>
      </c>
      <c r="CZ22" s="83">
        <v>726</v>
      </c>
      <c r="DA22" s="241"/>
      <c r="DB22" s="82">
        <v>642</v>
      </c>
      <c r="DC22" s="82">
        <v>488</v>
      </c>
      <c r="DD22" s="82">
        <v>426</v>
      </c>
      <c r="DE22" s="82">
        <v>368</v>
      </c>
      <c r="DF22" s="82">
        <v>244</v>
      </c>
      <c r="DG22" s="84">
        <v>2168</v>
      </c>
      <c r="DH22" s="85">
        <v>2894</v>
      </c>
      <c r="DI22" s="86">
        <v>14</v>
      </c>
      <c r="DJ22" s="71">
        <v>9</v>
      </c>
      <c r="DK22" s="72">
        <v>23</v>
      </c>
      <c r="DL22" s="241"/>
      <c r="DM22" s="71">
        <v>14</v>
      </c>
      <c r="DN22" s="71">
        <v>13</v>
      </c>
      <c r="DO22" s="71">
        <v>9</v>
      </c>
      <c r="DP22" s="71">
        <v>1</v>
      </c>
      <c r="DQ22" s="71">
        <v>5</v>
      </c>
      <c r="DR22" s="72">
        <v>42</v>
      </c>
      <c r="DS22" s="73">
        <v>65</v>
      </c>
      <c r="DT22" s="70">
        <v>23</v>
      </c>
      <c r="DU22" s="71">
        <v>41</v>
      </c>
      <c r="DV22" s="72">
        <v>64</v>
      </c>
      <c r="DW22" s="241"/>
      <c r="DX22" s="71">
        <v>46</v>
      </c>
      <c r="DY22" s="71">
        <v>23</v>
      </c>
      <c r="DZ22" s="71">
        <v>18</v>
      </c>
      <c r="EA22" s="71">
        <v>17</v>
      </c>
      <c r="EB22" s="71">
        <v>16</v>
      </c>
      <c r="EC22" s="72">
        <v>120</v>
      </c>
      <c r="ED22" s="73">
        <v>184</v>
      </c>
      <c r="EE22" s="86">
        <v>51</v>
      </c>
      <c r="EF22" s="71">
        <v>55</v>
      </c>
      <c r="EG22" s="72">
        <v>106</v>
      </c>
      <c r="EH22" s="241"/>
      <c r="EI22" s="71">
        <v>91</v>
      </c>
      <c r="EJ22" s="71">
        <v>62</v>
      </c>
      <c r="EK22" s="71">
        <v>39</v>
      </c>
      <c r="EL22" s="71">
        <v>41</v>
      </c>
      <c r="EM22" s="71">
        <v>33</v>
      </c>
      <c r="EN22" s="72">
        <v>266</v>
      </c>
      <c r="EO22" s="73">
        <v>372</v>
      </c>
      <c r="EP22" s="70">
        <v>113</v>
      </c>
      <c r="EQ22" s="71">
        <v>96</v>
      </c>
      <c r="ER22" s="72">
        <v>209</v>
      </c>
      <c r="ES22" s="241"/>
      <c r="ET22" s="71">
        <v>164</v>
      </c>
      <c r="EU22" s="71">
        <v>111</v>
      </c>
      <c r="EV22" s="71">
        <v>81</v>
      </c>
      <c r="EW22" s="71">
        <v>64</v>
      </c>
      <c r="EX22" s="71">
        <v>44</v>
      </c>
      <c r="EY22" s="72">
        <v>464</v>
      </c>
      <c r="EZ22" s="73">
        <v>673</v>
      </c>
      <c r="FA22" s="86">
        <v>88</v>
      </c>
      <c r="FB22" s="71">
        <v>113</v>
      </c>
      <c r="FC22" s="72">
        <v>201</v>
      </c>
      <c r="FD22" s="241"/>
      <c r="FE22" s="71">
        <v>167</v>
      </c>
      <c r="FF22" s="71">
        <v>138</v>
      </c>
      <c r="FG22" s="71">
        <v>119</v>
      </c>
      <c r="FH22" s="71">
        <v>76</v>
      </c>
      <c r="FI22" s="71">
        <v>50</v>
      </c>
      <c r="FJ22" s="72">
        <v>550</v>
      </c>
      <c r="FK22" s="73">
        <v>751</v>
      </c>
      <c r="FL22" s="70">
        <v>45</v>
      </c>
      <c r="FM22" s="71">
        <v>78</v>
      </c>
      <c r="FN22" s="72">
        <v>123</v>
      </c>
      <c r="FO22" s="241"/>
      <c r="FP22" s="71">
        <v>160</v>
      </c>
      <c r="FQ22" s="71">
        <v>141</v>
      </c>
      <c r="FR22" s="71">
        <v>160</v>
      </c>
      <c r="FS22" s="71">
        <v>169</v>
      </c>
      <c r="FT22" s="71">
        <v>96</v>
      </c>
      <c r="FU22" s="72">
        <v>726</v>
      </c>
      <c r="FV22" s="73">
        <v>849</v>
      </c>
      <c r="FW22" s="70">
        <v>4</v>
      </c>
      <c r="FX22" s="71">
        <v>4</v>
      </c>
      <c r="FY22" s="72">
        <v>8</v>
      </c>
      <c r="FZ22" s="244"/>
      <c r="GA22" s="71">
        <v>7</v>
      </c>
      <c r="GB22" s="71">
        <v>10</v>
      </c>
      <c r="GC22" s="71">
        <v>4</v>
      </c>
      <c r="GD22" s="71">
        <v>4</v>
      </c>
      <c r="GE22" s="71">
        <v>5</v>
      </c>
      <c r="GF22" s="72">
        <v>30</v>
      </c>
      <c r="GG22" s="73">
        <v>38</v>
      </c>
      <c r="GH22" s="70">
        <v>338</v>
      </c>
      <c r="GI22" s="71">
        <v>396</v>
      </c>
      <c r="GJ22" s="72">
        <v>734</v>
      </c>
      <c r="GK22" s="244"/>
      <c r="GL22" s="71">
        <v>649</v>
      </c>
      <c r="GM22" s="71">
        <v>498</v>
      </c>
      <c r="GN22" s="71">
        <v>430</v>
      </c>
      <c r="GO22" s="71">
        <v>372</v>
      </c>
      <c r="GP22" s="71">
        <v>249</v>
      </c>
      <c r="GQ22" s="72">
        <v>2198</v>
      </c>
      <c r="GR22" s="73">
        <v>2932</v>
      </c>
      <c r="GS22" s="123">
        <v>517</v>
      </c>
      <c r="GT22" s="82">
        <v>560</v>
      </c>
      <c r="GU22" s="83">
        <v>1077</v>
      </c>
      <c r="GV22" s="241"/>
      <c r="GW22" s="82">
        <v>1021</v>
      </c>
      <c r="GX22" s="82">
        <v>796</v>
      </c>
      <c r="GY22" s="82">
        <v>626</v>
      </c>
      <c r="GZ22" s="82">
        <v>511</v>
      </c>
      <c r="HA22" s="82">
        <v>353</v>
      </c>
      <c r="HB22" s="84">
        <v>3307</v>
      </c>
      <c r="HC22" s="85">
        <v>4384</v>
      </c>
      <c r="HD22" s="86">
        <v>27</v>
      </c>
      <c r="HE22" s="71">
        <v>16</v>
      </c>
      <c r="HF22" s="72">
        <v>43</v>
      </c>
      <c r="HG22" s="241"/>
      <c r="HH22" s="71">
        <v>36</v>
      </c>
      <c r="HI22" s="71">
        <v>30</v>
      </c>
      <c r="HJ22" s="71">
        <v>18</v>
      </c>
      <c r="HK22" s="71">
        <v>8</v>
      </c>
      <c r="HL22" s="71">
        <v>15</v>
      </c>
      <c r="HM22" s="72">
        <v>107</v>
      </c>
      <c r="HN22" s="73">
        <v>150</v>
      </c>
      <c r="HO22" s="70">
        <v>38</v>
      </c>
      <c r="HP22" s="71">
        <v>58</v>
      </c>
      <c r="HQ22" s="72">
        <v>96</v>
      </c>
      <c r="HR22" s="241"/>
      <c r="HS22" s="71">
        <v>88</v>
      </c>
      <c r="HT22" s="71">
        <v>76</v>
      </c>
      <c r="HU22" s="71">
        <v>44</v>
      </c>
      <c r="HV22" s="71">
        <v>34</v>
      </c>
      <c r="HW22" s="71">
        <v>30</v>
      </c>
      <c r="HX22" s="72">
        <v>272</v>
      </c>
      <c r="HY22" s="73">
        <v>368</v>
      </c>
      <c r="HZ22" s="86">
        <v>87</v>
      </c>
      <c r="IA22" s="71">
        <v>79</v>
      </c>
      <c r="IB22" s="72">
        <v>166</v>
      </c>
      <c r="IC22" s="241"/>
      <c r="ID22" s="71">
        <v>152</v>
      </c>
      <c r="IE22" s="71">
        <v>107</v>
      </c>
      <c r="IF22" s="71">
        <v>76</v>
      </c>
      <c r="IG22" s="71">
        <v>67</v>
      </c>
      <c r="IH22" s="71">
        <v>48</v>
      </c>
      <c r="II22" s="72">
        <v>450</v>
      </c>
      <c r="IJ22" s="73">
        <v>616</v>
      </c>
      <c r="IK22" s="70">
        <v>162</v>
      </c>
      <c r="IL22" s="71">
        <v>135</v>
      </c>
      <c r="IM22" s="72">
        <v>297</v>
      </c>
      <c r="IN22" s="241"/>
      <c r="IO22" s="71">
        <v>251</v>
      </c>
      <c r="IP22" s="71">
        <v>177</v>
      </c>
      <c r="IQ22" s="71">
        <v>137</v>
      </c>
      <c r="IR22" s="71">
        <v>103</v>
      </c>
      <c r="IS22" s="71">
        <v>72</v>
      </c>
      <c r="IT22" s="72">
        <v>740</v>
      </c>
      <c r="IU22" s="73">
        <v>1037</v>
      </c>
      <c r="IV22" s="86">
        <v>138</v>
      </c>
      <c r="IW22" s="71">
        <v>158</v>
      </c>
      <c r="IX22" s="72">
        <v>296</v>
      </c>
      <c r="IY22" s="241"/>
      <c r="IZ22" s="71">
        <v>271</v>
      </c>
      <c r="JA22" s="71">
        <v>208</v>
      </c>
      <c r="JB22" s="71">
        <v>160</v>
      </c>
      <c r="JC22" s="71">
        <v>108</v>
      </c>
      <c r="JD22" s="71">
        <v>74</v>
      </c>
      <c r="JE22" s="72">
        <v>821</v>
      </c>
      <c r="JF22" s="73">
        <v>1117</v>
      </c>
      <c r="JG22" s="70">
        <v>65</v>
      </c>
      <c r="JH22" s="71">
        <v>114</v>
      </c>
      <c r="JI22" s="72">
        <v>179</v>
      </c>
      <c r="JJ22" s="244"/>
      <c r="JK22" s="71">
        <v>223</v>
      </c>
      <c r="JL22" s="71">
        <v>198</v>
      </c>
      <c r="JM22" s="71">
        <v>191</v>
      </c>
      <c r="JN22" s="71">
        <v>191</v>
      </c>
      <c r="JO22" s="71">
        <v>114</v>
      </c>
      <c r="JP22" s="72">
        <v>917</v>
      </c>
      <c r="JQ22" s="73">
        <v>1096</v>
      </c>
      <c r="JR22" s="70">
        <v>7</v>
      </c>
      <c r="JS22" s="71">
        <v>16</v>
      </c>
      <c r="JT22" s="72">
        <v>23</v>
      </c>
      <c r="JU22" s="244"/>
      <c r="JV22" s="71">
        <v>19</v>
      </c>
      <c r="JW22" s="71">
        <v>23</v>
      </c>
      <c r="JX22" s="71">
        <v>18</v>
      </c>
      <c r="JY22" s="71">
        <v>14</v>
      </c>
      <c r="JZ22" s="71">
        <v>11</v>
      </c>
      <c r="KA22" s="72">
        <v>85</v>
      </c>
      <c r="KB22" s="73">
        <v>108</v>
      </c>
      <c r="KC22" s="70">
        <v>524</v>
      </c>
      <c r="KD22" s="71">
        <v>576</v>
      </c>
      <c r="KE22" s="72">
        <v>1100</v>
      </c>
      <c r="KF22" s="244"/>
      <c r="KG22" s="71">
        <v>1040</v>
      </c>
      <c r="KH22" s="71">
        <v>819</v>
      </c>
      <c r="KI22" s="71">
        <v>644</v>
      </c>
      <c r="KJ22" s="71">
        <v>525</v>
      </c>
      <c r="KK22" s="71">
        <v>364</v>
      </c>
      <c r="KL22" s="72">
        <v>3392</v>
      </c>
      <c r="KM22" s="73">
        <v>4492</v>
      </c>
    </row>
    <row r="23" spans="2:299" ht="19.5" customHeight="1" x14ac:dyDescent="0.2">
      <c r="B23" s="126" t="s">
        <v>20</v>
      </c>
      <c r="C23" s="315">
        <v>243</v>
      </c>
      <c r="D23" s="82">
        <v>316</v>
      </c>
      <c r="E23" s="83">
        <v>559</v>
      </c>
      <c r="F23" s="241"/>
      <c r="G23" s="82">
        <v>571</v>
      </c>
      <c r="H23" s="82">
        <v>336</v>
      </c>
      <c r="I23" s="82">
        <v>251</v>
      </c>
      <c r="J23" s="82">
        <v>196</v>
      </c>
      <c r="K23" s="82">
        <v>108</v>
      </c>
      <c r="L23" s="84">
        <v>1462</v>
      </c>
      <c r="M23" s="85">
        <v>2021</v>
      </c>
      <c r="N23" s="70">
        <v>11</v>
      </c>
      <c r="O23" s="71">
        <v>8</v>
      </c>
      <c r="P23" s="72">
        <v>19</v>
      </c>
      <c r="Q23" s="241"/>
      <c r="R23" s="71">
        <v>26</v>
      </c>
      <c r="S23" s="71">
        <v>21</v>
      </c>
      <c r="T23" s="71">
        <v>13</v>
      </c>
      <c r="U23" s="71">
        <v>12</v>
      </c>
      <c r="V23" s="71">
        <v>8</v>
      </c>
      <c r="W23" s="72">
        <v>80</v>
      </c>
      <c r="X23" s="73">
        <v>99</v>
      </c>
      <c r="Y23" s="70">
        <v>27</v>
      </c>
      <c r="Z23" s="71">
        <v>31</v>
      </c>
      <c r="AA23" s="72">
        <v>58</v>
      </c>
      <c r="AB23" s="241"/>
      <c r="AC23" s="71">
        <v>64</v>
      </c>
      <c r="AD23" s="71">
        <v>47</v>
      </c>
      <c r="AE23" s="71">
        <v>29</v>
      </c>
      <c r="AF23" s="71">
        <v>27</v>
      </c>
      <c r="AG23" s="71">
        <v>22</v>
      </c>
      <c r="AH23" s="72">
        <v>189</v>
      </c>
      <c r="AI23" s="73">
        <v>247</v>
      </c>
      <c r="AJ23" s="70">
        <v>51</v>
      </c>
      <c r="AK23" s="71">
        <v>56</v>
      </c>
      <c r="AL23" s="72">
        <v>107</v>
      </c>
      <c r="AM23" s="241"/>
      <c r="AN23" s="71">
        <v>84</v>
      </c>
      <c r="AO23" s="71">
        <v>56</v>
      </c>
      <c r="AP23" s="71">
        <v>40</v>
      </c>
      <c r="AQ23" s="71">
        <v>32</v>
      </c>
      <c r="AR23" s="71">
        <v>26</v>
      </c>
      <c r="AS23" s="72">
        <v>238</v>
      </c>
      <c r="AT23" s="73">
        <v>345</v>
      </c>
      <c r="AU23" s="70">
        <v>57</v>
      </c>
      <c r="AV23" s="71">
        <v>99</v>
      </c>
      <c r="AW23" s="72">
        <v>156</v>
      </c>
      <c r="AX23" s="241"/>
      <c r="AY23" s="71">
        <v>166</v>
      </c>
      <c r="AZ23" s="71">
        <v>93</v>
      </c>
      <c r="BA23" s="71">
        <v>73</v>
      </c>
      <c r="BB23" s="71">
        <v>58</v>
      </c>
      <c r="BC23" s="71">
        <v>28</v>
      </c>
      <c r="BD23" s="72">
        <v>418</v>
      </c>
      <c r="BE23" s="73">
        <v>574</v>
      </c>
      <c r="BF23" s="70">
        <v>66</v>
      </c>
      <c r="BG23" s="71">
        <v>80</v>
      </c>
      <c r="BH23" s="72">
        <v>146</v>
      </c>
      <c r="BI23" s="241"/>
      <c r="BJ23" s="71">
        <v>166</v>
      </c>
      <c r="BK23" s="71">
        <v>75</v>
      </c>
      <c r="BL23" s="71">
        <v>59</v>
      </c>
      <c r="BM23" s="71">
        <v>43</v>
      </c>
      <c r="BN23" s="71">
        <v>17</v>
      </c>
      <c r="BO23" s="72">
        <v>360</v>
      </c>
      <c r="BP23" s="73">
        <v>506</v>
      </c>
      <c r="BQ23" s="70">
        <v>31</v>
      </c>
      <c r="BR23" s="71">
        <v>42</v>
      </c>
      <c r="BS23" s="72">
        <v>73</v>
      </c>
      <c r="BT23" s="241"/>
      <c r="BU23" s="71">
        <v>65</v>
      </c>
      <c r="BV23" s="71">
        <v>44</v>
      </c>
      <c r="BW23" s="71">
        <v>37</v>
      </c>
      <c r="BX23" s="71">
        <v>24</v>
      </c>
      <c r="BY23" s="71">
        <v>7</v>
      </c>
      <c r="BZ23" s="72">
        <v>177</v>
      </c>
      <c r="CA23" s="73">
        <v>250</v>
      </c>
      <c r="CB23" s="70">
        <v>8</v>
      </c>
      <c r="CC23" s="71">
        <v>15</v>
      </c>
      <c r="CD23" s="72">
        <v>23</v>
      </c>
      <c r="CE23" s="241"/>
      <c r="CF23" s="71">
        <v>28</v>
      </c>
      <c r="CG23" s="71">
        <v>12</v>
      </c>
      <c r="CH23" s="71">
        <v>11</v>
      </c>
      <c r="CI23" s="71">
        <v>12</v>
      </c>
      <c r="CJ23" s="71">
        <v>6</v>
      </c>
      <c r="CK23" s="72">
        <v>69</v>
      </c>
      <c r="CL23" s="73">
        <v>92</v>
      </c>
      <c r="CM23" s="70">
        <v>251</v>
      </c>
      <c r="CN23" s="71">
        <v>331</v>
      </c>
      <c r="CO23" s="72">
        <v>582</v>
      </c>
      <c r="CP23" s="241"/>
      <c r="CQ23" s="71">
        <v>599</v>
      </c>
      <c r="CR23" s="71">
        <v>348</v>
      </c>
      <c r="CS23" s="71">
        <v>262</v>
      </c>
      <c r="CT23" s="71">
        <v>208</v>
      </c>
      <c r="CU23" s="71">
        <v>114</v>
      </c>
      <c r="CV23" s="72">
        <v>1531</v>
      </c>
      <c r="CW23" s="73">
        <v>2113</v>
      </c>
      <c r="CX23" s="123">
        <v>464</v>
      </c>
      <c r="CY23" s="82">
        <v>600</v>
      </c>
      <c r="CZ23" s="83">
        <v>1064</v>
      </c>
      <c r="DA23" s="241"/>
      <c r="DB23" s="82">
        <v>822</v>
      </c>
      <c r="DC23" s="82">
        <v>519</v>
      </c>
      <c r="DD23" s="82">
        <v>469</v>
      </c>
      <c r="DE23" s="82">
        <v>405</v>
      </c>
      <c r="DF23" s="82">
        <v>246</v>
      </c>
      <c r="DG23" s="84">
        <v>2461</v>
      </c>
      <c r="DH23" s="85">
        <v>3525</v>
      </c>
      <c r="DI23" s="70">
        <v>9</v>
      </c>
      <c r="DJ23" s="71">
        <v>10</v>
      </c>
      <c r="DK23" s="72">
        <v>19</v>
      </c>
      <c r="DL23" s="241"/>
      <c r="DM23" s="71">
        <v>18</v>
      </c>
      <c r="DN23" s="71">
        <v>13</v>
      </c>
      <c r="DO23" s="71">
        <v>10</v>
      </c>
      <c r="DP23" s="71">
        <v>11</v>
      </c>
      <c r="DQ23" s="71">
        <v>3</v>
      </c>
      <c r="DR23" s="72">
        <v>55</v>
      </c>
      <c r="DS23" s="73">
        <v>74</v>
      </c>
      <c r="DT23" s="70">
        <v>39</v>
      </c>
      <c r="DU23" s="71">
        <v>46</v>
      </c>
      <c r="DV23" s="72">
        <v>85</v>
      </c>
      <c r="DW23" s="241"/>
      <c r="DX23" s="71">
        <v>61</v>
      </c>
      <c r="DY23" s="71">
        <v>30</v>
      </c>
      <c r="DZ23" s="71">
        <v>25</v>
      </c>
      <c r="EA23" s="71">
        <v>23</v>
      </c>
      <c r="EB23" s="71">
        <v>23</v>
      </c>
      <c r="EC23" s="72">
        <v>162</v>
      </c>
      <c r="ED23" s="73">
        <v>247</v>
      </c>
      <c r="EE23" s="70">
        <v>85</v>
      </c>
      <c r="EF23" s="71">
        <v>82</v>
      </c>
      <c r="EG23" s="72">
        <v>167</v>
      </c>
      <c r="EH23" s="241"/>
      <c r="EI23" s="71">
        <v>134</v>
      </c>
      <c r="EJ23" s="71">
        <v>62</v>
      </c>
      <c r="EK23" s="71">
        <v>37</v>
      </c>
      <c r="EL23" s="71">
        <v>40</v>
      </c>
      <c r="EM23" s="71">
        <v>34</v>
      </c>
      <c r="EN23" s="72">
        <v>307</v>
      </c>
      <c r="EO23" s="73">
        <v>474</v>
      </c>
      <c r="EP23" s="70">
        <v>154</v>
      </c>
      <c r="EQ23" s="71">
        <v>182</v>
      </c>
      <c r="ER23" s="72">
        <v>336</v>
      </c>
      <c r="ES23" s="241"/>
      <c r="ET23" s="71">
        <v>188</v>
      </c>
      <c r="EU23" s="71">
        <v>112</v>
      </c>
      <c r="EV23" s="71">
        <v>107</v>
      </c>
      <c r="EW23" s="71">
        <v>66</v>
      </c>
      <c r="EX23" s="71">
        <v>42</v>
      </c>
      <c r="EY23" s="72">
        <v>515</v>
      </c>
      <c r="EZ23" s="73">
        <v>851</v>
      </c>
      <c r="FA23" s="70">
        <v>132</v>
      </c>
      <c r="FB23" s="71">
        <v>158</v>
      </c>
      <c r="FC23" s="72">
        <v>290</v>
      </c>
      <c r="FD23" s="241"/>
      <c r="FE23" s="71">
        <v>228</v>
      </c>
      <c r="FF23" s="71">
        <v>143</v>
      </c>
      <c r="FG23" s="71">
        <v>130</v>
      </c>
      <c r="FH23" s="71">
        <v>107</v>
      </c>
      <c r="FI23" s="71">
        <v>63</v>
      </c>
      <c r="FJ23" s="72">
        <v>671</v>
      </c>
      <c r="FK23" s="73">
        <v>961</v>
      </c>
      <c r="FL23" s="70">
        <v>45</v>
      </c>
      <c r="FM23" s="71">
        <v>122</v>
      </c>
      <c r="FN23" s="72">
        <v>167</v>
      </c>
      <c r="FO23" s="241"/>
      <c r="FP23" s="71">
        <v>193</v>
      </c>
      <c r="FQ23" s="71">
        <v>159</v>
      </c>
      <c r="FR23" s="71">
        <v>160</v>
      </c>
      <c r="FS23" s="71">
        <v>158</v>
      </c>
      <c r="FT23" s="71">
        <v>81</v>
      </c>
      <c r="FU23" s="72">
        <v>751</v>
      </c>
      <c r="FV23" s="73">
        <v>918</v>
      </c>
      <c r="FW23" s="70">
        <v>7</v>
      </c>
      <c r="FX23" s="71">
        <v>14</v>
      </c>
      <c r="FY23" s="72">
        <v>21</v>
      </c>
      <c r="FZ23" s="244"/>
      <c r="GA23" s="71">
        <v>15</v>
      </c>
      <c r="GB23" s="71">
        <v>11</v>
      </c>
      <c r="GC23" s="71">
        <v>5</v>
      </c>
      <c r="GD23" s="71">
        <v>9</v>
      </c>
      <c r="GE23" s="71">
        <v>5</v>
      </c>
      <c r="GF23" s="72">
        <v>45</v>
      </c>
      <c r="GG23" s="73">
        <v>66</v>
      </c>
      <c r="GH23" s="70">
        <v>471</v>
      </c>
      <c r="GI23" s="71">
        <v>614</v>
      </c>
      <c r="GJ23" s="72">
        <v>1085</v>
      </c>
      <c r="GK23" s="244"/>
      <c r="GL23" s="71">
        <v>837</v>
      </c>
      <c r="GM23" s="71">
        <v>530</v>
      </c>
      <c r="GN23" s="71">
        <v>474</v>
      </c>
      <c r="GO23" s="71">
        <v>414</v>
      </c>
      <c r="GP23" s="71">
        <v>251</v>
      </c>
      <c r="GQ23" s="72">
        <v>2506</v>
      </c>
      <c r="GR23" s="73">
        <v>3591</v>
      </c>
      <c r="GS23" s="123">
        <v>707</v>
      </c>
      <c r="GT23" s="82">
        <v>916</v>
      </c>
      <c r="GU23" s="83">
        <v>1623</v>
      </c>
      <c r="GV23" s="241"/>
      <c r="GW23" s="82">
        <v>1393</v>
      </c>
      <c r="GX23" s="82">
        <v>855</v>
      </c>
      <c r="GY23" s="82">
        <v>720</v>
      </c>
      <c r="GZ23" s="82">
        <v>601</v>
      </c>
      <c r="HA23" s="82">
        <v>354</v>
      </c>
      <c r="HB23" s="84">
        <v>3923</v>
      </c>
      <c r="HC23" s="85">
        <v>5546</v>
      </c>
      <c r="HD23" s="70">
        <v>20</v>
      </c>
      <c r="HE23" s="71">
        <v>18</v>
      </c>
      <c r="HF23" s="72">
        <v>38</v>
      </c>
      <c r="HG23" s="241"/>
      <c r="HH23" s="71">
        <v>44</v>
      </c>
      <c r="HI23" s="71">
        <v>34</v>
      </c>
      <c r="HJ23" s="71">
        <v>23</v>
      </c>
      <c r="HK23" s="71">
        <v>23</v>
      </c>
      <c r="HL23" s="71">
        <v>11</v>
      </c>
      <c r="HM23" s="72">
        <v>135</v>
      </c>
      <c r="HN23" s="73">
        <v>173</v>
      </c>
      <c r="HO23" s="70">
        <v>66</v>
      </c>
      <c r="HP23" s="71">
        <v>77</v>
      </c>
      <c r="HQ23" s="72">
        <v>143</v>
      </c>
      <c r="HR23" s="241"/>
      <c r="HS23" s="71">
        <v>125</v>
      </c>
      <c r="HT23" s="71">
        <v>77</v>
      </c>
      <c r="HU23" s="71">
        <v>54</v>
      </c>
      <c r="HV23" s="71">
        <v>50</v>
      </c>
      <c r="HW23" s="71">
        <v>45</v>
      </c>
      <c r="HX23" s="72">
        <v>351</v>
      </c>
      <c r="HY23" s="73">
        <v>494</v>
      </c>
      <c r="HZ23" s="70">
        <v>136</v>
      </c>
      <c r="IA23" s="71">
        <v>138</v>
      </c>
      <c r="IB23" s="72">
        <v>274</v>
      </c>
      <c r="IC23" s="241"/>
      <c r="ID23" s="71">
        <v>218</v>
      </c>
      <c r="IE23" s="71">
        <v>118</v>
      </c>
      <c r="IF23" s="71">
        <v>77</v>
      </c>
      <c r="IG23" s="71">
        <v>72</v>
      </c>
      <c r="IH23" s="71">
        <v>60</v>
      </c>
      <c r="II23" s="72">
        <v>545</v>
      </c>
      <c r="IJ23" s="73">
        <v>819</v>
      </c>
      <c r="IK23" s="70">
        <v>211</v>
      </c>
      <c r="IL23" s="71">
        <v>281</v>
      </c>
      <c r="IM23" s="72">
        <v>492</v>
      </c>
      <c r="IN23" s="241"/>
      <c r="IO23" s="71">
        <v>354</v>
      </c>
      <c r="IP23" s="71">
        <v>205</v>
      </c>
      <c r="IQ23" s="71">
        <v>180</v>
      </c>
      <c r="IR23" s="71">
        <v>124</v>
      </c>
      <c r="IS23" s="71">
        <v>70</v>
      </c>
      <c r="IT23" s="72">
        <v>933</v>
      </c>
      <c r="IU23" s="73">
        <v>1425</v>
      </c>
      <c r="IV23" s="70">
        <v>198</v>
      </c>
      <c r="IW23" s="71">
        <v>238</v>
      </c>
      <c r="IX23" s="72">
        <v>436</v>
      </c>
      <c r="IY23" s="241"/>
      <c r="IZ23" s="71">
        <v>394</v>
      </c>
      <c r="JA23" s="71">
        <v>218</v>
      </c>
      <c r="JB23" s="71">
        <v>189</v>
      </c>
      <c r="JC23" s="71">
        <v>150</v>
      </c>
      <c r="JD23" s="71">
        <v>80</v>
      </c>
      <c r="JE23" s="72">
        <v>1031</v>
      </c>
      <c r="JF23" s="73">
        <v>1467</v>
      </c>
      <c r="JG23" s="70">
        <v>76</v>
      </c>
      <c r="JH23" s="71">
        <v>164</v>
      </c>
      <c r="JI23" s="72">
        <v>240</v>
      </c>
      <c r="JJ23" s="244"/>
      <c r="JK23" s="71">
        <v>258</v>
      </c>
      <c r="JL23" s="71">
        <v>203</v>
      </c>
      <c r="JM23" s="71">
        <v>197</v>
      </c>
      <c r="JN23" s="71">
        <v>182</v>
      </c>
      <c r="JO23" s="71">
        <v>88</v>
      </c>
      <c r="JP23" s="72">
        <v>928</v>
      </c>
      <c r="JQ23" s="73">
        <v>1168</v>
      </c>
      <c r="JR23" s="70">
        <v>15</v>
      </c>
      <c r="JS23" s="71">
        <v>29</v>
      </c>
      <c r="JT23" s="72">
        <v>44</v>
      </c>
      <c r="JU23" s="244"/>
      <c r="JV23" s="71">
        <v>43</v>
      </c>
      <c r="JW23" s="71">
        <v>23</v>
      </c>
      <c r="JX23" s="71">
        <v>16</v>
      </c>
      <c r="JY23" s="71">
        <v>21</v>
      </c>
      <c r="JZ23" s="71">
        <v>11</v>
      </c>
      <c r="KA23" s="72">
        <v>114</v>
      </c>
      <c r="KB23" s="73">
        <v>158</v>
      </c>
      <c r="KC23" s="70">
        <v>722</v>
      </c>
      <c r="KD23" s="71">
        <v>945</v>
      </c>
      <c r="KE23" s="72">
        <v>1667</v>
      </c>
      <c r="KF23" s="244"/>
      <c r="KG23" s="71">
        <v>1436</v>
      </c>
      <c r="KH23" s="71">
        <v>878</v>
      </c>
      <c r="KI23" s="71">
        <v>736</v>
      </c>
      <c r="KJ23" s="71">
        <v>622</v>
      </c>
      <c r="KK23" s="71">
        <v>365</v>
      </c>
      <c r="KL23" s="72">
        <v>4037</v>
      </c>
      <c r="KM23" s="73">
        <v>5704</v>
      </c>
    </row>
    <row r="24" spans="2:299" ht="19.5" customHeight="1" x14ac:dyDescent="0.2">
      <c r="B24" s="126" t="s">
        <v>21</v>
      </c>
      <c r="C24" s="315">
        <v>294</v>
      </c>
      <c r="D24" s="82">
        <v>240</v>
      </c>
      <c r="E24" s="83">
        <v>534</v>
      </c>
      <c r="F24" s="241"/>
      <c r="G24" s="82">
        <v>406</v>
      </c>
      <c r="H24" s="82">
        <v>418</v>
      </c>
      <c r="I24" s="82">
        <v>300</v>
      </c>
      <c r="J24" s="82">
        <v>231</v>
      </c>
      <c r="K24" s="82">
        <v>132</v>
      </c>
      <c r="L24" s="84">
        <v>1487</v>
      </c>
      <c r="M24" s="85">
        <v>2021</v>
      </c>
      <c r="N24" s="70">
        <v>15</v>
      </c>
      <c r="O24" s="71">
        <v>14</v>
      </c>
      <c r="P24" s="72">
        <v>29</v>
      </c>
      <c r="Q24" s="241"/>
      <c r="R24" s="71">
        <v>17</v>
      </c>
      <c r="S24" s="71">
        <v>17</v>
      </c>
      <c r="T24" s="71">
        <v>13</v>
      </c>
      <c r="U24" s="71">
        <v>17</v>
      </c>
      <c r="V24" s="71">
        <v>13</v>
      </c>
      <c r="W24" s="72">
        <v>77</v>
      </c>
      <c r="X24" s="73">
        <v>106</v>
      </c>
      <c r="Y24" s="70">
        <v>35</v>
      </c>
      <c r="Z24" s="71">
        <v>31</v>
      </c>
      <c r="AA24" s="72">
        <v>66</v>
      </c>
      <c r="AB24" s="241"/>
      <c r="AC24" s="71">
        <v>40</v>
      </c>
      <c r="AD24" s="71">
        <v>47</v>
      </c>
      <c r="AE24" s="71">
        <v>37</v>
      </c>
      <c r="AF24" s="71">
        <v>36</v>
      </c>
      <c r="AG24" s="71">
        <v>14</v>
      </c>
      <c r="AH24" s="72">
        <v>174</v>
      </c>
      <c r="AI24" s="73">
        <v>240</v>
      </c>
      <c r="AJ24" s="70">
        <v>48</v>
      </c>
      <c r="AK24" s="71">
        <v>44</v>
      </c>
      <c r="AL24" s="72">
        <v>92</v>
      </c>
      <c r="AM24" s="241"/>
      <c r="AN24" s="71">
        <v>64</v>
      </c>
      <c r="AO24" s="71">
        <v>78</v>
      </c>
      <c r="AP24" s="71">
        <v>54</v>
      </c>
      <c r="AQ24" s="71">
        <v>47</v>
      </c>
      <c r="AR24" s="71">
        <v>18</v>
      </c>
      <c r="AS24" s="72">
        <v>261</v>
      </c>
      <c r="AT24" s="73">
        <v>353</v>
      </c>
      <c r="AU24" s="70">
        <v>74</v>
      </c>
      <c r="AV24" s="71">
        <v>63</v>
      </c>
      <c r="AW24" s="72">
        <v>137</v>
      </c>
      <c r="AX24" s="241"/>
      <c r="AY24" s="71">
        <v>107</v>
      </c>
      <c r="AZ24" s="71">
        <v>125</v>
      </c>
      <c r="BA24" s="71">
        <v>74</v>
      </c>
      <c r="BB24" s="71">
        <v>41</v>
      </c>
      <c r="BC24" s="71">
        <v>37</v>
      </c>
      <c r="BD24" s="72">
        <v>384</v>
      </c>
      <c r="BE24" s="73">
        <v>521</v>
      </c>
      <c r="BF24" s="70">
        <v>78</v>
      </c>
      <c r="BG24" s="71">
        <v>65</v>
      </c>
      <c r="BH24" s="72">
        <v>143</v>
      </c>
      <c r="BI24" s="241"/>
      <c r="BJ24" s="71">
        <v>126</v>
      </c>
      <c r="BK24" s="71">
        <v>91</v>
      </c>
      <c r="BL24" s="71">
        <v>74</v>
      </c>
      <c r="BM24" s="71">
        <v>60</v>
      </c>
      <c r="BN24" s="71">
        <v>29</v>
      </c>
      <c r="BO24" s="72">
        <v>380</v>
      </c>
      <c r="BP24" s="73">
        <v>523</v>
      </c>
      <c r="BQ24" s="70">
        <v>44</v>
      </c>
      <c r="BR24" s="71">
        <v>23</v>
      </c>
      <c r="BS24" s="72">
        <v>67</v>
      </c>
      <c r="BT24" s="241"/>
      <c r="BU24" s="71">
        <v>52</v>
      </c>
      <c r="BV24" s="71">
        <v>60</v>
      </c>
      <c r="BW24" s="71">
        <v>48</v>
      </c>
      <c r="BX24" s="71">
        <v>30</v>
      </c>
      <c r="BY24" s="71">
        <v>21</v>
      </c>
      <c r="BZ24" s="72">
        <v>211</v>
      </c>
      <c r="CA24" s="73">
        <v>278</v>
      </c>
      <c r="CB24" s="70">
        <v>6</v>
      </c>
      <c r="CC24" s="71">
        <v>13</v>
      </c>
      <c r="CD24" s="72">
        <v>19</v>
      </c>
      <c r="CE24" s="241"/>
      <c r="CF24" s="71">
        <v>10</v>
      </c>
      <c r="CG24" s="71">
        <v>20</v>
      </c>
      <c r="CH24" s="71">
        <v>8</v>
      </c>
      <c r="CI24" s="71">
        <v>8</v>
      </c>
      <c r="CJ24" s="71">
        <v>12</v>
      </c>
      <c r="CK24" s="72">
        <v>58</v>
      </c>
      <c r="CL24" s="73">
        <v>77</v>
      </c>
      <c r="CM24" s="70">
        <v>300</v>
      </c>
      <c r="CN24" s="71">
        <v>253</v>
      </c>
      <c r="CO24" s="72">
        <v>553</v>
      </c>
      <c r="CP24" s="241"/>
      <c r="CQ24" s="71">
        <v>416</v>
      </c>
      <c r="CR24" s="71">
        <v>438</v>
      </c>
      <c r="CS24" s="71">
        <v>308</v>
      </c>
      <c r="CT24" s="71">
        <v>239</v>
      </c>
      <c r="CU24" s="71">
        <v>144</v>
      </c>
      <c r="CV24" s="72">
        <v>1545</v>
      </c>
      <c r="CW24" s="73">
        <v>2098</v>
      </c>
      <c r="CX24" s="123">
        <v>527</v>
      </c>
      <c r="CY24" s="82">
        <v>564</v>
      </c>
      <c r="CZ24" s="83">
        <v>1091</v>
      </c>
      <c r="DA24" s="241"/>
      <c r="DB24" s="82">
        <v>710</v>
      </c>
      <c r="DC24" s="82">
        <v>730</v>
      </c>
      <c r="DD24" s="82">
        <v>543</v>
      </c>
      <c r="DE24" s="82">
        <v>446</v>
      </c>
      <c r="DF24" s="82">
        <v>345</v>
      </c>
      <c r="DG24" s="84">
        <v>2774</v>
      </c>
      <c r="DH24" s="85">
        <v>3865</v>
      </c>
      <c r="DI24" s="70">
        <v>12</v>
      </c>
      <c r="DJ24" s="71">
        <v>16</v>
      </c>
      <c r="DK24" s="72">
        <v>28</v>
      </c>
      <c r="DL24" s="241"/>
      <c r="DM24" s="71">
        <v>17</v>
      </c>
      <c r="DN24" s="71">
        <v>18</v>
      </c>
      <c r="DO24" s="71">
        <v>15</v>
      </c>
      <c r="DP24" s="71">
        <v>10</v>
      </c>
      <c r="DQ24" s="71">
        <v>11</v>
      </c>
      <c r="DR24" s="72">
        <v>71</v>
      </c>
      <c r="DS24" s="73">
        <v>99</v>
      </c>
      <c r="DT24" s="70">
        <v>46</v>
      </c>
      <c r="DU24" s="71">
        <v>50</v>
      </c>
      <c r="DV24" s="72">
        <v>96</v>
      </c>
      <c r="DW24" s="241"/>
      <c r="DX24" s="71">
        <v>42</v>
      </c>
      <c r="DY24" s="71">
        <v>41</v>
      </c>
      <c r="DZ24" s="71">
        <v>28</v>
      </c>
      <c r="EA24" s="71">
        <v>32</v>
      </c>
      <c r="EB24" s="71">
        <v>27</v>
      </c>
      <c r="EC24" s="72">
        <v>170</v>
      </c>
      <c r="ED24" s="73">
        <v>266</v>
      </c>
      <c r="EE24" s="70">
        <v>105</v>
      </c>
      <c r="EF24" s="71">
        <v>94</v>
      </c>
      <c r="EG24" s="72">
        <v>199</v>
      </c>
      <c r="EH24" s="241"/>
      <c r="EI24" s="71">
        <v>105</v>
      </c>
      <c r="EJ24" s="71">
        <v>89</v>
      </c>
      <c r="EK24" s="71">
        <v>54</v>
      </c>
      <c r="EL24" s="71">
        <v>47</v>
      </c>
      <c r="EM24" s="71">
        <v>28</v>
      </c>
      <c r="EN24" s="72">
        <v>323</v>
      </c>
      <c r="EO24" s="73">
        <v>522</v>
      </c>
      <c r="EP24" s="70">
        <v>165</v>
      </c>
      <c r="EQ24" s="71">
        <v>152</v>
      </c>
      <c r="ER24" s="72">
        <v>317</v>
      </c>
      <c r="ES24" s="241"/>
      <c r="ET24" s="71">
        <v>198</v>
      </c>
      <c r="EU24" s="71">
        <v>157</v>
      </c>
      <c r="EV24" s="71">
        <v>114</v>
      </c>
      <c r="EW24" s="71">
        <v>93</v>
      </c>
      <c r="EX24" s="71">
        <v>90</v>
      </c>
      <c r="EY24" s="72">
        <v>652</v>
      </c>
      <c r="EZ24" s="73">
        <v>969</v>
      </c>
      <c r="FA24" s="70">
        <v>131</v>
      </c>
      <c r="FB24" s="71">
        <v>169</v>
      </c>
      <c r="FC24" s="72">
        <v>300</v>
      </c>
      <c r="FD24" s="241"/>
      <c r="FE24" s="71">
        <v>197</v>
      </c>
      <c r="FF24" s="71">
        <v>211</v>
      </c>
      <c r="FG24" s="71">
        <v>163</v>
      </c>
      <c r="FH24" s="71">
        <v>111</v>
      </c>
      <c r="FI24" s="71">
        <v>83</v>
      </c>
      <c r="FJ24" s="72">
        <v>765</v>
      </c>
      <c r="FK24" s="73">
        <v>1065</v>
      </c>
      <c r="FL24" s="70">
        <v>68</v>
      </c>
      <c r="FM24" s="71">
        <v>83</v>
      </c>
      <c r="FN24" s="72">
        <v>151</v>
      </c>
      <c r="FO24" s="241"/>
      <c r="FP24" s="71">
        <v>151</v>
      </c>
      <c r="FQ24" s="71">
        <v>214</v>
      </c>
      <c r="FR24" s="71">
        <v>169</v>
      </c>
      <c r="FS24" s="71">
        <v>153</v>
      </c>
      <c r="FT24" s="71">
        <v>106</v>
      </c>
      <c r="FU24" s="72">
        <v>793</v>
      </c>
      <c r="FV24" s="73">
        <v>944</v>
      </c>
      <c r="FW24" s="70">
        <v>9</v>
      </c>
      <c r="FX24" s="71">
        <v>10</v>
      </c>
      <c r="FY24" s="72">
        <v>19</v>
      </c>
      <c r="FZ24" s="244"/>
      <c r="GA24" s="71">
        <v>8</v>
      </c>
      <c r="GB24" s="71">
        <v>20</v>
      </c>
      <c r="GC24" s="71">
        <v>10</v>
      </c>
      <c r="GD24" s="71">
        <v>7</v>
      </c>
      <c r="GE24" s="71">
        <v>7</v>
      </c>
      <c r="GF24" s="72">
        <v>52</v>
      </c>
      <c r="GG24" s="73">
        <v>71</v>
      </c>
      <c r="GH24" s="70">
        <v>536</v>
      </c>
      <c r="GI24" s="71">
        <v>574</v>
      </c>
      <c r="GJ24" s="72">
        <v>1110</v>
      </c>
      <c r="GK24" s="244"/>
      <c r="GL24" s="71">
        <v>718</v>
      </c>
      <c r="GM24" s="71">
        <v>750</v>
      </c>
      <c r="GN24" s="71">
        <v>553</v>
      </c>
      <c r="GO24" s="71">
        <v>453</v>
      </c>
      <c r="GP24" s="71">
        <v>352</v>
      </c>
      <c r="GQ24" s="72">
        <v>2826</v>
      </c>
      <c r="GR24" s="73">
        <v>3936</v>
      </c>
      <c r="GS24" s="123">
        <v>821</v>
      </c>
      <c r="GT24" s="82">
        <v>804</v>
      </c>
      <c r="GU24" s="83">
        <v>1625</v>
      </c>
      <c r="GV24" s="241"/>
      <c r="GW24" s="82">
        <v>1116</v>
      </c>
      <c r="GX24" s="82">
        <v>1148</v>
      </c>
      <c r="GY24" s="82">
        <v>843</v>
      </c>
      <c r="GZ24" s="82">
        <v>677</v>
      </c>
      <c r="HA24" s="82">
        <v>477</v>
      </c>
      <c r="HB24" s="84">
        <v>4261</v>
      </c>
      <c r="HC24" s="85">
        <v>5886</v>
      </c>
      <c r="HD24" s="70">
        <v>27</v>
      </c>
      <c r="HE24" s="71">
        <v>30</v>
      </c>
      <c r="HF24" s="72">
        <v>57</v>
      </c>
      <c r="HG24" s="241"/>
      <c r="HH24" s="71">
        <v>34</v>
      </c>
      <c r="HI24" s="71">
        <v>35</v>
      </c>
      <c r="HJ24" s="71">
        <v>28</v>
      </c>
      <c r="HK24" s="71">
        <v>27</v>
      </c>
      <c r="HL24" s="71">
        <v>24</v>
      </c>
      <c r="HM24" s="72">
        <v>148</v>
      </c>
      <c r="HN24" s="73">
        <v>205</v>
      </c>
      <c r="HO24" s="70">
        <v>81</v>
      </c>
      <c r="HP24" s="71">
        <v>81</v>
      </c>
      <c r="HQ24" s="72">
        <v>162</v>
      </c>
      <c r="HR24" s="241"/>
      <c r="HS24" s="71">
        <v>82</v>
      </c>
      <c r="HT24" s="71">
        <v>88</v>
      </c>
      <c r="HU24" s="71">
        <v>65</v>
      </c>
      <c r="HV24" s="71">
        <v>68</v>
      </c>
      <c r="HW24" s="71">
        <v>41</v>
      </c>
      <c r="HX24" s="72">
        <v>344</v>
      </c>
      <c r="HY24" s="73">
        <v>506</v>
      </c>
      <c r="HZ24" s="70">
        <v>153</v>
      </c>
      <c r="IA24" s="71">
        <v>138</v>
      </c>
      <c r="IB24" s="72">
        <v>291</v>
      </c>
      <c r="IC24" s="241"/>
      <c r="ID24" s="71">
        <v>169</v>
      </c>
      <c r="IE24" s="71">
        <v>167</v>
      </c>
      <c r="IF24" s="71">
        <v>108</v>
      </c>
      <c r="IG24" s="71">
        <v>94</v>
      </c>
      <c r="IH24" s="71">
        <v>46</v>
      </c>
      <c r="II24" s="72">
        <v>584</v>
      </c>
      <c r="IJ24" s="73">
        <v>875</v>
      </c>
      <c r="IK24" s="70">
        <v>239</v>
      </c>
      <c r="IL24" s="71">
        <v>215</v>
      </c>
      <c r="IM24" s="72">
        <v>454</v>
      </c>
      <c r="IN24" s="241"/>
      <c r="IO24" s="71">
        <v>305</v>
      </c>
      <c r="IP24" s="71">
        <v>282</v>
      </c>
      <c r="IQ24" s="71">
        <v>188</v>
      </c>
      <c r="IR24" s="71">
        <v>134</v>
      </c>
      <c r="IS24" s="71">
        <v>127</v>
      </c>
      <c r="IT24" s="72">
        <v>1036</v>
      </c>
      <c r="IU24" s="73">
        <v>1490</v>
      </c>
      <c r="IV24" s="70">
        <v>209</v>
      </c>
      <c r="IW24" s="71">
        <v>234</v>
      </c>
      <c r="IX24" s="72">
        <v>443</v>
      </c>
      <c r="IY24" s="241"/>
      <c r="IZ24" s="71">
        <v>323</v>
      </c>
      <c r="JA24" s="71">
        <v>302</v>
      </c>
      <c r="JB24" s="71">
        <v>237</v>
      </c>
      <c r="JC24" s="71">
        <v>171</v>
      </c>
      <c r="JD24" s="71">
        <v>112</v>
      </c>
      <c r="JE24" s="72">
        <v>1145</v>
      </c>
      <c r="JF24" s="73">
        <v>1588</v>
      </c>
      <c r="JG24" s="70">
        <v>112</v>
      </c>
      <c r="JH24" s="71">
        <v>106</v>
      </c>
      <c r="JI24" s="72">
        <v>218</v>
      </c>
      <c r="JJ24" s="244"/>
      <c r="JK24" s="71">
        <v>203</v>
      </c>
      <c r="JL24" s="71">
        <v>274</v>
      </c>
      <c r="JM24" s="71">
        <v>217</v>
      </c>
      <c r="JN24" s="71">
        <v>183</v>
      </c>
      <c r="JO24" s="71">
        <v>127</v>
      </c>
      <c r="JP24" s="72">
        <v>1004</v>
      </c>
      <c r="JQ24" s="73">
        <v>1222</v>
      </c>
      <c r="JR24" s="70">
        <v>15</v>
      </c>
      <c r="JS24" s="71">
        <v>23</v>
      </c>
      <c r="JT24" s="72">
        <v>38</v>
      </c>
      <c r="JU24" s="244"/>
      <c r="JV24" s="71">
        <v>18</v>
      </c>
      <c r="JW24" s="71">
        <v>40</v>
      </c>
      <c r="JX24" s="71">
        <v>18</v>
      </c>
      <c r="JY24" s="71">
        <v>15</v>
      </c>
      <c r="JZ24" s="71">
        <v>19</v>
      </c>
      <c r="KA24" s="72">
        <v>110</v>
      </c>
      <c r="KB24" s="73">
        <v>148</v>
      </c>
      <c r="KC24" s="70">
        <v>836</v>
      </c>
      <c r="KD24" s="71">
        <v>827</v>
      </c>
      <c r="KE24" s="72">
        <v>1663</v>
      </c>
      <c r="KF24" s="244"/>
      <c r="KG24" s="71">
        <v>1134</v>
      </c>
      <c r="KH24" s="71">
        <v>1188</v>
      </c>
      <c r="KI24" s="71">
        <v>861</v>
      </c>
      <c r="KJ24" s="71">
        <v>692</v>
      </c>
      <c r="KK24" s="71">
        <v>496</v>
      </c>
      <c r="KL24" s="72">
        <v>4371</v>
      </c>
      <c r="KM24" s="73">
        <v>6034</v>
      </c>
    </row>
    <row r="25" spans="2:299" ht="19.5" customHeight="1" x14ac:dyDescent="0.2">
      <c r="B25" s="126" t="s">
        <v>22</v>
      </c>
      <c r="C25" s="315">
        <v>82</v>
      </c>
      <c r="D25" s="82">
        <v>75</v>
      </c>
      <c r="E25" s="83">
        <v>157</v>
      </c>
      <c r="F25" s="241"/>
      <c r="G25" s="82">
        <v>197</v>
      </c>
      <c r="H25" s="82">
        <v>163</v>
      </c>
      <c r="I25" s="82">
        <v>86</v>
      </c>
      <c r="J25" s="82">
        <v>81</v>
      </c>
      <c r="K25" s="82">
        <v>54</v>
      </c>
      <c r="L25" s="84">
        <v>581</v>
      </c>
      <c r="M25" s="85">
        <v>738</v>
      </c>
      <c r="N25" s="70">
        <v>3</v>
      </c>
      <c r="O25" s="71">
        <v>4</v>
      </c>
      <c r="P25" s="72">
        <v>7</v>
      </c>
      <c r="Q25" s="241"/>
      <c r="R25" s="71">
        <v>5</v>
      </c>
      <c r="S25" s="71">
        <v>6</v>
      </c>
      <c r="T25" s="71">
        <v>1</v>
      </c>
      <c r="U25" s="71">
        <v>3</v>
      </c>
      <c r="V25" s="71">
        <v>4</v>
      </c>
      <c r="W25" s="72">
        <v>19</v>
      </c>
      <c r="X25" s="73">
        <v>26</v>
      </c>
      <c r="Y25" s="70">
        <v>11</v>
      </c>
      <c r="Z25" s="71">
        <v>13</v>
      </c>
      <c r="AA25" s="72">
        <v>24</v>
      </c>
      <c r="AB25" s="241"/>
      <c r="AC25" s="71">
        <v>20</v>
      </c>
      <c r="AD25" s="71">
        <v>11</v>
      </c>
      <c r="AE25" s="71">
        <v>5</v>
      </c>
      <c r="AF25" s="71">
        <v>8</v>
      </c>
      <c r="AG25" s="71">
        <v>8</v>
      </c>
      <c r="AH25" s="72">
        <v>52</v>
      </c>
      <c r="AI25" s="73">
        <v>76</v>
      </c>
      <c r="AJ25" s="70">
        <v>8</v>
      </c>
      <c r="AK25" s="71">
        <v>10</v>
      </c>
      <c r="AL25" s="72">
        <v>18</v>
      </c>
      <c r="AM25" s="241"/>
      <c r="AN25" s="71">
        <v>33</v>
      </c>
      <c r="AO25" s="71">
        <v>24</v>
      </c>
      <c r="AP25" s="71">
        <v>17</v>
      </c>
      <c r="AQ25" s="71">
        <v>11</v>
      </c>
      <c r="AR25" s="71">
        <v>11</v>
      </c>
      <c r="AS25" s="72">
        <v>96</v>
      </c>
      <c r="AT25" s="73">
        <v>114</v>
      </c>
      <c r="AU25" s="70">
        <v>25</v>
      </c>
      <c r="AV25" s="71">
        <v>16</v>
      </c>
      <c r="AW25" s="72">
        <v>41</v>
      </c>
      <c r="AX25" s="241"/>
      <c r="AY25" s="71">
        <v>50</v>
      </c>
      <c r="AZ25" s="71">
        <v>47</v>
      </c>
      <c r="BA25" s="71">
        <v>23</v>
      </c>
      <c r="BB25" s="71">
        <v>22</v>
      </c>
      <c r="BC25" s="71">
        <v>12</v>
      </c>
      <c r="BD25" s="72">
        <v>154</v>
      </c>
      <c r="BE25" s="73">
        <v>195</v>
      </c>
      <c r="BF25" s="70">
        <v>16</v>
      </c>
      <c r="BG25" s="71">
        <v>23</v>
      </c>
      <c r="BH25" s="72">
        <v>39</v>
      </c>
      <c r="BI25" s="241"/>
      <c r="BJ25" s="71">
        <v>56</v>
      </c>
      <c r="BK25" s="71">
        <v>37</v>
      </c>
      <c r="BL25" s="71">
        <v>26</v>
      </c>
      <c r="BM25" s="71">
        <v>20</v>
      </c>
      <c r="BN25" s="71">
        <v>8</v>
      </c>
      <c r="BO25" s="72">
        <v>147</v>
      </c>
      <c r="BP25" s="73">
        <v>186</v>
      </c>
      <c r="BQ25" s="70">
        <v>19</v>
      </c>
      <c r="BR25" s="71">
        <v>9</v>
      </c>
      <c r="BS25" s="72">
        <v>28</v>
      </c>
      <c r="BT25" s="241"/>
      <c r="BU25" s="71">
        <v>33</v>
      </c>
      <c r="BV25" s="71">
        <v>38</v>
      </c>
      <c r="BW25" s="71">
        <v>14</v>
      </c>
      <c r="BX25" s="71">
        <v>17</v>
      </c>
      <c r="BY25" s="71">
        <v>11</v>
      </c>
      <c r="BZ25" s="72">
        <v>113</v>
      </c>
      <c r="CA25" s="73">
        <v>141</v>
      </c>
      <c r="CB25" s="70">
        <v>0</v>
      </c>
      <c r="CC25" s="71">
        <v>6</v>
      </c>
      <c r="CD25" s="72">
        <v>6</v>
      </c>
      <c r="CE25" s="241"/>
      <c r="CF25" s="71">
        <v>7</v>
      </c>
      <c r="CG25" s="71">
        <v>5</v>
      </c>
      <c r="CH25" s="71">
        <v>2</v>
      </c>
      <c r="CI25" s="71">
        <v>2</v>
      </c>
      <c r="CJ25" s="71">
        <v>2</v>
      </c>
      <c r="CK25" s="72">
        <v>18</v>
      </c>
      <c r="CL25" s="73">
        <v>24</v>
      </c>
      <c r="CM25" s="70">
        <v>82</v>
      </c>
      <c r="CN25" s="71">
        <v>81</v>
      </c>
      <c r="CO25" s="72">
        <v>163</v>
      </c>
      <c r="CP25" s="241"/>
      <c r="CQ25" s="71">
        <v>204</v>
      </c>
      <c r="CR25" s="71">
        <v>168</v>
      </c>
      <c r="CS25" s="71">
        <v>88</v>
      </c>
      <c r="CT25" s="71">
        <v>83</v>
      </c>
      <c r="CU25" s="71">
        <v>56</v>
      </c>
      <c r="CV25" s="72">
        <v>599</v>
      </c>
      <c r="CW25" s="73">
        <v>762</v>
      </c>
      <c r="CX25" s="123">
        <v>114</v>
      </c>
      <c r="CY25" s="82">
        <v>240</v>
      </c>
      <c r="CZ25" s="83">
        <v>354</v>
      </c>
      <c r="DA25" s="241"/>
      <c r="DB25" s="82">
        <v>356</v>
      </c>
      <c r="DC25" s="82">
        <v>313</v>
      </c>
      <c r="DD25" s="82">
        <v>200</v>
      </c>
      <c r="DE25" s="82">
        <v>198</v>
      </c>
      <c r="DF25" s="82">
        <v>116</v>
      </c>
      <c r="DG25" s="84">
        <v>1183</v>
      </c>
      <c r="DH25" s="85">
        <v>1537</v>
      </c>
      <c r="DI25" s="70">
        <v>7</v>
      </c>
      <c r="DJ25" s="71">
        <v>8</v>
      </c>
      <c r="DK25" s="72">
        <v>15</v>
      </c>
      <c r="DL25" s="241"/>
      <c r="DM25" s="71">
        <v>7</v>
      </c>
      <c r="DN25" s="71">
        <v>7</v>
      </c>
      <c r="DO25" s="71">
        <v>2</v>
      </c>
      <c r="DP25" s="71">
        <v>1</v>
      </c>
      <c r="DQ25" s="71">
        <v>2</v>
      </c>
      <c r="DR25" s="72">
        <v>19</v>
      </c>
      <c r="DS25" s="73">
        <v>34</v>
      </c>
      <c r="DT25" s="70">
        <v>5</v>
      </c>
      <c r="DU25" s="71">
        <v>8</v>
      </c>
      <c r="DV25" s="72">
        <v>13</v>
      </c>
      <c r="DW25" s="241"/>
      <c r="DX25" s="71">
        <v>19</v>
      </c>
      <c r="DY25" s="71">
        <v>15</v>
      </c>
      <c r="DZ25" s="71">
        <v>10</v>
      </c>
      <c r="EA25" s="71">
        <v>7</v>
      </c>
      <c r="EB25" s="71">
        <v>10</v>
      </c>
      <c r="EC25" s="72">
        <v>61</v>
      </c>
      <c r="ED25" s="73">
        <v>74</v>
      </c>
      <c r="EE25" s="70">
        <v>25</v>
      </c>
      <c r="EF25" s="71">
        <v>42</v>
      </c>
      <c r="EG25" s="72">
        <v>67</v>
      </c>
      <c r="EH25" s="241"/>
      <c r="EI25" s="71">
        <v>45</v>
      </c>
      <c r="EJ25" s="71">
        <v>35</v>
      </c>
      <c r="EK25" s="71">
        <v>15</v>
      </c>
      <c r="EL25" s="71">
        <v>14</v>
      </c>
      <c r="EM25" s="71">
        <v>11</v>
      </c>
      <c r="EN25" s="72">
        <v>120</v>
      </c>
      <c r="EO25" s="73">
        <v>187</v>
      </c>
      <c r="EP25" s="70">
        <v>37</v>
      </c>
      <c r="EQ25" s="71">
        <v>63</v>
      </c>
      <c r="ER25" s="72">
        <v>100</v>
      </c>
      <c r="ES25" s="241"/>
      <c r="ET25" s="71">
        <v>81</v>
      </c>
      <c r="EU25" s="71">
        <v>60</v>
      </c>
      <c r="EV25" s="71">
        <v>42</v>
      </c>
      <c r="EW25" s="71">
        <v>41</v>
      </c>
      <c r="EX25" s="71">
        <v>21</v>
      </c>
      <c r="EY25" s="72">
        <v>245</v>
      </c>
      <c r="EZ25" s="73">
        <v>345</v>
      </c>
      <c r="FA25" s="70">
        <v>26</v>
      </c>
      <c r="FB25" s="71">
        <v>73</v>
      </c>
      <c r="FC25" s="72">
        <v>99</v>
      </c>
      <c r="FD25" s="241"/>
      <c r="FE25" s="71">
        <v>105</v>
      </c>
      <c r="FF25" s="71">
        <v>92</v>
      </c>
      <c r="FG25" s="71">
        <v>51</v>
      </c>
      <c r="FH25" s="71">
        <v>51</v>
      </c>
      <c r="FI25" s="71">
        <v>36</v>
      </c>
      <c r="FJ25" s="72">
        <v>335</v>
      </c>
      <c r="FK25" s="73">
        <v>434</v>
      </c>
      <c r="FL25" s="70">
        <v>14</v>
      </c>
      <c r="FM25" s="71">
        <v>46</v>
      </c>
      <c r="FN25" s="72">
        <v>60</v>
      </c>
      <c r="FO25" s="241"/>
      <c r="FP25" s="71">
        <v>99</v>
      </c>
      <c r="FQ25" s="71">
        <v>104</v>
      </c>
      <c r="FR25" s="71">
        <v>80</v>
      </c>
      <c r="FS25" s="71">
        <v>84</v>
      </c>
      <c r="FT25" s="71">
        <v>36</v>
      </c>
      <c r="FU25" s="72">
        <v>403</v>
      </c>
      <c r="FV25" s="73">
        <v>463</v>
      </c>
      <c r="FW25" s="70">
        <v>1</v>
      </c>
      <c r="FX25" s="71">
        <v>3</v>
      </c>
      <c r="FY25" s="72">
        <v>4</v>
      </c>
      <c r="FZ25" s="244"/>
      <c r="GA25" s="71">
        <v>6</v>
      </c>
      <c r="GB25" s="71">
        <v>3</v>
      </c>
      <c r="GC25" s="71">
        <v>5</v>
      </c>
      <c r="GD25" s="71">
        <v>6</v>
      </c>
      <c r="GE25" s="71">
        <v>2</v>
      </c>
      <c r="GF25" s="72">
        <v>22</v>
      </c>
      <c r="GG25" s="73">
        <v>26</v>
      </c>
      <c r="GH25" s="70">
        <v>115</v>
      </c>
      <c r="GI25" s="71">
        <v>243</v>
      </c>
      <c r="GJ25" s="72">
        <v>358</v>
      </c>
      <c r="GK25" s="244"/>
      <c r="GL25" s="71">
        <v>362</v>
      </c>
      <c r="GM25" s="71">
        <v>316</v>
      </c>
      <c r="GN25" s="71">
        <v>205</v>
      </c>
      <c r="GO25" s="71">
        <v>204</v>
      </c>
      <c r="GP25" s="71">
        <v>118</v>
      </c>
      <c r="GQ25" s="72">
        <v>1205</v>
      </c>
      <c r="GR25" s="73">
        <v>1563</v>
      </c>
      <c r="GS25" s="123">
        <v>196</v>
      </c>
      <c r="GT25" s="82">
        <v>315</v>
      </c>
      <c r="GU25" s="83">
        <v>511</v>
      </c>
      <c r="GV25" s="241"/>
      <c r="GW25" s="82">
        <v>553</v>
      </c>
      <c r="GX25" s="82">
        <v>476</v>
      </c>
      <c r="GY25" s="82">
        <v>286</v>
      </c>
      <c r="GZ25" s="82">
        <v>279</v>
      </c>
      <c r="HA25" s="82">
        <v>170</v>
      </c>
      <c r="HB25" s="84">
        <v>1764</v>
      </c>
      <c r="HC25" s="85">
        <v>2275</v>
      </c>
      <c r="HD25" s="70">
        <v>10</v>
      </c>
      <c r="HE25" s="71">
        <v>12</v>
      </c>
      <c r="HF25" s="72">
        <v>22</v>
      </c>
      <c r="HG25" s="241"/>
      <c r="HH25" s="71">
        <v>12</v>
      </c>
      <c r="HI25" s="71">
        <v>13</v>
      </c>
      <c r="HJ25" s="71">
        <v>3</v>
      </c>
      <c r="HK25" s="71">
        <v>4</v>
      </c>
      <c r="HL25" s="71">
        <v>6</v>
      </c>
      <c r="HM25" s="72">
        <v>38</v>
      </c>
      <c r="HN25" s="73">
        <v>60</v>
      </c>
      <c r="HO25" s="70">
        <v>16</v>
      </c>
      <c r="HP25" s="71">
        <v>21</v>
      </c>
      <c r="HQ25" s="72">
        <v>37</v>
      </c>
      <c r="HR25" s="241"/>
      <c r="HS25" s="71">
        <v>39</v>
      </c>
      <c r="HT25" s="71">
        <v>26</v>
      </c>
      <c r="HU25" s="71">
        <v>15</v>
      </c>
      <c r="HV25" s="71">
        <v>15</v>
      </c>
      <c r="HW25" s="71">
        <v>18</v>
      </c>
      <c r="HX25" s="72">
        <v>113</v>
      </c>
      <c r="HY25" s="73">
        <v>150</v>
      </c>
      <c r="HZ25" s="70">
        <v>33</v>
      </c>
      <c r="IA25" s="71">
        <v>52</v>
      </c>
      <c r="IB25" s="72">
        <v>85</v>
      </c>
      <c r="IC25" s="241"/>
      <c r="ID25" s="71">
        <v>78</v>
      </c>
      <c r="IE25" s="71">
        <v>59</v>
      </c>
      <c r="IF25" s="71">
        <v>32</v>
      </c>
      <c r="IG25" s="71">
        <v>25</v>
      </c>
      <c r="IH25" s="71">
        <v>22</v>
      </c>
      <c r="II25" s="72">
        <v>216</v>
      </c>
      <c r="IJ25" s="73">
        <v>301</v>
      </c>
      <c r="IK25" s="70">
        <v>62</v>
      </c>
      <c r="IL25" s="71">
        <v>79</v>
      </c>
      <c r="IM25" s="72">
        <v>141</v>
      </c>
      <c r="IN25" s="241"/>
      <c r="IO25" s="71">
        <v>131</v>
      </c>
      <c r="IP25" s="71">
        <v>107</v>
      </c>
      <c r="IQ25" s="71">
        <v>65</v>
      </c>
      <c r="IR25" s="71">
        <v>63</v>
      </c>
      <c r="IS25" s="71">
        <v>33</v>
      </c>
      <c r="IT25" s="72">
        <v>399</v>
      </c>
      <c r="IU25" s="73">
        <v>540</v>
      </c>
      <c r="IV25" s="70">
        <v>42</v>
      </c>
      <c r="IW25" s="71">
        <v>96</v>
      </c>
      <c r="IX25" s="72">
        <v>138</v>
      </c>
      <c r="IY25" s="241"/>
      <c r="IZ25" s="71">
        <v>161</v>
      </c>
      <c r="JA25" s="71">
        <v>129</v>
      </c>
      <c r="JB25" s="71">
        <v>77</v>
      </c>
      <c r="JC25" s="71">
        <v>71</v>
      </c>
      <c r="JD25" s="71">
        <v>44</v>
      </c>
      <c r="JE25" s="72">
        <v>482</v>
      </c>
      <c r="JF25" s="73">
        <v>620</v>
      </c>
      <c r="JG25" s="70">
        <v>33</v>
      </c>
      <c r="JH25" s="71">
        <v>55</v>
      </c>
      <c r="JI25" s="72">
        <v>88</v>
      </c>
      <c r="JJ25" s="244"/>
      <c r="JK25" s="71">
        <v>132</v>
      </c>
      <c r="JL25" s="71">
        <v>142</v>
      </c>
      <c r="JM25" s="71">
        <v>94</v>
      </c>
      <c r="JN25" s="71">
        <v>101</v>
      </c>
      <c r="JO25" s="71">
        <v>47</v>
      </c>
      <c r="JP25" s="72">
        <v>516</v>
      </c>
      <c r="JQ25" s="73">
        <v>604</v>
      </c>
      <c r="JR25" s="70">
        <v>1</v>
      </c>
      <c r="JS25" s="71">
        <v>9</v>
      </c>
      <c r="JT25" s="72">
        <v>10</v>
      </c>
      <c r="JU25" s="244"/>
      <c r="JV25" s="71">
        <v>13</v>
      </c>
      <c r="JW25" s="71">
        <v>8</v>
      </c>
      <c r="JX25" s="71">
        <v>7</v>
      </c>
      <c r="JY25" s="71">
        <v>8</v>
      </c>
      <c r="JZ25" s="71">
        <v>4</v>
      </c>
      <c r="KA25" s="72">
        <v>40</v>
      </c>
      <c r="KB25" s="73">
        <v>50</v>
      </c>
      <c r="KC25" s="70">
        <v>197</v>
      </c>
      <c r="KD25" s="71">
        <v>324</v>
      </c>
      <c r="KE25" s="72">
        <v>521</v>
      </c>
      <c r="KF25" s="244"/>
      <c r="KG25" s="71">
        <v>566</v>
      </c>
      <c r="KH25" s="71">
        <v>484</v>
      </c>
      <c r="KI25" s="71">
        <v>293</v>
      </c>
      <c r="KJ25" s="71">
        <v>287</v>
      </c>
      <c r="KK25" s="71">
        <v>174</v>
      </c>
      <c r="KL25" s="72">
        <v>1804</v>
      </c>
      <c r="KM25" s="73">
        <v>2325</v>
      </c>
    </row>
    <row r="26" spans="2:299" ht="19.5" customHeight="1" x14ac:dyDescent="0.2">
      <c r="B26" s="126" t="s">
        <v>23</v>
      </c>
      <c r="C26" s="315">
        <v>175</v>
      </c>
      <c r="D26" s="82">
        <v>175</v>
      </c>
      <c r="E26" s="83">
        <v>350</v>
      </c>
      <c r="F26" s="241"/>
      <c r="G26" s="82">
        <v>311</v>
      </c>
      <c r="H26" s="82">
        <v>268</v>
      </c>
      <c r="I26" s="82">
        <v>181</v>
      </c>
      <c r="J26" s="82">
        <v>149</v>
      </c>
      <c r="K26" s="82">
        <v>98</v>
      </c>
      <c r="L26" s="84">
        <v>1007</v>
      </c>
      <c r="M26" s="85">
        <v>1357</v>
      </c>
      <c r="N26" s="70">
        <v>9</v>
      </c>
      <c r="O26" s="71">
        <v>11</v>
      </c>
      <c r="P26" s="72">
        <v>20</v>
      </c>
      <c r="Q26" s="241"/>
      <c r="R26" s="71">
        <v>14</v>
      </c>
      <c r="S26" s="71">
        <v>11</v>
      </c>
      <c r="T26" s="71">
        <v>9</v>
      </c>
      <c r="U26" s="71">
        <v>10</v>
      </c>
      <c r="V26" s="71">
        <v>4</v>
      </c>
      <c r="W26" s="72">
        <v>48</v>
      </c>
      <c r="X26" s="73">
        <v>68</v>
      </c>
      <c r="Y26" s="70">
        <v>30</v>
      </c>
      <c r="Z26" s="71">
        <v>17</v>
      </c>
      <c r="AA26" s="72">
        <v>47</v>
      </c>
      <c r="AB26" s="241"/>
      <c r="AC26" s="71">
        <v>29</v>
      </c>
      <c r="AD26" s="71">
        <v>31</v>
      </c>
      <c r="AE26" s="71">
        <v>18</v>
      </c>
      <c r="AF26" s="71">
        <v>15</v>
      </c>
      <c r="AG26" s="71">
        <v>17</v>
      </c>
      <c r="AH26" s="72">
        <v>110</v>
      </c>
      <c r="AI26" s="73">
        <v>157</v>
      </c>
      <c r="AJ26" s="70">
        <v>35</v>
      </c>
      <c r="AK26" s="71">
        <v>34</v>
      </c>
      <c r="AL26" s="72">
        <v>69</v>
      </c>
      <c r="AM26" s="241"/>
      <c r="AN26" s="71">
        <v>65</v>
      </c>
      <c r="AO26" s="71">
        <v>55</v>
      </c>
      <c r="AP26" s="71">
        <v>22</v>
      </c>
      <c r="AQ26" s="71">
        <v>19</v>
      </c>
      <c r="AR26" s="71">
        <v>32</v>
      </c>
      <c r="AS26" s="72">
        <v>193</v>
      </c>
      <c r="AT26" s="73">
        <v>262</v>
      </c>
      <c r="AU26" s="70">
        <v>44</v>
      </c>
      <c r="AV26" s="71">
        <v>54</v>
      </c>
      <c r="AW26" s="72">
        <v>98</v>
      </c>
      <c r="AX26" s="241"/>
      <c r="AY26" s="71">
        <v>92</v>
      </c>
      <c r="AZ26" s="71">
        <v>76</v>
      </c>
      <c r="BA26" s="71">
        <v>53</v>
      </c>
      <c r="BB26" s="71">
        <v>40</v>
      </c>
      <c r="BC26" s="71">
        <v>15</v>
      </c>
      <c r="BD26" s="72">
        <v>276</v>
      </c>
      <c r="BE26" s="73">
        <v>374</v>
      </c>
      <c r="BF26" s="70">
        <v>46</v>
      </c>
      <c r="BG26" s="71">
        <v>37</v>
      </c>
      <c r="BH26" s="72">
        <v>83</v>
      </c>
      <c r="BI26" s="241"/>
      <c r="BJ26" s="71">
        <v>82</v>
      </c>
      <c r="BK26" s="71">
        <v>61</v>
      </c>
      <c r="BL26" s="71">
        <v>51</v>
      </c>
      <c r="BM26" s="71">
        <v>39</v>
      </c>
      <c r="BN26" s="71">
        <v>20</v>
      </c>
      <c r="BO26" s="72">
        <v>253</v>
      </c>
      <c r="BP26" s="73">
        <v>336</v>
      </c>
      <c r="BQ26" s="70">
        <v>11</v>
      </c>
      <c r="BR26" s="71">
        <v>22</v>
      </c>
      <c r="BS26" s="72">
        <v>33</v>
      </c>
      <c r="BT26" s="241"/>
      <c r="BU26" s="71">
        <v>29</v>
      </c>
      <c r="BV26" s="71">
        <v>34</v>
      </c>
      <c r="BW26" s="71">
        <v>28</v>
      </c>
      <c r="BX26" s="71">
        <v>26</v>
      </c>
      <c r="BY26" s="71">
        <v>10</v>
      </c>
      <c r="BZ26" s="72">
        <v>127</v>
      </c>
      <c r="CA26" s="73">
        <v>160</v>
      </c>
      <c r="CB26" s="70">
        <v>4</v>
      </c>
      <c r="CC26" s="71">
        <v>9</v>
      </c>
      <c r="CD26" s="72">
        <v>13</v>
      </c>
      <c r="CE26" s="241"/>
      <c r="CF26" s="71">
        <v>5</v>
      </c>
      <c r="CG26" s="71">
        <v>11</v>
      </c>
      <c r="CH26" s="71">
        <v>6</v>
      </c>
      <c r="CI26" s="71">
        <v>6</v>
      </c>
      <c r="CJ26" s="71">
        <v>5</v>
      </c>
      <c r="CK26" s="72">
        <v>33</v>
      </c>
      <c r="CL26" s="73">
        <v>46</v>
      </c>
      <c r="CM26" s="70">
        <v>179</v>
      </c>
      <c r="CN26" s="71">
        <v>184</v>
      </c>
      <c r="CO26" s="72">
        <v>363</v>
      </c>
      <c r="CP26" s="241"/>
      <c r="CQ26" s="71">
        <v>316</v>
      </c>
      <c r="CR26" s="71">
        <v>279</v>
      </c>
      <c r="CS26" s="71">
        <v>187</v>
      </c>
      <c r="CT26" s="71">
        <v>155</v>
      </c>
      <c r="CU26" s="71">
        <v>103</v>
      </c>
      <c r="CV26" s="72">
        <v>1040</v>
      </c>
      <c r="CW26" s="73">
        <v>1403</v>
      </c>
      <c r="CX26" s="123">
        <v>307</v>
      </c>
      <c r="CY26" s="82">
        <v>399</v>
      </c>
      <c r="CZ26" s="83">
        <v>706</v>
      </c>
      <c r="DA26" s="241"/>
      <c r="DB26" s="82">
        <v>515</v>
      </c>
      <c r="DC26" s="82">
        <v>419</v>
      </c>
      <c r="DD26" s="82">
        <v>289</v>
      </c>
      <c r="DE26" s="82">
        <v>346</v>
      </c>
      <c r="DF26" s="82">
        <v>233</v>
      </c>
      <c r="DG26" s="84">
        <v>1802</v>
      </c>
      <c r="DH26" s="85">
        <v>2508</v>
      </c>
      <c r="DI26" s="70">
        <v>7</v>
      </c>
      <c r="DJ26" s="71">
        <v>20</v>
      </c>
      <c r="DK26" s="72">
        <v>27</v>
      </c>
      <c r="DL26" s="241"/>
      <c r="DM26" s="71">
        <v>10</v>
      </c>
      <c r="DN26" s="71">
        <v>9</v>
      </c>
      <c r="DO26" s="71">
        <v>4</v>
      </c>
      <c r="DP26" s="71">
        <v>7</v>
      </c>
      <c r="DQ26" s="71">
        <v>1</v>
      </c>
      <c r="DR26" s="72">
        <v>31</v>
      </c>
      <c r="DS26" s="73">
        <v>58</v>
      </c>
      <c r="DT26" s="70">
        <v>22</v>
      </c>
      <c r="DU26" s="71">
        <v>32</v>
      </c>
      <c r="DV26" s="72">
        <v>54</v>
      </c>
      <c r="DW26" s="241"/>
      <c r="DX26" s="71">
        <v>27</v>
      </c>
      <c r="DY26" s="71">
        <v>39</v>
      </c>
      <c r="DZ26" s="71">
        <v>19</v>
      </c>
      <c r="EA26" s="71">
        <v>28</v>
      </c>
      <c r="EB26" s="71">
        <v>16</v>
      </c>
      <c r="EC26" s="72">
        <v>129</v>
      </c>
      <c r="ED26" s="73">
        <v>183</v>
      </c>
      <c r="EE26" s="70">
        <v>56</v>
      </c>
      <c r="EF26" s="71">
        <v>81</v>
      </c>
      <c r="EG26" s="72">
        <v>137</v>
      </c>
      <c r="EH26" s="241"/>
      <c r="EI26" s="71">
        <v>77</v>
      </c>
      <c r="EJ26" s="71">
        <v>49</v>
      </c>
      <c r="EK26" s="71">
        <v>36</v>
      </c>
      <c r="EL26" s="71">
        <v>45</v>
      </c>
      <c r="EM26" s="71">
        <v>40</v>
      </c>
      <c r="EN26" s="72">
        <v>247</v>
      </c>
      <c r="EO26" s="73">
        <v>384</v>
      </c>
      <c r="EP26" s="70">
        <v>124</v>
      </c>
      <c r="EQ26" s="71">
        <v>119</v>
      </c>
      <c r="ER26" s="72">
        <v>243</v>
      </c>
      <c r="ES26" s="241"/>
      <c r="ET26" s="71">
        <v>153</v>
      </c>
      <c r="EU26" s="71">
        <v>101</v>
      </c>
      <c r="EV26" s="71">
        <v>59</v>
      </c>
      <c r="EW26" s="71">
        <v>68</v>
      </c>
      <c r="EX26" s="71">
        <v>44</v>
      </c>
      <c r="EY26" s="72">
        <v>425</v>
      </c>
      <c r="EZ26" s="73">
        <v>668</v>
      </c>
      <c r="FA26" s="70">
        <v>69</v>
      </c>
      <c r="FB26" s="71">
        <v>100</v>
      </c>
      <c r="FC26" s="72">
        <v>169</v>
      </c>
      <c r="FD26" s="241"/>
      <c r="FE26" s="71">
        <v>152</v>
      </c>
      <c r="FF26" s="71">
        <v>114</v>
      </c>
      <c r="FG26" s="71">
        <v>82</v>
      </c>
      <c r="FH26" s="71">
        <v>91</v>
      </c>
      <c r="FI26" s="71">
        <v>57</v>
      </c>
      <c r="FJ26" s="72">
        <v>496</v>
      </c>
      <c r="FK26" s="73">
        <v>665</v>
      </c>
      <c r="FL26" s="70">
        <v>29</v>
      </c>
      <c r="FM26" s="71">
        <v>47</v>
      </c>
      <c r="FN26" s="72">
        <v>76</v>
      </c>
      <c r="FO26" s="241"/>
      <c r="FP26" s="71">
        <v>96</v>
      </c>
      <c r="FQ26" s="71">
        <v>107</v>
      </c>
      <c r="FR26" s="71">
        <v>89</v>
      </c>
      <c r="FS26" s="71">
        <v>107</v>
      </c>
      <c r="FT26" s="71">
        <v>75</v>
      </c>
      <c r="FU26" s="72">
        <v>474</v>
      </c>
      <c r="FV26" s="73">
        <v>550</v>
      </c>
      <c r="FW26" s="70">
        <v>4</v>
      </c>
      <c r="FX26" s="71">
        <v>9</v>
      </c>
      <c r="FY26" s="72">
        <v>13</v>
      </c>
      <c r="FZ26" s="244"/>
      <c r="GA26" s="71">
        <v>3</v>
      </c>
      <c r="GB26" s="71">
        <v>8</v>
      </c>
      <c r="GC26" s="71">
        <v>2</v>
      </c>
      <c r="GD26" s="71">
        <v>4</v>
      </c>
      <c r="GE26" s="71">
        <v>7</v>
      </c>
      <c r="GF26" s="72">
        <v>24</v>
      </c>
      <c r="GG26" s="73">
        <v>37</v>
      </c>
      <c r="GH26" s="70">
        <v>311</v>
      </c>
      <c r="GI26" s="71">
        <v>408</v>
      </c>
      <c r="GJ26" s="72">
        <v>719</v>
      </c>
      <c r="GK26" s="244"/>
      <c r="GL26" s="71">
        <v>518</v>
      </c>
      <c r="GM26" s="71">
        <v>427</v>
      </c>
      <c r="GN26" s="71">
        <v>291</v>
      </c>
      <c r="GO26" s="71">
        <v>350</v>
      </c>
      <c r="GP26" s="71">
        <v>240</v>
      </c>
      <c r="GQ26" s="72">
        <v>1826</v>
      </c>
      <c r="GR26" s="73">
        <v>2545</v>
      </c>
      <c r="GS26" s="123">
        <v>482</v>
      </c>
      <c r="GT26" s="82">
        <v>574</v>
      </c>
      <c r="GU26" s="83">
        <v>1056</v>
      </c>
      <c r="GV26" s="241"/>
      <c r="GW26" s="82">
        <v>826</v>
      </c>
      <c r="GX26" s="82">
        <v>687</v>
      </c>
      <c r="GY26" s="82">
        <v>470</v>
      </c>
      <c r="GZ26" s="82">
        <v>495</v>
      </c>
      <c r="HA26" s="82">
        <v>331</v>
      </c>
      <c r="HB26" s="84">
        <v>2809</v>
      </c>
      <c r="HC26" s="85">
        <v>3865</v>
      </c>
      <c r="HD26" s="70">
        <v>16</v>
      </c>
      <c r="HE26" s="71">
        <v>31</v>
      </c>
      <c r="HF26" s="72">
        <v>47</v>
      </c>
      <c r="HG26" s="241"/>
      <c r="HH26" s="71">
        <v>24</v>
      </c>
      <c r="HI26" s="71">
        <v>20</v>
      </c>
      <c r="HJ26" s="71">
        <v>13</v>
      </c>
      <c r="HK26" s="71">
        <v>17</v>
      </c>
      <c r="HL26" s="71">
        <v>5</v>
      </c>
      <c r="HM26" s="72">
        <v>79</v>
      </c>
      <c r="HN26" s="73">
        <v>126</v>
      </c>
      <c r="HO26" s="70">
        <v>52</v>
      </c>
      <c r="HP26" s="71">
        <v>49</v>
      </c>
      <c r="HQ26" s="72">
        <v>101</v>
      </c>
      <c r="HR26" s="241"/>
      <c r="HS26" s="71">
        <v>56</v>
      </c>
      <c r="HT26" s="71">
        <v>70</v>
      </c>
      <c r="HU26" s="71">
        <v>37</v>
      </c>
      <c r="HV26" s="71">
        <v>43</v>
      </c>
      <c r="HW26" s="71">
        <v>33</v>
      </c>
      <c r="HX26" s="72">
        <v>239</v>
      </c>
      <c r="HY26" s="73">
        <v>340</v>
      </c>
      <c r="HZ26" s="70">
        <v>91</v>
      </c>
      <c r="IA26" s="71">
        <v>115</v>
      </c>
      <c r="IB26" s="72">
        <v>206</v>
      </c>
      <c r="IC26" s="241"/>
      <c r="ID26" s="71">
        <v>142</v>
      </c>
      <c r="IE26" s="71">
        <v>104</v>
      </c>
      <c r="IF26" s="71">
        <v>58</v>
      </c>
      <c r="IG26" s="71">
        <v>64</v>
      </c>
      <c r="IH26" s="71">
        <v>72</v>
      </c>
      <c r="II26" s="72">
        <v>440</v>
      </c>
      <c r="IJ26" s="73">
        <v>646</v>
      </c>
      <c r="IK26" s="70">
        <v>168</v>
      </c>
      <c r="IL26" s="71">
        <v>173</v>
      </c>
      <c r="IM26" s="72">
        <v>341</v>
      </c>
      <c r="IN26" s="241"/>
      <c r="IO26" s="71">
        <v>245</v>
      </c>
      <c r="IP26" s="71">
        <v>177</v>
      </c>
      <c r="IQ26" s="71">
        <v>112</v>
      </c>
      <c r="IR26" s="71">
        <v>108</v>
      </c>
      <c r="IS26" s="71">
        <v>59</v>
      </c>
      <c r="IT26" s="72">
        <v>701</v>
      </c>
      <c r="IU26" s="73">
        <v>1042</v>
      </c>
      <c r="IV26" s="70">
        <v>115</v>
      </c>
      <c r="IW26" s="71">
        <v>137</v>
      </c>
      <c r="IX26" s="72">
        <v>252</v>
      </c>
      <c r="IY26" s="241"/>
      <c r="IZ26" s="71">
        <v>234</v>
      </c>
      <c r="JA26" s="71">
        <v>175</v>
      </c>
      <c r="JB26" s="71">
        <v>133</v>
      </c>
      <c r="JC26" s="71">
        <v>130</v>
      </c>
      <c r="JD26" s="71">
        <v>77</v>
      </c>
      <c r="JE26" s="72">
        <v>749</v>
      </c>
      <c r="JF26" s="73">
        <v>1001</v>
      </c>
      <c r="JG26" s="70">
        <v>40</v>
      </c>
      <c r="JH26" s="71">
        <v>69</v>
      </c>
      <c r="JI26" s="72">
        <v>109</v>
      </c>
      <c r="JJ26" s="244"/>
      <c r="JK26" s="71">
        <v>125</v>
      </c>
      <c r="JL26" s="71">
        <v>141</v>
      </c>
      <c r="JM26" s="71">
        <v>117</v>
      </c>
      <c r="JN26" s="71">
        <v>133</v>
      </c>
      <c r="JO26" s="71">
        <v>85</v>
      </c>
      <c r="JP26" s="72">
        <v>601</v>
      </c>
      <c r="JQ26" s="73">
        <v>710</v>
      </c>
      <c r="JR26" s="70">
        <v>8</v>
      </c>
      <c r="JS26" s="71">
        <v>18</v>
      </c>
      <c r="JT26" s="72">
        <v>26</v>
      </c>
      <c r="JU26" s="244"/>
      <c r="JV26" s="71">
        <v>8</v>
      </c>
      <c r="JW26" s="71">
        <v>19</v>
      </c>
      <c r="JX26" s="71">
        <v>8</v>
      </c>
      <c r="JY26" s="71">
        <v>10</v>
      </c>
      <c r="JZ26" s="71">
        <v>12</v>
      </c>
      <c r="KA26" s="72">
        <v>57</v>
      </c>
      <c r="KB26" s="73">
        <v>83</v>
      </c>
      <c r="KC26" s="70">
        <v>490</v>
      </c>
      <c r="KD26" s="71">
        <v>592</v>
      </c>
      <c r="KE26" s="72">
        <v>1082</v>
      </c>
      <c r="KF26" s="244"/>
      <c r="KG26" s="71">
        <v>834</v>
      </c>
      <c r="KH26" s="71">
        <v>706</v>
      </c>
      <c r="KI26" s="71">
        <v>478</v>
      </c>
      <c r="KJ26" s="71">
        <v>505</v>
      </c>
      <c r="KK26" s="71">
        <v>343</v>
      </c>
      <c r="KL26" s="72">
        <v>2866</v>
      </c>
      <c r="KM26" s="73">
        <v>3948</v>
      </c>
    </row>
    <row r="27" spans="2:299" ht="19.5" customHeight="1" x14ac:dyDescent="0.2">
      <c r="B27" s="126" t="s">
        <v>24</v>
      </c>
      <c r="C27" s="315">
        <v>109</v>
      </c>
      <c r="D27" s="82">
        <v>71</v>
      </c>
      <c r="E27" s="83">
        <v>180</v>
      </c>
      <c r="F27" s="241"/>
      <c r="G27" s="82">
        <v>158</v>
      </c>
      <c r="H27" s="82">
        <v>95</v>
      </c>
      <c r="I27" s="82">
        <v>70</v>
      </c>
      <c r="J27" s="82">
        <v>54</v>
      </c>
      <c r="K27" s="82">
        <v>52</v>
      </c>
      <c r="L27" s="84">
        <v>429</v>
      </c>
      <c r="M27" s="85">
        <v>609</v>
      </c>
      <c r="N27" s="70">
        <v>3</v>
      </c>
      <c r="O27" s="71">
        <v>1</v>
      </c>
      <c r="P27" s="72">
        <v>4</v>
      </c>
      <c r="Q27" s="241"/>
      <c r="R27" s="71">
        <v>8</v>
      </c>
      <c r="S27" s="71">
        <v>4</v>
      </c>
      <c r="T27" s="71">
        <v>2</v>
      </c>
      <c r="U27" s="71">
        <v>1</v>
      </c>
      <c r="V27" s="71">
        <v>5</v>
      </c>
      <c r="W27" s="72">
        <v>20</v>
      </c>
      <c r="X27" s="73">
        <v>24</v>
      </c>
      <c r="Y27" s="70">
        <v>7</v>
      </c>
      <c r="Z27" s="71">
        <v>2</v>
      </c>
      <c r="AA27" s="72">
        <v>9</v>
      </c>
      <c r="AB27" s="241"/>
      <c r="AC27" s="71">
        <v>17</v>
      </c>
      <c r="AD27" s="71">
        <v>12</v>
      </c>
      <c r="AE27" s="71">
        <v>3</v>
      </c>
      <c r="AF27" s="71">
        <v>3</v>
      </c>
      <c r="AG27" s="71">
        <v>6</v>
      </c>
      <c r="AH27" s="72">
        <v>41</v>
      </c>
      <c r="AI27" s="73">
        <v>50</v>
      </c>
      <c r="AJ27" s="70">
        <v>16</v>
      </c>
      <c r="AK27" s="71">
        <v>13</v>
      </c>
      <c r="AL27" s="72">
        <v>29</v>
      </c>
      <c r="AM27" s="241"/>
      <c r="AN27" s="71">
        <v>21</v>
      </c>
      <c r="AO27" s="71">
        <v>12</v>
      </c>
      <c r="AP27" s="71">
        <v>12</v>
      </c>
      <c r="AQ27" s="71">
        <v>7</v>
      </c>
      <c r="AR27" s="71">
        <v>4</v>
      </c>
      <c r="AS27" s="72">
        <v>56</v>
      </c>
      <c r="AT27" s="73">
        <v>85</v>
      </c>
      <c r="AU27" s="70">
        <v>22</v>
      </c>
      <c r="AV27" s="71">
        <v>18</v>
      </c>
      <c r="AW27" s="72">
        <v>40</v>
      </c>
      <c r="AX27" s="241"/>
      <c r="AY27" s="71">
        <v>31</v>
      </c>
      <c r="AZ27" s="71">
        <v>15</v>
      </c>
      <c r="BA27" s="71">
        <v>12</v>
      </c>
      <c r="BB27" s="71">
        <v>12</v>
      </c>
      <c r="BC27" s="71">
        <v>16</v>
      </c>
      <c r="BD27" s="72">
        <v>86</v>
      </c>
      <c r="BE27" s="73">
        <v>126</v>
      </c>
      <c r="BF27" s="70">
        <v>33</v>
      </c>
      <c r="BG27" s="71">
        <v>22</v>
      </c>
      <c r="BH27" s="72">
        <v>55</v>
      </c>
      <c r="BI27" s="241"/>
      <c r="BJ27" s="71">
        <v>45</v>
      </c>
      <c r="BK27" s="71">
        <v>34</v>
      </c>
      <c r="BL27" s="71">
        <v>17</v>
      </c>
      <c r="BM27" s="71">
        <v>17</v>
      </c>
      <c r="BN27" s="71">
        <v>14</v>
      </c>
      <c r="BO27" s="72">
        <v>127</v>
      </c>
      <c r="BP27" s="73">
        <v>182</v>
      </c>
      <c r="BQ27" s="70">
        <v>28</v>
      </c>
      <c r="BR27" s="71">
        <v>15</v>
      </c>
      <c r="BS27" s="72">
        <v>43</v>
      </c>
      <c r="BT27" s="241"/>
      <c r="BU27" s="71">
        <v>36</v>
      </c>
      <c r="BV27" s="71">
        <v>18</v>
      </c>
      <c r="BW27" s="71">
        <v>24</v>
      </c>
      <c r="BX27" s="71">
        <v>14</v>
      </c>
      <c r="BY27" s="71">
        <v>7</v>
      </c>
      <c r="BZ27" s="72">
        <v>99</v>
      </c>
      <c r="CA27" s="73">
        <v>142</v>
      </c>
      <c r="CB27" s="70">
        <v>5</v>
      </c>
      <c r="CC27" s="71">
        <v>3</v>
      </c>
      <c r="CD27" s="72">
        <v>8</v>
      </c>
      <c r="CE27" s="241"/>
      <c r="CF27" s="71">
        <v>2</v>
      </c>
      <c r="CG27" s="71">
        <v>5</v>
      </c>
      <c r="CH27" s="71">
        <v>1</v>
      </c>
      <c r="CI27" s="71">
        <v>3</v>
      </c>
      <c r="CJ27" s="71">
        <v>2</v>
      </c>
      <c r="CK27" s="72">
        <v>13</v>
      </c>
      <c r="CL27" s="73">
        <v>21</v>
      </c>
      <c r="CM27" s="70">
        <v>114</v>
      </c>
      <c r="CN27" s="71">
        <v>74</v>
      </c>
      <c r="CO27" s="72">
        <v>188</v>
      </c>
      <c r="CP27" s="241"/>
      <c r="CQ27" s="71">
        <v>160</v>
      </c>
      <c r="CR27" s="71">
        <v>100</v>
      </c>
      <c r="CS27" s="71">
        <v>71</v>
      </c>
      <c r="CT27" s="71">
        <v>57</v>
      </c>
      <c r="CU27" s="71">
        <v>54</v>
      </c>
      <c r="CV27" s="72">
        <v>442</v>
      </c>
      <c r="CW27" s="73">
        <v>630</v>
      </c>
      <c r="CX27" s="123">
        <v>222</v>
      </c>
      <c r="CY27" s="82">
        <v>153</v>
      </c>
      <c r="CZ27" s="83">
        <v>375</v>
      </c>
      <c r="DA27" s="241"/>
      <c r="DB27" s="82">
        <v>281</v>
      </c>
      <c r="DC27" s="82">
        <v>187</v>
      </c>
      <c r="DD27" s="82">
        <v>164</v>
      </c>
      <c r="DE27" s="82">
        <v>169</v>
      </c>
      <c r="DF27" s="82">
        <v>123</v>
      </c>
      <c r="DG27" s="84">
        <v>924</v>
      </c>
      <c r="DH27" s="85">
        <v>1299</v>
      </c>
      <c r="DI27" s="70">
        <v>6</v>
      </c>
      <c r="DJ27" s="71">
        <v>3</v>
      </c>
      <c r="DK27" s="72">
        <v>9</v>
      </c>
      <c r="DL27" s="241"/>
      <c r="DM27" s="71">
        <v>1</v>
      </c>
      <c r="DN27" s="71">
        <v>5</v>
      </c>
      <c r="DO27" s="71">
        <v>4</v>
      </c>
      <c r="DP27" s="71">
        <v>2</v>
      </c>
      <c r="DQ27" s="71">
        <v>2</v>
      </c>
      <c r="DR27" s="72">
        <v>14</v>
      </c>
      <c r="DS27" s="73">
        <v>23</v>
      </c>
      <c r="DT27" s="70">
        <v>17</v>
      </c>
      <c r="DU27" s="71">
        <v>7</v>
      </c>
      <c r="DV27" s="72">
        <v>24</v>
      </c>
      <c r="DW27" s="241"/>
      <c r="DX27" s="71">
        <v>6</v>
      </c>
      <c r="DY27" s="71">
        <v>5</v>
      </c>
      <c r="DZ27" s="71">
        <v>6</v>
      </c>
      <c r="EA27" s="71">
        <v>5</v>
      </c>
      <c r="EB27" s="71">
        <v>4</v>
      </c>
      <c r="EC27" s="72">
        <v>26</v>
      </c>
      <c r="ED27" s="73">
        <v>50</v>
      </c>
      <c r="EE27" s="70">
        <v>30</v>
      </c>
      <c r="EF27" s="71">
        <v>22</v>
      </c>
      <c r="EG27" s="72">
        <v>52</v>
      </c>
      <c r="EH27" s="241"/>
      <c r="EI27" s="71">
        <v>29</v>
      </c>
      <c r="EJ27" s="71">
        <v>22</v>
      </c>
      <c r="EK27" s="71">
        <v>17</v>
      </c>
      <c r="EL27" s="71">
        <v>12</v>
      </c>
      <c r="EM27" s="71">
        <v>3</v>
      </c>
      <c r="EN27" s="72">
        <v>83</v>
      </c>
      <c r="EO27" s="73">
        <v>135</v>
      </c>
      <c r="EP27" s="70">
        <v>54</v>
      </c>
      <c r="EQ27" s="71">
        <v>37</v>
      </c>
      <c r="ER27" s="72">
        <v>91</v>
      </c>
      <c r="ES27" s="241"/>
      <c r="ET27" s="71">
        <v>75</v>
      </c>
      <c r="EU27" s="71">
        <v>38</v>
      </c>
      <c r="EV27" s="71">
        <v>15</v>
      </c>
      <c r="EW27" s="71">
        <v>28</v>
      </c>
      <c r="EX27" s="71">
        <v>20</v>
      </c>
      <c r="EY27" s="72">
        <v>176</v>
      </c>
      <c r="EZ27" s="73">
        <v>267</v>
      </c>
      <c r="FA27" s="70">
        <v>66</v>
      </c>
      <c r="FB27" s="71">
        <v>54</v>
      </c>
      <c r="FC27" s="72">
        <v>120</v>
      </c>
      <c r="FD27" s="241"/>
      <c r="FE27" s="71">
        <v>82</v>
      </c>
      <c r="FF27" s="71">
        <v>55</v>
      </c>
      <c r="FG27" s="71">
        <v>44</v>
      </c>
      <c r="FH27" s="71">
        <v>37</v>
      </c>
      <c r="FI27" s="71">
        <v>30</v>
      </c>
      <c r="FJ27" s="72">
        <v>248</v>
      </c>
      <c r="FK27" s="73">
        <v>368</v>
      </c>
      <c r="FL27" s="70">
        <v>49</v>
      </c>
      <c r="FM27" s="71">
        <v>30</v>
      </c>
      <c r="FN27" s="72">
        <v>79</v>
      </c>
      <c r="FO27" s="241"/>
      <c r="FP27" s="71">
        <v>88</v>
      </c>
      <c r="FQ27" s="71">
        <v>62</v>
      </c>
      <c r="FR27" s="71">
        <v>78</v>
      </c>
      <c r="FS27" s="71">
        <v>85</v>
      </c>
      <c r="FT27" s="71">
        <v>64</v>
      </c>
      <c r="FU27" s="72">
        <v>377</v>
      </c>
      <c r="FV27" s="73">
        <v>456</v>
      </c>
      <c r="FW27" s="70">
        <v>1</v>
      </c>
      <c r="FX27" s="71">
        <v>2</v>
      </c>
      <c r="FY27" s="72">
        <v>3</v>
      </c>
      <c r="FZ27" s="244"/>
      <c r="GA27" s="71">
        <v>2</v>
      </c>
      <c r="GB27" s="71">
        <v>4</v>
      </c>
      <c r="GC27" s="71">
        <v>3</v>
      </c>
      <c r="GD27" s="71">
        <v>1</v>
      </c>
      <c r="GE27" s="71">
        <v>2</v>
      </c>
      <c r="GF27" s="72">
        <v>12</v>
      </c>
      <c r="GG27" s="73">
        <v>15</v>
      </c>
      <c r="GH27" s="70">
        <v>223</v>
      </c>
      <c r="GI27" s="71">
        <v>155</v>
      </c>
      <c r="GJ27" s="72">
        <v>378</v>
      </c>
      <c r="GK27" s="244"/>
      <c r="GL27" s="71">
        <v>283</v>
      </c>
      <c r="GM27" s="71">
        <v>191</v>
      </c>
      <c r="GN27" s="71">
        <v>167</v>
      </c>
      <c r="GO27" s="71">
        <v>170</v>
      </c>
      <c r="GP27" s="71">
        <v>125</v>
      </c>
      <c r="GQ27" s="72">
        <v>936</v>
      </c>
      <c r="GR27" s="73">
        <v>1314</v>
      </c>
      <c r="GS27" s="123">
        <v>331</v>
      </c>
      <c r="GT27" s="82">
        <v>224</v>
      </c>
      <c r="GU27" s="83">
        <v>555</v>
      </c>
      <c r="GV27" s="241"/>
      <c r="GW27" s="82">
        <v>439</v>
      </c>
      <c r="GX27" s="82">
        <v>282</v>
      </c>
      <c r="GY27" s="82">
        <v>234</v>
      </c>
      <c r="GZ27" s="82">
        <v>223</v>
      </c>
      <c r="HA27" s="82">
        <v>175</v>
      </c>
      <c r="HB27" s="84">
        <v>1353</v>
      </c>
      <c r="HC27" s="85">
        <v>1908</v>
      </c>
      <c r="HD27" s="70">
        <v>9</v>
      </c>
      <c r="HE27" s="71">
        <v>4</v>
      </c>
      <c r="HF27" s="72">
        <v>13</v>
      </c>
      <c r="HG27" s="241"/>
      <c r="HH27" s="71">
        <v>9</v>
      </c>
      <c r="HI27" s="71">
        <v>9</v>
      </c>
      <c r="HJ27" s="71">
        <v>6</v>
      </c>
      <c r="HK27" s="71">
        <v>3</v>
      </c>
      <c r="HL27" s="71">
        <v>7</v>
      </c>
      <c r="HM27" s="72">
        <v>34</v>
      </c>
      <c r="HN27" s="73">
        <v>47</v>
      </c>
      <c r="HO27" s="70">
        <v>24</v>
      </c>
      <c r="HP27" s="71">
        <v>9</v>
      </c>
      <c r="HQ27" s="72">
        <v>33</v>
      </c>
      <c r="HR27" s="241"/>
      <c r="HS27" s="71">
        <v>23</v>
      </c>
      <c r="HT27" s="71">
        <v>17</v>
      </c>
      <c r="HU27" s="71">
        <v>9</v>
      </c>
      <c r="HV27" s="71">
        <v>8</v>
      </c>
      <c r="HW27" s="71">
        <v>10</v>
      </c>
      <c r="HX27" s="72">
        <v>67</v>
      </c>
      <c r="HY27" s="73">
        <v>100</v>
      </c>
      <c r="HZ27" s="70">
        <v>46</v>
      </c>
      <c r="IA27" s="71">
        <v>35</v>
      </c>
      <c r="IB27" s="72">
        <v>81</v>
      </c>
      <c r="IC27" s="241"/>
      <c r="ID27" s="71">
        <v>50</v>
      </c>
      <c r="IE27" s="71">
        <v>34</v>
      </c>
      <c r="IF27" s="71">
        <v>29</v>
      </c>
      <c r="IG27" s="71">
        <v>19</v>
      </c>
      <c r="IH27" s="71">
        <v>7</v>
      </c>
      <c r="II27" s="72">
        <v>139</v>
      </c>
      <c r="IJ27" s="73">
        <v>220</v>
      </c>
      <c r="IK27" s="70">
        <v>76</v>
      </c>
      <c r="IL27" s="71">
        <v>55</v>
      </c>
      <c r="IM27" s="72">
        <v>131</v>
      </c>
      <c r="IN27" s="241"/>
      <c r="IO27" s="71">
        <v>106</v>
      </c>
      <c r="IP27" s="71">
        <v>53</v>
      </c>
      <c r="IQ27" s="71">
        <v>27</v>
      </c>
      <c r="IR27" s="71">
        <v>40</v>
      </c>
      <c r="IS27" s="71">
        <v>36</v>
      </c>
      <c r="IT27" s="72">
        <v>262</v>
      </c>
      <c r="IU27" s="73">
        <v>393</v>
      </c>
      <c r="IV27" s="70">
        <v>99</v>
      </c>
      <c r="IW27" s="71">
        <v>76</v>
      </c>
      <c r="IX27" s="72">
        <v>175</v>
      </c>
      <c r="IY27" s="241"/>
      <c r="IZ27" s="71">
        <v>127</v>
      </c>
      <c r="JA27" s="71">
        <v>89</v>
      </c>
      <c r="JB27" s="71">
        <v>61</v>
      </c>
      <c r="JC27" s="71">
        <v>54</v>
      </c>
      <c r="JD27" s="71">
        <v>44</v>
      </c>
      <c r="JE27" s="72">
        <v>375</v>
      </c>
      <c r="JF27" s="73">
        <v>550</v>
      </c>
      <c r="JG27" s="70">
        <v>77</v>
      </c>
      <c r="JH27" s="71">
        <v>45</v>
      </c>
      <c r="JI27" s="72">
        <v>122</v>
      </c>
      <c r="JJ27" s="244"/>
      <c r="JK27" s="71">
        <v>124</v>
      </c>
      <c r="JL27" s="71">
        <v>80</v>
      </c>
      <c r="JM27" s="71">
        <v>102</v>
      </c>
      <c r="JN27" s="71">
        <v>99</v>
      </c>
      <c r="JO27" s="71">
        <v>71</v>
      </c>
      <c r="JP27" s="72">
        <v>476</v>
      </c>
      <c r="JQ27" s="73">
        <v>598</v>
      </c>
      <c r="JR27" s="70">
        <v>6</v>
      </c>
      <c r="JS27" s="71">
        <v>5</v>
      </c>
      <c r="JT27" s="72">
        <v>11</v>
      </c>
      <c r="JU27" s="244"/>
      <c r="JV27" s="71">
        <v>4</v>
      </c>
      <c r="JW27" s="71">
        <v>9</v>
      </c>
      <c r="JX27" s="71">
        <v>4</v>
      </c>
      <c r="JY27" s="71">
        <v>4</v>
      </c>
      <c r="JZ27" s="71">
        <v>4</v>
      </c>
      <c r="KA27" s="72">
        <v>25</v>
      </c>
      <c r="KB27" s="73">
        <v>36</v>
      </c>
      <c r="KC27" s="70">
        <v>337</v>
      </c>
      <c r="KD27" s="71">
        <v>229</v>
      </c>
      <c r="KE27" s="72">
        <v>566</v>
      </c>
      <c r="KF27" s="244"/>
      <c r="KG27" s="71">
        <v>443</v>
      </c>
      <c r="KH27" s="71">
        <v>291</v>
      </c>
      <c r="KI27" s="71">
        <v>238</v>
      </c>
      <c r="KJ27" s="71">
        <v>227</v>
      </c>
      <c r="KK27" s="71">
        <v>179</v>
      </c>
      <c r="KL27" s="72">
        <v>1378</v>
      </c>
      <c r="KM27" s="73">
        <v>1944</v>
      </c>
    </row>
    <row r="28" spans="2:299" ht="19.5" customHeight="1" x14ac:dyDescent="0.2">
      <c r="B28" s="126" t="s">
        <v>25</v>
      </c>
      <c r="C28" s="315">
        <v>104</v>
      </c>
      <c r="D28" s="82">
        <v>103</v>
      </c>
      <c r="E28" s="83">
        <v>207</v>
      </c>
      <c r="F28" s="241"/>
      <c r="G28" s="82">
        <v>189</v>
      </c>
      <c r="H28" s="82">
        <v>130</v>
      </c>
      <c r="I28" s="82">
        <v>101</v>
      </c>
      <c r="J28" s="82">
        <v>101</v>
      </c>
      <c r="K28" s="82">
        <v>60</v>
      </c>
      <c r="L28" s="84">
        <v>581</v>
      </c>
      <c r="M28" s="85">
        <v>788</v>
      </c>
      <c r="N28" s="70">
        <v>2</v>
      </c>
      <c r="O28" s="71">
        <v>5</v>
      </c>
      <c r="P28" s="72">
        <v>7</v>
      </c>
      <c r="Q28" s="241"/>
      <c r="R28" s="71">
        <v>4</v>
      </c>
      <c r="S28" s="71">
        <v>8</v>
      </c>
      <c r="T28" s="71">
        <v>3</v>
      </c>
      <c r="U28" s="71">
        <v>6</v>
      </c>
      <c r="V28" s="71">
        <v>1</v>
      </c>
      <c r="W28" s="72">
        <v>22</v>
      </c>
      <c r="X28" s="73">
        <v>29</v>
      </c>
      <c r="Y28" s="70">
        <v>14</v>
      </c>
      <c r="Z28" s="71">
        <v>12</v>
      </c>
      <c r="AA28" s="72">
        <v>26</v>
      </c>
      <c r="AB28" s="241"/>
      <c r="AC28" s="71">
        <v>19</v>
      </c>
      <c r="AD28" s="71">
        <v>21</v>
      </c>
      <c r="AE28" s="71">
        <v>9</v>
      </c>
      <c r="AF28" s="71">
        <v>10</v>
      </c>
      <c r="AG28" s="71">
        <v>6</v>
      </c>
      <c r="AH28" s="72">
        <v>65</v>
      </c>
      <c r="AI28" s="73">
        <v>91</v>
      </c>
      <c r="AJ28" s="70">
        <v>19</v>
      </c>
      <c r="AK28" s="71">
        <v>23</v>
      </c>
      <c r="AL28" s="72">
        <v>42</v>
      </c>
      <c r="AM28" s="241"/>
      <c r="AN28" s="71">
        <v>34</v>
      </c>
      <c r="AO28" s="71">
        <v>20</v>
      </c>
      <c r="AP28" s="71">
        <v>16</v>
      </c>
      <c r="AQ28" s="71">
        <v>24</v>
      </c>
      <c r="AR28" s="71">
        <v>11</v>
      </c>
      <c r="AS28" s="72">
        <v>105</v>
      </c>
      <c r="AT28" s="73">
        <v>147</v>
      </c>
      <c r="AU28" s="70">
        <v>32</v>
      </c>
      <c r="AV28" s="71">
        <v>31</v>
      </c>
      <c r="AW28" s="72">
        <v>63</v>
      </c>
      <c r="AX28" s="241"/>
      <c r="AY28" s="71">
        <v>55</v>
      </c>
      <c r="AZ28" s="71">
        <v>33</v>
      </c>
      <c r="BA28" s="71">
        <v>29</v>
      </c>
      <c r="BB28" s="71">
        <v>32</v>
      </c>
      <c r="BC28" s="71">
        <v>21</v>
      </c>
      <c r="BD28" s="72">
        <v>170</v>
      </c>
      <c r="BE28" s="73">
        <v>233</v>
      </c>
      <c r="BF28" s="70">
        <v>22</v>
      </c>
      <c r="BG28" s="71">
        <v>22</v>
      </c>
      <c r="BH28" s="72">
        <v>44</v>
      </c>
      <c r="BI28" s="241"/>
      <c r="BJ28" s="71">
        <v>49</v>
      </c>
      <c r="BK28" s="71">
        <v>35</v>
      </c>
      <c r="BL28" s="71">
        <v>24</v>
      </c>
      <c r="BM28" s="71">
        <v>20</v>
      </c>
      <c r="BN28" s="71">
        <v>15</v>
      </c>
      <c r="BO28" s="72">
        <v>143</v>
      </c>
      <c r="BP28" s="73">
        <v>187</v>
      </c>
      <c r="BQ28" s="70">
        <v>15</v>
      </c>
      <c r="BR28" s="71">
        <v>10</v>
      </c>
      <c r="BS28" s="72">
        <v>25</v>
      </c>
      <c r="BT28" s="241"/>
      <c r="BU28" s="71">
        <v>28</v>
      </c>
      <c r="BV28" s="71">
        <v>13</v>
      </c>
      <c r="BW28" s="71">
        <v>20</v>
      </c>
      <c r="BX28" s="71">
        <v>9</v>
      </c>
      <c r="BY28" s="71">
        <v>6</v>
      </c>
      <c r="BZ28" s="72">
        <v>76</v>
      </c>
      <c r="CA28" s="73">
        <v>101</v>
      </c>
      <c r="CB28" s="70">
        <v>1</v>
      </c>
      <c r="CC28" s="71">
        <v>2</v>
      </c>
      <c r="CD28" s="72">
        <v>3</v>
      </c>
      <c r="CE28" s="241"/>
      <c r="CF28" s="71">
        <v>4</v>
      </c>
      <c r="CG28" s="71">
        <v>9</v>
      </c>
      <c r="CH28" s="71">
        <v>2</v>
      </c>
      <c r="CI28" s="71">
        <v>3</v>
      </c>
      <c r="CJ28" s="71">
        <v>3</v>
      </c>
      <c r="CK28" s="72">
        <v>21</v>
      </c>
      <c r="CL28" s="73">
        <v>24</v>
      </c>
      <c r="CM28" s="70">
        <v>105</v>
      </c>
      <c r="CN28" s="71">
        <v>105</v>
      </c>
      <c r="CO28" s="72">
        <v>210</v>
      </c>
      <c r="CP28" s="241"/>
      <c r="CQ28" s="71">
        <v>193</v>
      </c>
      <c r="CR28" s="71">
        <v>139</v>
      </c>
      <c r="CS28" s="71">
        <v>103</v>
      </c>
      <c r="CT28" s="71">
        <v>104</v>
      </c>
      <c r="CU28" s="71">
        <v>63</v>
      </c>
      <c r="CV28" s="72">
        <v>602</v>
      </c>
      <c r="CW28" s="73">
        <v>812</v>
      </c>
      <c r="CX28" s="123">
        <v>183</v>
      </c>
      <c r="CY28" s="82">
        <v>206</v>
      </c>
      <c r="CZ28" s="83">
        <v>389</v>
      </c>
      <c r="DA28" s="241"/>
      <c r="DB28" s="82">
        <v>308</v>
      </c>
      <c r="DC28" s="82">
        <v>223</v>
      </c>
      <c r="DD28" s="82">
        <v>147</v>
      </c>
      <c r="DE28" s="82">
        <v>174</v>
      </c>
      <c r="DF28" s="82">
        <v>108</v>
      </c>
      <c r="DG28" s="84">
        <v>960</v>
      </c>
      <c r="DH28" s="85">
        <v>1349</v>
      </c>
      <c r="DI28" s="70">
        <v>4</v>
      </c>
      <c r="DJ28" s="71">
        <v>8</v>
      </c>
      <c r="DK28" s="72">
        <v>12</v>
      </c>
      <c r="DL28" s="241"/>
      <c r="DM28" s="71">
        <v>10</v>
      </c>
      <c r="DN28" s="71">
        <v>8</v>
      </c>
      <c r="DO28" s="71">
        <v>2</v>
      </c>
      <c r="DP28" s="71">
        <v>5</v>
      </c>
      <c r="DQ28" s="71">
        <v>2</v>
      </c>
      <c r="DR28" s="72">
        <v>27</v>
      </c>
      <c r="DS28" s="73">
        <v>39</v>
      </c>
      <c r="DT28" s="70">
        <v>19</v>
      </c>
      <c r="DU28" s="71">
        <v>16</v>
      </c>
      <c r="DV28" s="72">
        <v>35</v>
      </c>
      <c r="DW28" s="241"/>
      <c r="DX28" s="71">
        <v>24</v>
      </c>
      <c r="DY28" s="71">
        <v>13</v>
      </c>
      <c r="DZ28" s="71">
        <v>13</v>
      </c>
      <c r="EA28" s="71">
        <v>6</v>
      </c>
      <c r="EB28" s="71">
        <v>11</v>
      </c>
      <c r="EC28" s="72">
        <v>67</v>
      </c>
      <c r="ED28" s="73">
        <v>102</v>
      </c>
      <c r="EE28" s="70">
        <v>33</v>
      </c>
      <c r="EF28" s="71">
        <v>32</v>
      </c>
      <c r="EG28" s="72">
        <v>65</v>
      </c>
      <c r="EH28" s="241"/>
      <c r="EI28" s="71">
        <v>45</v>
      </c>
      <c r="EJ28" s="71">
        <v>27</v>
      </c>
      <c r="EK28" s="71">
        <v>24</v>
      </c>
      <c r="EL28" s="71">
        <v>22</v>
      </c>
      <c r="EM28" s="71">
        <v>15</v>
      </c>
      <c r="EN28" s="72">
        <v>133</v>
      </c>
      <c r="EO28" s="73">
        <v>198</v>
      </c>
      <c r="EP28" s="70">
        <v>55</v>
      </c>
      <c r="EQ28" s="71">
        <v>58</v>
      </c>
      <c r="ER28" s="72">
        <v>113</v>
      </c>
      <c r="ES28" s="241"/>
      <c r="ET28" s="71">
        <v>77</v>
      </c>
      <c r="EU28" s="71">
        <v>48</v>
      </c>
      <c r="EV28" s="71">
        <v>22</v>
      </c>
      <c r="EW28" s="71">
        <v>32</v>
      </c>
      <c r="EX28" s="71">
        <v>13</v>
      </c>
      <c r="EY28" s="72">
        <v>192</v>
      </c>
      <c r="EZ28" s="73">
        <v>305</v>
      </c>
      <c r="FA28" s="70">
        <v>49</v>
      </c>
      <c r="FB28" s="71">
        <v>58</v>
      </c>
      <c r="FC28" s="72">
        <v>107</v>
      </c>
      <c r="FD28" s="241"/>
      <c r="FE28" s="71">
        <v>85</v>
      </c>
      <c r="FF28" s="71">
        <v>66</v>
      </c>
      <c r="FG28" s="71">
        <v>46</v>
      </c>
      <c r="FH28" s="71">
        <v>50</v>
      </c>
      <c r="FI28" s="71">
        <v>36</v>
      </c>
      <c r="FJ28" s="72">
        <v>283</v>
      </c>
      <c r="FK28" s="73">
        <v>390</v>
      </c>
      <c r="FL28" s="70">
        <v>23</v>
      </c>
      <c r="FM28" s="71">
        <v>34</v>
      </c>
      <c r="FN28" s="72">
        <v>57</v>
      </c>
      <c r="FO28" s="241"/>
      <c r="FP28" s="71">
        <v>67</v>
      </c>
      <c r="FQ28" s="71">
        <v>61</v>
      </c>
      <c r="FR28" s="71">
        <v>40</v>
      </c>
      <c r="FS28" s="71">
        <v>59</v>
      </c>
      <c r="FT28" s="71">
        <v>31</v>
      </c>
      <c r="FU28" s="72">
        <v>258</v>
      </c>
      <c r="FV28" s="73">
        <v>315</v>
      </c>
      <c r="FW28" s="70">
        <v>2</v>
      </c>
      <c r="FX28" s="71">
        <v>5</v>
      </c>
      <c r="FY28" s="72">
        <v>7</v>
      </c>
      <c r="FZ28" s="244"/>
      <c r="GA28" s="71">
        <v>3</v>
      </c>
      <c r="GB28" s="71">
        <v>2</v>
      </c>
      <c r="GC28" s="71">
        <v>3</v>
      </c>
      <c r="GD28" s="71">
        <v>3</v>
      </c>
      <c r="GE28" s="71">
        <v>5</v>
      </c>
      <c r="GF28" s="72">
        <v>16</v>
      </c>
      <c r="GG28" s="73">
        <v>23</v>
      </c>
      <c r="GH28" s="70">
        <v>185</v>
      </c>
      <c r="GI28" s="71">
        <v>211</v>
      </c>
      <c r="GJ28" s="72">
        <v>396</v>
      </c>
      <c r="GK28" s="244"/>
      <c r="GL28" s="71">
        <v>311</v>
      </c>
      <c r="GM28" s="71">
        <v>225</v>
      </c>
      <c r="GN28" s="71">
        <v>150</v>
      </c>
      <c r="GO28" s="71">
        <v>177</v>
      </c>
      <c r="GP28" s="71">
        <v>113</v>
      </c>
      <c r="GQ28" s="72">
        <v>976</v>
      </c>
      <c r="GR28" s="73">
        <v>1372</v>
      </c>
      <c r="GS28" s="123">
        <v>287</v>
      </c>
      <c r="GT28" s="82">
        <v>309</v>
      </c>
      <c r="GU28" s="83">
        <v>596</v>
      </c>
      <c r="GV28" s="241"/>
      <c r="GW28" s="82">
        <v>497</v>
      </c>
      <c r="GX28" s="82">
        <v>353</v>
      </c>
      <c r="GY28" s="82">
        <v>248</v>
      </c>
      <c r="GZ28" s="82">
        <v>275</v>
      </c>
      <c r="HA28" s="82">
        <v>168</v>
      </c>
      <c r="HB28" s="84">
        <v>1541</v>
      </c>
      <c r="HC28" s="85">
        <v>2137</v>
      </c>
      <c r="HD28" s="70">
        <v>6</v>
      </c>
      <c r="HE28" s="71">
        <v>13</v>
      </c>
      <c r="HF28" s="72">
        <v>19</v>
      </c>
      <c r="HG28" s="241"/>
      <c r="HH28" s="71">
        <v>14</v>
      </c>
      <c r="HI28" s="71">
        <v>16</v>
      </c>
      <c r="HJ28" s="71">
        <v>5</v>
      </c>
      <c r="HK28" s="71">
        <v>11</v>
      </c>
      <c r="HL28" s="71">
        <v>3</v>
      </c>
      <c r="HM28" s="72">
        <v>49</v>
      </c>
      <c r="HN28" s="73">
        <v>68</v>
      </c>
      <c r="HO28" s="70">
        <v>33</v>
      </c>
      <c r="HP28" s="71">
        <v>28</v>
      </c>
      <c r="HQ28" s="72">
        <v>61</v>
      </c>
      <c r="HR28" s="241"/>
      <c r="HS28" s="71">
        <v>43</v>
      </c>
      <c r="HT28" s="71">
        <v>34</v>
      </c>
      <c r="HU28" s="71">
        <v>22</v>
      </c>
      <c r="HV28" s="71">
        <v>16</v>
      </c>
      <c r="HW28" s="71">
        <v>17</v>
      </c>
      <c r="HX28" s="72">
        <v>132</v>
      </c>
      <c r="HY28" s="73">
        <v>193</v>
      </c>
      <c r="HZ28" s="70">
        <v>52</v>
      </c>
      <c r="IA28" s="71">
        <v>55</v>
      </c>
      <c r="IB28" s="72">
        <v>107</v>
      </c>
      <c r="IC28" s="241"/>
      <c r="ID28" s="71">
        <v>79</v>
      </c>
      <c r="IE28" s="71">
        <v>47</v>
      </c>
      <c r="IF28" s="71">
        <v>40</v>
      </c>
      <c r="IG28" s="71">
        <v>46</v>
      </c>
      <c r="IH28" s="71">
        <v>26</v>
      </c>
      <c r="II28" s="72">
        <v>238</v>
      </c>
      <c r="IJ28" s="73">
        <v>345</v>
      </c>
      <c r="IK28" s="70">
        <v>87</v>
      </c>
      <c r="IL28" s="71">
        <v>89</v>
      </c>
      <c r="IM28" s="72">
        <v>176</v>
      </c>
      <c r="IN28" s="241"/>
      <c r="IO28" s="71">
        <v>132</v>
      </c>
      <c r="IP28" s="71">
        <v>81</v>
      </c>
      <c r="IQ28" s="71">
        <v>51</v>
      </c>
      <c r="IR28" s="71">
        <v>64</v>
      </c>
      <c r="IS28" s="71">
        <v>34</v>
      </c>
      <c r="IT28" s="72">
        <v>362</v>
      </c>
      <c r="IU28" s="73">
        <v>538</v>
      </c>
      <c r="IV28" s="70">
        <v>71</v>
      </c>
      <c r="IW28" s="71">
        <v>80</v>
      </c>
      <c r="IX28" s="72">
        <v>151</v>
      </c>
      <c r="IY28" s="241"/>
      <c r="IZ28" s="71">
        <v>134</v>
      </c>
      <c r="JA28" s="71">
        <v>101</v>
      </c>
      <c r="JB28" s="71">
        <v>70</v>
      </c>
      <c r="JC28" s="71">
        <v>70</v>
      </c>
      <c r="JD28" s="71">
        <v>51</v>
      </c>
      <c r="JE28" s="72">
        <v>426</v>
      </c>
      <c r="JF28" s="73">
        <v>577</v>
      </c>
      <c r="JG28" s="70">
        <v>38</v>
      </c>
      <c r="JH28" s="71">
        <v>44</v>
      </c>
      <c r="JI28" s="72">
        <v>82</v>
      </c>
      <c r="JJ28" s="244"/>
      <c r="JK28" s="71">
        <v>95</v>
      </c>
      <c r="JL28" s="71">
        <v>74</v>
      </c>
      <c r="JM28" s="71">
        <v>60</v>
      </c>
      <c r="JN28" s="71">
        <v>68</v>
      </c>
      <c r="JO28" s="71">
        <v>37</v>
      </c>
      <c r="JP28" s="72">
        <v>334</v>
      </c>
      <c r="JQ28" s="73">
        <v>416</v>
      </c>
      <c r="JR28" s="70">
        <v>3</v>
      </c>
      <c r="JS28" s="71">
        <v>7</v>
      </c>
      <c r="JT28" s="72">
        <v>10</v>
      </c>
      <c r="JU28" s="244"/>
      <c r="JV28" s="71">
        <v>7</v>
      </c>
      <c r="JW28" s="71">
        <v>11</v>
      </c>
      <c r="JX28" s="71">
        <v>5</v>
      </c>
      <c r="JY28" s="71">
        <v>6</v>
      </c>
      <c r="JZ28" s="71">
        <v>8</v>
      </c>
      <c r="KA28" s="72">
        <v>37</v>
      </c>
      <c r="KB28" s="73">
        <v>47</v>
      </c>
      <c r="KC28" s="70">
        <v>290</v>
      </c>
      <c r="KD28" s="71">
        <v>316</v>
      </c>
      <c r="KE28" s="72">
        <v>606</v>
      </c>
      <c r="KF28" s="244"/>
      <c r="KG28" s="71">
        <v>504</v>
      </c>
      <c r="KH28" s="71">
        <v>364</v>
      </c>
      <c r="KI28" s="71">
        <v>253</v>
      </c>
      <c r="KJ28" s="71">
        <v>281</v>
      </c>
      <c r="KK28" s="71">
        <v>176</v>
      </c>
      <c r="KL28" s="72">
        <v>1578</v>
      </c>
      <c r="KM28" s="73">
        <v>2184</v>
      </c>
    </row>
    <row r="29" spans="2:299" ht="19.5" customHeight="1" x14ac:dyDescent="0.2">
      <c r="B29" s="126" t="s">
        <v>26</v>
      </c>
      <c r="C29" s="315">
        <v>99</v>
      </c>
      <c r="D29" s="82">
        <v>61</v>
      </c>
      <c r="E29" s="83">
        <v>160</v>
      </c>
      <c r="F29" s="241"/>
      <c r="G29" s="82">
        <v>140</v>
      </c>
      <c r="H29" s="82">
        <v>122</v>
      </c>
      <c r="I29" s="82">
        <v>82</v>
      </c>
      <c r="J29" s="82">
        <v>68</v>
      </c>
      <c r="K29" s="82">
        <v>36</v>
      </c>
      <c r="L29" s="84">
        <v>448</v>
      </c>
      <c r="M29" s="85">
        <v>608</v>
      </c>
      <c r="N29" s="70">
        <v>2</v>
      </c>
      <c r="O29" s="71">
        <v>2</v>
      </c>
      <c r="P29" s="72">
        <v>4</v>
      </c>
      <c r="Q29" s="241"/>
      <c r="R29" s="71">
        <v>6</v>
      </c>
      <c r="S29" s="71">
        <v>2</v>
      </c>
      <c r="T29" s="71">
        <v>4</v>
      </c>
      <c r="U29" s="71">
        <v>6</v>
      </c>
      <c r="V29" s="71">
        <v>3</v>
      </c>
      <c r="W29" s="72">
        <v>21</v>
      </c>
      <c r="X29" s="73">
        <v>25</v>
      </c>
      <c r="Y29" s="70">
        <v>12</v>
      </c>
      <c r="Z29" s="71">
        <v>4</v>
      </c>
      <c r="AA29" s="72">
        <v>16</v>
      </c>
      <c r="AB29" s="241"/>
      <c r="AC29" s="71">
        <v>9</v>
      </c>
      <c r="AD29" s="71">
        <v>11</v>
      </c>
      <c r="AE29" s="71">
        <v>10</v>
      </c>
      <c r="AF29" s="71">
        <v>6</v>
      </c>
      <c r="AG29" s="71">
        <v>7</v>
      </c>
      <c r="AH29" s="72">
        <v>43</v>
      </c>
      <c r="AI29" s="73">
        <v>59</v>
      </c>
      <c r="AJ29" s="70">
        <v>16</v>
      </c>
      <c r="AK29" s="71">
        <v>9</v>
      </c>
      <c r="AL29" s="72">
        <v>25</v>
      </c>
      <c r="AM29" s="241"/>
      <c r="AN29" s="71">
        <v>15</v>
      </c>
      <c r="AO29" s="71">
        <v>16</v>
      </c>
      <c r="AP29" s="71">
        <v>17</v>
      </c>
      <c r="AQ29" s="71">
        <v>9</v>
      </c>
      <c r="AR29" s="71">
        <v>5</v>
      </c>
      <c r="AS29" s="72">
        <v>62</v>
      </c>
      <c r="AT29" s="73">
        <v>87</v>
      </c>
      <c r="AU29" s="70">
        <v>21</v>
      </c>
      <c r="AV29" s="71">
        <v>17</v>
      </c>
      <c r="AW29" s="72">
        <v>38</v>
      </c>
      <c r="AX29" s="241"/>
      <c r="AY29" s="71">
        <v>54</v>
      </c>
      <c r="AZ29" s="71">
        <v>32</v>
      </c>
      <c r="BA29" s="71">
        <v>15</v>
      </c>
      <c r="BB29" s="71">
        <v>12</v>
      </c>
      <c r="BC29" s="71">
        <v>5</v>
      </c>
      <c r="BD29" s="72">
        <v>118</v>
      </c>
      <c r="BE29" s="73">
        <v>156</v>
      </c>
      <c r="BF29" s="70">
        <v>29</v>
      </c>
      <c r="BG29" s="71">
        <v>18</v>
      </c>
      <c r="BH29" s="72">
        <v>47</v>
      </c>
      <c r="BI29" s="241"/>
      <c r="BJ29" s="71">
        <v>25</v>
      </c>
      <c r="BK29" s="71">
        <v>37</v>
      </c>
      <c r="BL29" s="71">
        <v>22</v>
      </c>
      <c r="BM29" s="71">
        <v>22</v>
      </c>
      <c r="BN29" s="71">
        <v>10</v>
      </c>
      <c r="BO29" s="72">
        <v>116</v>
      </c>
      <c r="BP29" s="73">
        <v>163</v>
      </c>
      <c r="BQ29" s="70">
        <v>19</v>
      </c>
      <c r="BR29" s="71">
        <v>11</v>
      </c>
      <c r="BS29" s="72">
        <v>30</v>
      </c>
      <c r="BT29" s="241"/>
      <c r="BU29" s="71">
        <v>31</v>
      </c>
      <c r="BV29" s="71">
        <v>24</v>
      </c>
      <c r="BW29" s="71">
        <v>14</v>
      </c>
      <c r="BX29" s="71">
        <v>13</v>
      </c>
      <c r="BY29" s="71">
        <v>6</v>
      </c>
      <c r="BZ29" s="72">
        <v>88</v>
      </c>
      <c r="CA29" s="73">
        <v>118</v>
      </c>
      <c r="CB29" s="70">
        <v>2</v>
      </c>
      <c r="CC29" s="71">
        <v>0</v>
      </c>
      <c r="CD29" s="72">
        <v>2</v>
      </c>
      <c r="CE29" s="241"/>
      <c r="CF29" s="71">
        <v>5</v>
      </c>
      <c r="CG29" s="71">
        <v>3</v>
      </c>
      <c r="CH29" s="71">
        <v>1</v>
      </c>
      <c r="CI29" s="71">
        <v>2</v>
      </c>
      <c r="CJ29" s="71">
        <v>1</v>
      </c>
      <c r="CK29" s="72">
        <v>12</v>
      </c>
      <c r="CL29" s="73">
        <v>14</v>
      </c>
      <c r="CM29" s="70">
        <v>101</v>
      </c>
      <c r="CN29" s="71">
        <v>61</v>
      </c>
      <c r="CO29" s="72">
        <v>162</v>
      </c>
      <c r="CP29" s="241"/>
      <c r="CQ29" s="71">
        <v>145</v>
      </c>
      <c r="CR29" s="71">
        <v>125</v>
      </c>
      <c r="CS29" s="71">
        <v>83</v>
      </c>
      <c r="CT29" s="71">
        <v>70</v>
      </c>
      <c r="CU29" s="71">
        <v>37</v>
      </c>
      <c r="CV29" s="72">
        <v>460</v>
      </c>
      <c r="CW29" s="73">
        <v>622</v>
      </c>
      <c r="CX29" s="123">
        <v>179</v>
      </c>
      <c r="CY29" s="82">
        <v>190</v>
      </c>
      <c r="CZ29" s="83">
        <v>369</v>
      </c>
      <c r="DA29" s="241"/>
      <c r="DB29" s="82">
        <v>257</v>
      </c>
      <c r="DC29" s="82">
        <v>209</v>
      </c>
      <c r="DD29" s="82">
        <v>152</v>
      </c>
      <c r="DE29" s="82">
        <v>166</v>
      </c>
      <c r="DF29" s="82">
        <v>118</v>
      </c>
      <c r="DG29" s="84">
        <v>902</v>
      </c>
      <c r="DH29" s="85">
        <v>1271</v>
      </c>
      <c r="DI29" s="70">
        <v>3</v>
      </c>
      <c r="DJ29" s="71">
        <v>6</v>
      </c>
      <c r="DK29" s="72">
        <v>9</v>
      </c>
      <c r="DL29" s="241"/>
      <c r="DM29" s="71">
        <v>6</v>
      </c>
      <c r="DN29" s="71">
        <v>5</v>
      </c>
      <c r="DO29" s="71">
        <v>4</v>
      </c>
      <c r="DP29" s="71">
        <v>3</v>
      </c>
      <c r="DQ29" s="71">
        <v>2</v>
      </c>
      <c r="DR29" s="72">
        <v>20</v>
      </c>
      <c r="DS29" s="73">
        <v>29</v>
      </c>
      <c r="DT29" s="70">
        <v>13</v>
      </c>
      <c r="DU29" s="71">
        <v>10</v>
      </c>
      <c r="DV29" s="72">
        <v>23</v>
      </c>
      <c r="DW29" s="241"/>
      <c r="DX29" s="71">
        <v>12</v>
      </c>
      <c r="DY29" s="71">
        <v>8</v>
      </c>
      <c r="DZ29" s="71">
        <v>4</v>
      </c>
      <c r="EA29" s="71">
        <v>7</v>
      </c>
      <c r="EB29" s="71">
        <v>9</v>
      </c>
      <c r="EC29" s="72">
        <v>40</v>
      </c>
      <c r="ED29" s="73">
        <v>63</v>
      </c>
      <c r="EE29" s="70">
        <v>25</v>
      </c>
      <c r="EF29" s="71">
        <v>26</v>
      </c>
      <c r="EG29" s="72">
        <v>51</v>
      </c>
      <c r="EH29" s="241"/>
      <c r="EI29" s="71">
        <v>40</v>
      </c>
      <c r="EJ29" s="71">
        <v>24</v>
      </c>
      <c r="EK29" s="71">
        <v>12</v>
      </c>
      <c r="EL29" s="71">
        <v>14</v>
      </c>
      <c r="EM29" s="71">
        <v>8</v>
      </c>
      <c r="EN29" s="72">
        <v>98</v>
      </c>
      <c r="EO29" s="73">
        <v>149</v>
      </c>
      <c r="EP29" s="70">
        <v>53</v>
      </c>
      <c r="EQ29" s="71">
        <v>49</v>
      </c>
      <c r="ER29" s="72">
        <v>102</v>
      </c>
      <c r="ES29" s="241"/>
      <c r="ET29" s="71">
        <v>50</v>
      </c>
      <c r="EU29" s="71">
        <v>37</v>
      </c>
      <c r="EV29" s="71">
        <v>34</v>
      </c>
      <c r="EW29" s="71">
        <v>18</v>
      </c>
      <c r="EX29" s="71">
        <v>19</v>
      </c>
      <c r="EY29" s="72">
        <v>158</v>
      </c>
      <c r="EZ29" s="73">
        <v>260</v>
      </c>
      <c r="FA29" s="70">
        <v>54</v>
      </c>
      <c r="FB29" s="71">
        <v>61</v>
      </c>
      <c r="FC29" s="72">
        <v>115</v>
      </c>
      <c r="FD29" s="241"/>
      <c r="FE29" s="71">
        <v>75</v>
      </c>
      <c r="FF29" s="71">
        <v>56</v>
      </c>
      <c r="FG29" s="71">
        <v>35</v>
      </c>
      <c r="FH29" s="71">
        <v>36</v>
      </c>
      <c r="FI29" s="71">
        <v>23</v>
      </c>
      <c r="FJ29" s="72">
        <v>225</v>
      </c>
      <c r="FK29" s="73">
        <v>340</v>
      </c>
      <c r="FL29" s="70">
        <v>31</v>
      </c>
      <c r="FM29" s="71">
        <v>38</v>
      </c>
      <c r="FN29" s="72">
        <v>69</v>
      </c>
      <c r="FO29" s="241"/>
      <c r="FP29" s="71">
        <v>74</v>
      </c>
      <c r="FQ29" s="71">
        <v>79</v>
      </c>
      <c r="FR29" s="71">
        <v>63</v>
      </c>
      <c r="FS29" s="71">
        <v>88</v>
      </c>
      <c r="FT29" s="71">
        <v>57</v>
      </c>
      <c r="FU29" s="72">
        <v>361</v>
      </c>
      <c r="FV29" s="73">
        <v>430</v>
      </c>
      <c r="FW29" s="70">
        <v>0</v>
      </c>
      <c r="FX29" s="71">
        <v>2</v>
      </c>
      <c r="FY29" s="72">
        <v>2</v>
      </c>
      <c r="FZ29" s="244"/>
      <c r="GA29" s="71">
        <v>8</v>
      </c>
      <c r="GB29" s="71">
        <v>2</v>
      </c>
      <c r="GC29" s="71">
        <v>1</v>
      </c>
      <c r="GD29" s="71">
        <v>4</v>
      </c>
      <c r="GE29" s="71">
        <v>1</v>
      </c>
      <c r="GF29" s="72">
        <v>16</v>
      </c>
      <c r="GG29" s="73">
        <v>18</v>
      </c>
      <c r="GH29" s="70">
        <v>179</v>
      </c>
      <c r="GI29" s="71">
        <v>192</v>
      </c>
      <c r="GJ29" s="72">
        <v>371</v>
      </c>
      <c r="GK29" s="244"/>
      <c r="GL29" s="71">
        <v>265</v>
      </c>
      <c r="GM29" s="71">
        <v>211</v>
      </c>
      <c r="GN29" s="71">
        <v>153</v>
      </c>
      <c r="GO29" s="71">
        <v>170</v>
      </c>
      <c r="GP29" s="71">
        <v>119</v>
      </c>
      <c r="GQ29" s="72">
        <v>918</v>
      </c>
      <c r="GR29" s="73">
        <v>1289</v>
      </c>
      <c r="GS29" s="123">
        <v>278</v>
      </c>
      <c r="GT29" s="82">
        <v>251</v>
      </c>
      <c r="GU29" s="83">
        <v>529</v>
      </c>
      <c r="GV29" s="241"/>
      <c r="GW29" s="82">
        <v>397</v>
      </c>
      <c r="GX29" s="82">
        <v>331</v>
      </c>
      <c r="GY29" s="82">
        <v>234</v>
      </c>
      <c r="GZ29" s="82">
        <v>234</v>
      </c>
      <c r="HA29" s="82">
        <v>154</v>
      </c>
      <c r="HB29" s="84">
        <v>1350</v>
      </c>
      <c r="HC29" s="85">
        <v>1879</v>
      </c>
      <c r="HD29" s="70">
        <v>5</v>
      </c>
      <c r="HE29" s="71">
        <v>8</v>
      </c>
      <c r="HF29" s="72">
        <v>13</v>
      </c>
      <c r="HG29" s="241"/>
      <c r="HH29" s="71">
        <v>12</v>
      </c>
      <c r="HI29" s="71">
        <v>7</v>
      </c>
      <c r="HJ29" s="71">
        <v>8</v>
      </c>
      <c r="HK29" s="71">
        <v>9</v>
      </c>
      <c r="HL29" s="71">
        <v>5</v>
      </c>
      <c r="HM29" s="72">
        <v>41</v>
      </c>
      <c r="HN29" s="73">
        <v>54</v>
      </c>
      <c r="HO29" s="70">
        <v>25</v>
      </c>
      <c r="HP29" s="71">
        <v>14</v>
      </c>
      <c r="HQ29" s="72">
        <v>39</v>
      </c>
      <c r="HR29" s="241"/>
      <c r="HS29" s="71">
        <v>21</v>
      </c>
      <c r="HT29" s="71">
        <v>19</v>
      </c>
      <c r="HU29" s="71">
        <v>14</v>
      </c>
      <c r="HV29" s="71">
        <v>13</v>
      </c>
      <c r="HW29" s="71">
        <v>16</v>
      </c>
      <c r="HX29" s="72">
        <v>83</v>
      </c>
      <c r="HY29" s="73">
        <v>122</v>
      </c>
      <c r="HZ29" s="70">
        <v>41</v>
      </c>
      <c r="IA29" s="71">
        <v>35</v>
      </c>
      <c r="IB29" s="72">
        <v>76</v>
      </c>
      <c r="IC29" s="241"/>
      <c r="ID29" s="71">
        <v>55</v>
      </c>
      <c r="IE29" s="71">
        <v>40</v>
      </c>
      <c r="IF29" s="71">
        <v>29</v>
      </c>
      <c r="IG29" s="71">
        <v>23</v>
      </c>
      <c r="IH29" s="71">
        <v>13</v>
      </c>
      <c r="II29" s="72">
        <v>160</v>
      </c>
      <c r="IJ29" s="73">
        <v>236</v>
      </c>
      <c r="IK29" s="70">
        <v>74</v>
      </c>
      <c r="IL29" s="71">
        <v>66</v>
      </c>
      <c r="IM29" s="72">
        <v>140</v>
      </c>
      <c r="IN29" s="241"/>
      <c r="IO29" s="71">
        <v>104</v>
      </c>
      <c r="IP29" s="71">
        <v>69</v>
      </c>
      <c r="IQ29" s="71">
        <v>49</v>
      </c>
      <c r="IR29" s="71">
        <v>30</v>
      </c>
      <c r="IS29" s="71">
        <v>24</v>
      </c>
      <c r="IT29" s="72">
        <v>276</v>
      </c>
      <c r="IU29" s="73">
        <v>416</v>
      </c>
      <c r="IV29" s="70">
        <v>83</v>
      </c>
      <c r="IW29" s="71">
        <v>79</v>
      </c>
      <c r="IX29" s="72">
        <v>162</v>
      </c>
      <c r="IY29" s="241"/>
      <c r="IZ29" s="71">
        <v>100</v>
      </c>
      <c r="JA29" s="71">
        <v>93</v>
      </c>
      <c r="JB29" s="71">
        <v>57</v>
      </c>
      <c r="JC29" s="71">
        <v>58</v>
      </c>
      <c r="JD29" s="71">
        <v>33</v>
      </c>
      <c r="JE29" s="72">
        <v>341</v>
      </c>
      <c r="JF29" s="73">
        <v>503</v>
      </c>
      <c r="JG29" s="70">
        <v>50</v>
      </c>
      <c r="JH29" s="71">
        <v>49</v>
      </c>
      <c r="JI29" s="72">
        <v>99</v>
      </c>
      <c r="JJ29" s="244"/>
      <c r="JK29" s="71">
        <v>105</v>
      </c>
      <c r="JL29" s="71">
        <v>103</v>
      </c>
      <c r="JM29" s="71">
        <v>77</v>
      </c>
      <c r="JN29" s="71">
        <v>101</v>
      </c>
      <c r="JO29" s="71">
        <v>63</v>
      </c>
      <c r="JP29" s="72">
        <v>449</v>
      </c>
      <c r="JQ29" s="73">
        <v>548</v>
      </c>
      <c r="JR29" s="70">
        <v>2</v>
      </c>
      <c r="JS29" s="71">
        <v>2</v>
      </c>
      <c r="JT29" s="72">
        <v>4</v>
      </c>
      <c r="JU29" s="244"/>
      <c r="JV29" s="71">
        <v>13</v>
      </c>
      <c r="JW29" s="71">
        <v>5</v>
      </c>
      <c r="JX29" s="71">
        <v>2</v>
      </c>
      <c r="JY29" s="71">
        <v>6</v>
      </c>
      <c r="JZ29" s="71">
        <v>2</v>
      </c>
      <c r="KA29" s="72">
        <v>28</v>
      </c>
      <c r="KB29" s="73">
        <v>32</v>
      </c>
      <c r="KC29" s="70">
        <v>280</v>
      </c>
      <c r="KD29" s="71">
        <v>253</v>
      </c>
      <c r="KE29" s="72">
        <v>533</v>
      </c>
      <c r="KF29" s="244"/>
      <c r="KG29" s="71">
        <v>410</v>
      </c>
      <c r="KH29" s="71">
        <v>336</v>
      </c>
      <c r="KI29" s="71">
        <v>236</v>
      </c>
      <c r="KJ29" s="71">
        <v>240</v>
      </c>
      <c r="KK29" s="71">
        <v>156</v>
      </c>
      <c r="KL29" s="72">
        <v>1378</v>
      </c>
      <c r="KM29" s="73">
        <v>1911</v>
      </c>
    </row>
    <row r="30" spans="2:299" ht="19.5" customHeight="1" x14ac:dyDescent="0.2">
      <c r="B30" s="126" t="s">
        <v>27</v>
      </c>
      <c r="C30" s="315">
        <v>91</v>
      </c>
      <c r="D30" s="82">
        <v>119</v>
      </c>
      <c r="E30" s="83">
        <v>210</v>
      </c>
      <c r="F30" s="241"/>
      <c r="G30" s="82">
        <v>102</v>
      </c>
      <c r="H30" s="82">
        <v>91</v>
      </c>
      <c r="I30" s="82">
        <v>80</v>
      </c>
      <c r="J30" s="82">
        <v>70</v>
      </c>
      <c r="K30" s="82">
        <v>31</v>
      </c>
      <c r="L30" s="84">
        <v>374</v>
      </c>
      <c r="M30" s="85">
        <v>584</v>
      </c>
      <c r="N30" s="70">
        <v>3</v>
      </c>
      <c r="O30" s="71">
        <v>2</v>
      </c>
      <c r="P30" s="72">
        <v>5</v>
      </c>
      <c r="Q30" s="241"/>
      <c r="R30" s="71">
        <v>1</v>
      </c>
      <c r="S30" s="71">
        <v>2</v>
      </c>
      <c r="T30" s="71">
        <v>3</v>
      </c>
      <c r="U30" s="71">
        <v>1</v>
      </c>
      <c r="V30" s="71">
        <v>1</v>
      </c>
      <c r="W30" s="72">
        <v>8</v>
      </c>
      <c r="X30" s="73">
        <v>13</v>
      </c>
      <c r="Y30" s="70">
        <v>9</v>
      </c>
      <c r="Z30" s="71">
        <v>8</v>
      </c>
      <c r="AA30" s="72">
        <v>17</v>
      </c>
      <c r="AB30" s="241"/>
      <c r="AC30" s="71">
        <v>9</v>
      </c>
      <c r="AD30" s="71">
        <v>20</v>
      </c>
      <c r="AE30" s="71">
        <v>5</v>
      </c>
      <c r="AF30" s="71">
        <v>14</v>
      </c>
      <c r="AG30" s="71">
        <v>4</v>
      </c>
      <c r="AH30" s="72">
        <v>52</v>
      </c>
      <c r="AI30" s="73">
        <v>69</v>
      </c>
      <c r="AJ30" s="70">
        <v>13</v>
      </c>
      <c r="AK30" s="71">
        <v>22</v>
      </c>
      <c r="AL30" s="72">
        <v>35</v>
      </c>
      <c r="AM30" s="241"/>
      <c r="AN30" s="71">
        <v>16</v>
      </c>
      <c r="AO30" s="71">
        <v>17</v>
      </c>
      <c r="AP30" s="71">
        <v>15</v>
      </c>
      <c r="AQ30" s="71">
        <v>7</v>
      </c>
      <c r="AR30" s="71">
        <v>6</v>
      </c>
      <c r="AS30" s="72">
        <v>61</v>
      </c>
      <c r="AT30" s="73">
        <v>96</v>
      </c>
      <c r="AU30" s="70">
        <v>23</v>
      </c>
      <c r="AV30" s="71">
        <v>31</v>
      </c>
      <c r="AW30" s="72">
        <v>54</v>
      </c>
      <c r="AX30" s="241"/>
      <c r="AY30" s="71">
        <v>27</v>
      </c>
      <c r="AZ30" s="71">
        <v>14</v>
      </c>
      <c r="BA30" s="71">
        <v>20</v>
      </c>
      <c r="BB30" s="71">
        <v>9</v>
      </c>
      <c r="BC30" s="71">
        <v>7</v>
      </c>
      <c r="BD30" s="72">
        <v>77</v>
      </c>
      <c r="BE30" s="73">
        <v>131</v>
      </c>
      <c r="BF30" s="70">
        <v>27</v>
      </c>
      <c r="BG30" s="71">
        <v>31</v>
      </c>
      <c r="BH30" s="72">
        <v>58</v>
      </c>
      <c r="BI30" s="241"/>
      <c r="BJ30" s="71">
        <v>26</v>
      </c>
      <c r="BK30" s="71">
        <v>20</v>
      </c>
      <c r="BL30" s="71">
        <v>20</v>
      </c>
      <c r="BM30" s="71">
        <v>25</v>
      </c>
      <c r="BN30" s="71">
        <v>8</v>
      </c>
      <c r="BO30" s="72">
        <v>99</v>
      </c>
      <c r="BP30" s="73">
        <v>157</v>
      </c>
      <c r="BQ30" s="70">
        <v>16</v>
      </c>
      <c r="BR30" s="71">
        <v>25</v>
      </c>
      <c r="BS30" s="72">
        <v>41</v>
      </c>
      <c r="BT30" s="241"/>
      <c r="BU30" s="71">
        <v>23</v>
      </c>
      <c r="BV30" s="71">
        <v>18</v>
      </c>
      <c r="BW30" s="71">
        <v>17</v>
      </c>
      <c r="BX30" s="71">
        <v>14</v>
      </c>
      <c r="BY30" s="71">
        <v>5</v>
      </c>
      <c r="BZ30" s="72">
        <v>77</v>
      </c>
      <c r="CA30" s="73">
        <v>118</v>
      </c>
      <c r="CB30" s="70">
        <v>1</v>
      </c>
      <c r="CC30" s="71">
        <v>2</v>
      </c>
      <c r="CD30" s="72">
        <v>3</v>
      </c>
      <c r="CE30" s="241"/>
      <c r="CF30" s="71">
        <v>4</v>
      </c>
      <c r="CG30" s="71">
        <v>2</v>
      </c>
      <c r="CH30" s="71">
        <v>5</v>
      </c>
      <c r="CI30" s="71">
        <v>1</v>
      </c>
      <c r="CJ30" s="71">
        <v>2</v>
      </c>
      <c r="CK30" s="72">
        <v>14</v>
      </c>
      <c r="CL30" s="73">
        <v>17</v>
      </c>
      <c r="CM30" s="70">
        <v>92</v>
      </c>
      <c r="CN30" s="71">
        <v>121</v>
      </c>
      <c r="CO30" s="72">
        <v>213</v>
      </c>
      <c r="CP30" s="241"/>
      <c r="CQ30" s="71">
        <v>106</v>
      </c>
      <c r="CR30" s="71">
        <v>93</v>
      </c>
      <c r="CS30" s="71">
        <v>85</v>
      </c>
      <c r="CT30" s="71">
        <v>71</v>
      </c>
      <c r="CU30" s="71">
        <v>33</v>
      </c>
      <c r="CV30" s="72">
        <v>388</v>
      </c>
      <c r="CW30" s="73">
        <v>601</v>
      </c>
      <c r="CX30" s="123">
        <v>245</v>
      </c>
      <c r="CY30" s="82">
        <v>168</v>
      </c>
      <c r="CZ30" s="83">
        <v>413</v>
      </c>
      <c r="DA30" s="241"/>
      <c r="DB30" s="82">
        <v>213</v>
      </c>
      <c r="DC30" s="82">
        <v>148</v>
      </c>
      <c r="DD30" s="82">
        <v>160</v>
      </c>
      <c r="DE30" s="82">
        <v>144</v>
      </c>
      <c r="DF30" s="82">
        <v>97</v>
      </c>
      <c r="DG30" s="84">
        <v>762</v>
      </c>
      <c r="DH30" s="85">
        <v>1175</v>
      </c>
      <c r="DI30" s="70">
        <v>1</v>
      </c>
      <c r="DJ30" s="71">
        <v>2</v>
      </c>
      <c r="DK30" s="72">
        <v>3</v>
      </c>
      <c r="DL30" s="241"/>
      <c r="DM30" s="71">
        <v>1</v>
      </c>
      <c r="DN30" s="71">
        <v>1</v>
      </c>
      <c r="DO30" s="71">
        <v>1</v>
      </c>
      <c r="DP30" s="71">
        <v>3</v>
      </c>
      <c r="DQ30" s="71">
        <v>2</v>
      </c>
      <c r="DR30" s="72">
        <v>8</v>
      </c>
      <c r="DS30" s="73">
        <v>11</v>
      </c>
      <c r="DT30" s="70">
        <v>15</v>
      </c>
      <c r="DU30" s="71">
        <v>14</v>
      </c>
      <c r="DV30" s="72">
        <v>29</v>
      </c>
      <c r="DW30" s="241"/>
      <c r="DX30" s="71">
        <v>7</v>
      </c>
      <c r="DY30" s="71">
        <v>8</v>
      </c>
      <c r="DZ30" s="71">
        <v>10</v>
      </c>
      <c r="EA30" s="71">
        <v>9</v>
      </c>
      <c r="EB30" s="71">
        <v>1</v>
      </c>
      <c r="EC30" s="72">
        <v>35</v>
      </c>
      <c r="ED30" s="73">
        <v>64</v>
      </c>
      <c r="EE30" s="70">
        <v>31</v>
      </c>
      <c r="EF30" s="71">
        <v>16</v>
      </c>
      <c r="EG30" s="72">
        <v>47</v>
      </c>
      <c r="EH30" s="241"/>
      <c r="EI30" s="71">
        <v>18</v>
      </c>
      <c r="EJ30" s="71">
        <v>19</v>
      </c>
      <c r="EK30" s="71">
        <v>9</v>
      </c>
      <c r="EL30" s="71">
        <v>11</v>
      </c>
      <c r="EM30" s="71">
        <v>11</v>
      </c>
      <c r="EN30" s="72">
        <v>68</v>
      </c>
      <c r="EO30" s="73">
        <v>115</v>
      </c>
      <c r="EP30" s="70">
        <v>69</v>
      </c>
      <c r="EQ30" s="71">
        <v>45</v>
      </c>
      <c r="ER30" s="72">
        <v>114</v>
      </c>
      <c r="ES30" s="241"/>
      <c r="ET30" s="71">
        <v>50</v>
      </c>
      <c r="EU30" s="71">
        <v>23</v>
      </c>
      <c r="EV30" s="71">
        <v>30</v>
      </c>
      <c r="EW30" s="71">
        <v>19</v>
      </c>
      <c r="EX30" s="71">
        <v>23</v>
      </c>
      <c r="EY30" s="72">
        <v>145</v>
      </c>
      <c r="EZ30" s="73">
        <v>259</v>
      </c>
      <c r="FA30" s="70">
        <v>82</v>
      </c>
      <c r="FB30" s="71">
        <v>51</v>
      </c>
      <c r="FC30" s="72">
        <v>133</v>
      </c>
      <c r="FD30" s="241"/>
      <c r="FE30" s="71">
        <v>69</v>
      </c>
      <c r="FF30" s="71">
        <v>41</v>
      </c>
      <c r="FG30" s="71">
        <v>37</v>
      </c>
      <c r="FH30" s="71">
        <v>30</v>
      </c>
      <c r="FI30" s="71">
        <v>24</v>
      </c>
      <c r="FJ30" s="72">
        <v>201</v>
      </c>
      <c r="FK30" s="73">
        <v>334</v>
      </c>
      <c r="FL30" s="70">
        <v>47</v>
      </c>
      <c r="FM30" s="71">
        <v>40</v>
      </c>
      <c r="FN30" s="72">
        <v>87</v>
      </c>
      <c r="FO30" s="241"/>
      <c r="FP30" s="71">
        <v>68</v>
      </c>
      <c r="FQ30" s="71">
        <v>56</v>
      </c>
      <c r="FR30" s="71">
        <v>73</v>
      </c>
      <c r="FS30" s="71">
        <v>72</v>
      </c>
      <c r="FT30" s="71">
        <v>36</v>
      </c>
      <c r="FU30" s="72">
        <v>305</v>
      </c>
      <c r="FV30" s="73">
        <v>392</v>
      </c>
      <c r="FW30" s="70">
        <v>0</v>
      </c>
      <c r="FX30" s="71">
        <v>3</v>
      </c>
      <c r="FY30" s="72">
        <v>3</v>
      </c>
      <c r="FZ30" s="244"/>
      <c r="GA30" s="71">
        <v>5</v>
      </c>
      <c r="GB30" s="71">
        <v>4</v>
      </c>
      <c r="GC30" s="71">
        <v>1</v>
      </c>
      <c r="GD30" s="71">
        <v>1</v>
      </c>
      <c r="GE30" s="71">
        <v>2</v>
      </c>
      <c r="GF30" s="72">
        <v>13</v>
      </c>
      <c r="GG30" s="73">
        <v>16</v>
      </c>
      <c r="GH30" s="70">
        <v>245</v>
      </c>
      <c r="GI30" s="71">
        <v>171</v>
      </c>
      <c r="GJ30" s="72">
        <v>416</v>
      </c>
      <c r="GK30" s="244"/>
      <c r="GL30" s="71">
        <v>218</v>
      </c>
      <c r="GM30" s="71">
        <v>152</v>
      </c>
      <c r="GN30" s="71">
        <v>161</v>
      </c>
      <c r="GO30" s="71">
        <v>145</v>
      </c>
      <c r="GP30" s="71">
        <v>99</v>
      </c>
      <c r="GQ30" s="72">
        <v>775</v>
      </c>
      <c r="GR30" s="73">
        <v>1191</v>
      </c>
      <c r="GS30" s="123">
        <v>336</v>
      </c>
      <c r="GT30" s="82">
        <v>287</v>
      </c>
      <c r="GU30" s="83">
        <v>623</v>
      </c>
      <c r="GV30" s="241"/>
      <c r="GW30" s="82">
        <v>315</v>
      </c>
      <c r="GX30" s="82">
        <v>239</v>
      </c>
      <c r="GY30" s="82">
        <v>240</v>
      </c>
      <c r="GZ30" s="82">
        <v>214</v>
      </c>
      <c r="HA30" s="82">
        <v>128</v>
      </c>
      <c r="HB30" s="84">
        <v>1136</v>
      </c>
      <c r="HC30" s="85">
        <v>1759</v>
      </c>
      <c r="HD30" s="70">
        <v>4</v>
      </c>
      <c r="HE30" s="71">
        <v>4</v>
      </c>
      <c r="HF30" s="72">
        <v>8</v>
      </c>
      <c r="HG30" s="241"/>
      <c r="HH30" s="71">
        <v>2</v>
      </c>
      <c r="HI30" s="71">
        <v>3</v>
      </c>
      <c r="HJ30" s="71">
        <v>4</v>
      </c>
      <c r="HK30" s="71">
        <v>4</v>
      </c>
      <c r="HL30" s="71">
        <v>3</v>
      </c>
      <c r="HM30" s="72">
        <v>16</v>
      </c>
      <c r="HN30" s="73">
        <v>24</v>
      </c>
      <c r="HO30" s="70">
        <v>24</v>
      </c>
      <c r="HP30" s="71">
        <v>22</v>
      </c>
      <c r="HQ30" s="72">
        <v>46</v>
      </c>
      <c r="HR30" s="241"/>
      <c r="HS30" s="71">
        <v>16</v>
      </c>
      <c r="HT30" s="71">
        <v>28</v>
      </c>
      <c r="HU30" s="71">
        <v>15</v>
      </c>
      <c r="HV30" s="71">
        <v>23</v>
      </c>
      <c r="HW30" s="71">
        <v>5</v>
      </c>
      <c r="HX30" s="72">
        <v>87</v>
      </c>
      <c r="HY30" s="73">
        <v>133</v>
      </c>
      <c r="HZ30" s="70">
        <v>44</v>
      </c>
      <c r="IA30" s="71">
        <v>38</v>
      </c>
      <c r="IB30" s="72">
        <v>82</v>
      </c>
      <c r="IC30" s="241"/>
      <c r="ID30" s="71">
        <v>34</v>
      </c>
      <c r="IE30" s="71">
        <v>36</v>
      </c>
      <c r="IF30" s="71">
        <v>24</v>
      </c>
      <c r="IG30" s="71">
        <v>18</v>
      </c>
      <c r="IH30" s="71">
        <v>17</v>
      </c>
      <c r="II30" s="72">
        <v>129</v>
      </c>
      <c r="IJ30" s="73">
        <v>211</v>
      </c>
      <c r="IK30" s="70">
        <v>92</v>
      </c>
      <c r="IL30" s="71">
        <v>76</v>
      </c>
      <c r="IM30" s="72">
        <v>168</v>
      </c>
      <c r="IN30" s="241"/>
      <c r="IO30" s="71">
        <v>77</v>
      </c>
      <c r="IP30" s="71">
        <v>37</v>
      </c>
      <c r="IQ30" s="71">
        <v>50</v>
      </c>
      <c r="IR30" s="71">
        <v>28</v>
      </c>
      <c r="IS30" s="71">
        <v>30</v>
      </c>
      <c r="IT30" s="72">
        <v>222</v>
      </c>
      <c r="IU30" s="73">
        <v>390</v>
      </c>
      <c r="IV30" s="70">
        <v>109</v>
      </c>
      <c r="IW30" s="71">
        <v>82</v>
      </c>
      <c r="IX30" s="72">
        <v>191</v>
      </c>
      <c r="IY30" s="241"/>
      <c r="IZ30" s="71">
        <v>95</v>
      </c>
      <c r="JA30" s="71">
        <v>61</v>
      </c>
      <c r="JB30" s="71">
        <v>57</v>
      </c>
      <c r="JC30" s="71">
        <v>55</v>
      </c>
      <c r="JD30" s="71">
        <v>32</v>
      </c>
      <c r="JE30" s="72">
        <v>300</v>
      </c>
      <c r="JF30" s="73">
        <v>491</v>
      </c>
      <c r="JG30" s="70">
        <v>63</v>
      </c>
      <c r="JH30" s="71">
        <v>65</v>
      </c>
      <c r="JI30" s="72">
        <v>128</v>
      </c>
      <c r="JJ30" s="244"/>
      <c r="JK30" s="71">
        <v>91</v>
      </c>
      <c r="JL30" s="71">
        <v>74</v>
      </c>
      <c r="JM30" s="71">
        <v>90</v>
      </c>
      <c r="JN30" s="71">
        <v>86</v>
      </c>
      <c r="JO30" s="71">
        <v>41</v>
      </c>
      <c r="JP30" s="72">
        <v>382</v>
      </c>
      <c r="JQ30" s="73">
        <v>510</v>
      </c>
      <c r="JR30" s="70">
        <v>1</v>
      </c>
      <c r="JS30" s="71">
        <v>5</v>
      </c>
      <c r="JT30" s="72">
        <v>6</v>
      </c>
      <c r="JU30" s="244"/>
      <c r="JV30" s="71">
        <v>9</v>
      </c>
      <c r="JW30" s="71">
        <v>6</v>
      </c>
      <c r="JX30" s="71">
        <v>6</v>
      </c>
      <c r="JY30" s="71">
        <v>2</v>
      </c>
      <c r="JZ30" s="71">
        <v>4</v>
      </c>
      <c r="KA30" s="72">
        <v>27</v>
      </c>
      <c r="KB30" s="73">
        <v>33</v>
      </c>
      <c r="KC30" s="70">
        <v>337</v>
      </c>
      <c r="KD30" s="71">
        <v>292</v>
      </c>
      <c r="KE30" s="72">
        <v>629</v>
      </c>
      <c r="KF30" s="244"/>
      <c r="KG30" s="71">
        <v>324</v>
      </c>
      <c r="KH30" s="71">
        <v>245</v>
      </c>
      <c r="KI30" s="71">
        <v>246</v>
      </c>
      <c r="KJ30" s="71">
        <v>216</v>
      </c>
      <c r="KK30" s="71">
        <v>132</v>
      </c>
      <c r="KL30" s="72">
        <v>1163</v>
      </c>
      <c r="KM30" s="73">
        <v>1792</v>
      </c>
    </row>
    <row r="31" spans="2:299" ht="19.5" customHeight="1" x14ac:dyDescent="0.2">
      <c r="B31" s="126" t="s">
        <v>28</v>
      </c>
      <c r="C31" s="315">
        <v>14</v>
      </c>
      <c r="D31" s="82">
        <v>14</v>
      </c>
      <c r="E31" s="83">
        <v>28</v>
      </c>
      <c r="F31" s="241"/>
      <c r="G31" s="82">
        <v>40</v>
      </c>
      <c r="H31" s="82">
        <v>42</v>
      </c>
      <c r="I31" s="82">
        <v>23</v>
      </c>
      <c r="J31" s="82">
        <v>19</v>
      </c>
      <c r="K31" s="82">
        <v>14</v>
      </c>
      <c r="L31" s="84">
        <v>138</v>
      </c>
      <c r="M31" s="85">
        <v>166</v>
      </c>
      <c r="N31" s="70">
        <v>0</v>
      </c>
      <c r="O31" s="71">
        <v>2</v>
      </c>
      <c r="P31" s="72">
        <v>2</v>
      </c>
      <c r="Q31" s="241"/>
      <c r="R31" s="71">
        <v>1</v>
      </c>
      <c r="S31" s="71">
        <v>1</v>
      </c>
      <c r="T31" s="71">
        <v>2</v>
      </c>
      <c r="U31" s="71">
        <v>0</v>
      </c>
      <c r="V31" s="71">
        <v>2</v>
      </c>
      <c r="W31" s="72">
        <v>6</v>
      </c>
      <c r="X31" s="73">
        <v>8</v>
      </c>
      <c r="Y31" s="70">
        <v>1</v>
      </c>
      <c r="Z31" s="71">
        <v>3</v>
      </c>
      <c r="AA31" s="72">
        <v>4</v>
      </c>
      <c r="AB31" s="241"/>
      <c r="AC31" s="71">
        <v>2</v>
      </c>
      <c r="AD31" s="71">
        <v>7</v>
      </c>
      <c r="AE31" s="71">
        <v>3</v>
      </c>
      <c r="AF31" s="71">
        <v>3</v>
      </c>
      <c r="AG31" s="71">
        <v>1</v>
      </c>
      <c r="AH31" s="72">
        <v>16</v>
      </c>
      <c r="AI31" s="73">
        <v>20</v>
      </c>
      <c r="AJ31" s="70">
        <v>3</v>
      </c>
      <c r="AK31" s="71">
        <v>2</v>
      </c>
      <c r="AL31" s="72">
        <v>5</v>
      </c>
      <c r="AM31" s="241"/>
      <c r="AN31" s="71">
        <v>5</v>
      </c>
      <c r="AO31" s="71">
        <v>8</v>
      </c>
      <c r="AP31" s="71">
        <v>3</v>
      </c>
      <c r="AQ31" s="71">
        <v>4</v>
      </c>
      <c r="AR31" s="71">
        <v>2</v>
      </c>
      <c r="AS31" s="72">
        <v>22</v>
      </c>
      <c r="AT31" s="73">
        <v>27</v>
      </c>
      <c r="AU31" s="70">
        <v>5</v>
      </c>
      <c r="AV31" s="71">
        <v>2</v>
      </c>
      <c r="AW31" s="72">
        <v>7</v>
      </c>
      <c r="AX31" s="241"/>
      <c r="AY31" s="71">
        <v>9</v>
      </c>
      <c r="AZ31" s="71">
        <v>9</v>
      </c>
      <c r="BA31" s="71">
        <v>4</v>
      </c>
      <c r="BB31" s="71">
        <v>1</v>
      </c>
      <c r="BC31" s="71">
        <v>2</v>
      </c>
      <c r="BD31" s="72">
        <v>25</v>
      </c>
      <c r="BE31" s="73">
        <v>32</v>
      </c>
      <c r="BF31" s="70">
        <v>3</v>
      </c>
      <c r="BG31" s="71">
        <v>4</v>
      </c>
      <c r="BH31" s="72">
        <v>7</v>
      </c>
      <c r="BI31" s="241"/>
      <c r="BJ31" s="71">
        <v>14</v>
      </c>
      <c r="BK31" s="71">
        <v>6</v>
      </c>
      <c r="BL31" s="71">
        <v>4</v>
      </c>
      <c r="BM31" s="71">
        <v>5</v>
      </c>
      <c r="BN31" s="71">
        <v>3</v>
      </c>
      <c r="BO31" s="72">
        <v>32</v>
      </c>
      <c r="BP31" s="73">
        <v>39</v>
      </c>
      <c r="BQ31" s="70">
        <v>2</v>
      </c>
      <c r="BR31" s="71">
        <v>1</v>
      </c>
      <c r="BS31" s="72">
        <v>3</v>
      </c>
      <c r="BT31" s="241"/>
      <c r="BU31" s="71">
        <v>9</v>
      </c>
      <c r="BV31" s="71">
        <v>11</v>
      </c>
      <c r="BW31" s="71">
        <v>7</v>
      </c>
      <c r="BX31" s="71">
        <v>6</v>
      </c>
      <c r="BY31" s="71">
        <v>4</v>
      </c>
      <c r="BZ31" s="72">
        <v>37</v>
      </c>
      <c r="CA31" s="73">
        <v>40</v>
      </c>
      <c r="CB31" s="70">
        <v>0</v>
      </c>
      <c r="CC31" s="71">
        <v>2</v>
      </c>
      <c r="CD31" s="72">
        <v>2</v>
      </c>
      <c r="CE31" s="241"/>
      <c r="CF31" s="71">
        <v>0</v>
      </c>
      <c r="CG31" s="71">
        <v>1</v>
      </c>
      <c r="CH31" s="71">
        <v>0</v>
      </c>
      <c r="CI31" s="71">
        <v>1</v>
      </c>
      <c r="CJ31" s="71">
        <v>2</v>
      </c>
      <c r="CK31" s="72">
        <v>4</v>
      </c>
      <c r="CL31" s="73">
        <v>6</v>
      </c>
      <c r="CM31" s="70">
        <v>14</v>
      </c>
      <c r="CN31" s="71">
        <v>16</v>
      </c>
      <c r="CO31" s="72">
        <v>30</v>
      </c>
      <c r="CP31" s="241"/>
      <c r="CQ31" s="71">
        <v>40</v>
      </c>
      <c r="CR31" s="71">
        <v>43</v>
      </c>
      <c r="CS31" s="71">
        <v>23</v>
      </c>
      <c r="CT31" s="71">
        <v>20</v>
      </c>
      <c r="CU31" s="71">
        <v>16</v>
      </c>
      <c r="CV31" s="72">
        <v>142</v>
      </c>
      <c r="CW31" s="73">
        <v>172</v>
      </c>
      <c r="CX31" s="123">
        <v>20</v>
      </c>
      <c r="CY31" s="82">
        <v>36</v>
      </c>
      <c r="CZ31" s="83">
        <v>56</v>
      </c>
      <c r="DA31" s="241"/>
      <c r="DB31" s="82">
        <v>53</v>
      </c>
      <c r="DC31" s="82">
        <v>72</v>
      </c>
      <c r="DD31" s="82">
        <v>47</v>
      </c>
      <c r="DE31" s="82">
        <v>57</v>
      </c>
      <c r="DF31" s="82">
        <v>34</v>
      </c>
      <c r="DG31" s="84">
        <v>263</v>
      </c>
      <c r="DH31" s="85">
        <v>319</v>
      </c>
      <c r="DI31" s="70">
        <v>4</v>
      </c>
      <c r="DJ31" s="71">
        <v>4</v>
      </c>
      <c r="DK31" s="72">
        <v>8</v>
      </c>
      <c r="DL31" s="241"/>
      <c r="DM31" s="71">
        <v>2</v>
      </c>
      <c r="DN31" s="71">
        <v>2</v>
      </c>
      <c r="DO31" s="71">
        <v>0</v>
      </c>
      <c r="DP31" s="71">
        <v>0</v>
      </c>
      <c r="DQ31" s="71">
        <v>0</v>
      </c>
      <c r="DR31" s="72">
        <v>4</v>
      </c>
      <c r="DS31" s="73">
        <v>12</v>
      </c>
      <c r="DT31" s="70">
        <v>2</v>
      </c>
      <c r="DU31" s="71">
        <v>2</v>
      </c>
      <c r="DV31" s="72">
        <v>4</v>
      </c>
      <c r="DW31" s="241"/>
      <c r="DX31" s="71">
        <v>0</v>
      </c>
      <c r="DY31" s="71">
        <v>4</v>
      </c>
      <c r="DZ31" s="71">
        <v>1</v>
      </c>
      <c r="EA31" s="71">
        <v>5</v>
      </c>
      <c r="EB31" s="71">
        <v>0</v>
      </c>
      <c r="EC31" s="72">
        <v>10</v>
      </c>
      <c r="ED31" s="73">
        <v>14</v>
      </c>
      <c r="EE31" s="70">
        <v>5</v>
      </c>
      <c r="EF31" s="71">
        <v>7</v>
      </c>
      <c r="EG31" s="72">
        <v>12</v>
      </c>
      <c r="EH31" s="241"/>
      <c r="EI31" s="71">
        <v>10</v>
      </c>
      <c r="EJ31" s="71">
        <v>7</v>
      </c>
      <c r="EK31" s="71">
        <v>8</v>
      </c>
      <c r="EL31" s="71">
        <v>5</v>
      </c>
      <c r="EM31" s="71">
        <v>2</v>
      </c>
      <c r="EN31" s="72">
        <v>32</v>
      </c>
      <c r="EO31" s="73">
        <v>44</v>
      </c>
      <c r="EP31" s="70">
        <v>7</v>
      </c>
      <c r="EQ31" s="71">
        <v>10</v>
      </c>
      <c r="ER31" s="72">
        <v>17</v>
      </c>
      <c r="ES31" s="241"/>
      <c r="ET31" s="71">
        <v>12</v>
      </c>
      <c r="EU31" s="71">
        <v>17</v>
      </c>
      <c r="EV31" s="71">
        <v>8</v>
      </c>
      <c r="EW31" s="71">
        <v>7</v>
      </c>
      <c r="EX31" s="71">
        <v>10</v>
      </c>
      <c r="EY31" s="72">
        <v>54</v>
      </c>
      <c r="EZ31" s="73">
        <v>71</v>
      </c>
      <c r="FA31" s="70">
        <v>2</v>
      </c>
      <c r="FB31" s="71">
        <v>7</v>
      </c>
      <c r="FC31" s="72">
        <v>9</v>
      </c>
      <c r="FD31" s="241"/>
      <c r="FE31" s="71">
        <v>17</v>
      </c>
      <c r="FF31" s="71">
        <v>23</v>
      </c>
      <c r="FG31" s="71">
        <v>8</v>
      </c>
      <c r="FH31" s="71">
        <v>19</v>
      </c>
      <c r="FI31" s="71">
        <v>8</v>
      </c>
      <c r="FJ31" s="72">
        <v>75</v>
      </c>
      <c r="FK31" s="73">
        <v>84</v>
      </c>
      <c r="FL31" s="70">
        <v>0</v>
      </c>
      <c r="FM31" s="71">
        <v>6</v>
      </c>
      <c r="FN31" s="72">
        <v>6</v>
      </c>
      <c r="FO31" s="241"/>
      <c r="FP31" s="71">
        <v>12</v>
      </c>
      <c r="FQ31" s="71">
        <v>19</v>
      </c>
      <c r="FR31" s="71">
        <v>22</v>
      </c>
      <c r="FS31" s="71">
        <v>21</v>
      </c>
      <c r="FT31" s="71">
        <v>14</v>
      </c>
      <c r="FU31" s="72">
        <v>88</v>
      </c>
      <c r="FV31" s="73">
        <v>94</v>
      </c>
      <c r="FW31" s="70">
        <v>0</v>
      </c>
      <c r="FX31" s="71">
        <v>1</v>
      </c>
      <c r="FY31" s="72">
        <v>1</v>
      </c>
      <c r="FZ31" s="244"/>
      <c r="GA31" s="71">
        <v>1</v>
      </c>
      <c r="GB31" s="71">
        <v>0</v>
      </c>
      <c r="GC31" s="71">
        <v>0</v>
      </c>
      <c r="GD31" s="71">
        <v>0</v>
      </c>
      <c r="GE31" s="71">
        <v>3</v>
      </c>
      <c r="GF31" s="72">
        <v>4</v>
      </c>
      <c r="GG31" s="73">
        <v>5</v>
      </c>
      <c r="GH31" s="70">
        <v>20</v>
      </c>
      <c r="GI31" s="71">
        <v>37</v>
      </c>
      <c r="GJ31" s="72">
        <v>57</v>
      </c>
      <c r="GK31" s="244"/>
      <c r="GL31" s="71">
        <v>54</v>
      </c>
      <c r="GM31" s="71">
        <v>72</v>
      </c>
      <c r="GN31" s="71">
        <v>47</v>
      </c>
      <c r="GO31" s="71">
        <v>57</v>
      </c>
      <c r="GP31" s="71">
        <v>37</v>
      </c>
      <c r="GQ31" s="72">
        <v>267</v>
      </c>
      <c r="GR31" s="73">
        <v>324</v>
      </c>
      <c r="GS31" s="123">
        <v>34</v>
      </c>
      <c r="GT31" s="82">
        <v>50</v>
      </c>
      <c r="GU31" s="83">
        <v>84</v>
      </c>
      <c r="GV31" s="241"/>
      <c r="GW31" s="82">
        <v>93</v>
      </c>
      <c r="GX31" s="82">
        <v>114</v>
      </c>
      <c r="GY31" s="82">
        <v>70</v>
      </c>
      <c r="GZ31" s="82">
        <v>76</v>
      </c>
      <c r="HA31" s="82">
        <v>48</v>
      </c>
      <c r="HB31" s="84">
        <v>401</v>
      </c>
      <c r="HC31" s="85">
        <v>485</v>
      </c>
      <c r="HD31" s="70">
        <v>4</v>
      </c>
      <c r="HE31" s="71">
        <v>6</v>
      </c>
      <c r="HF31" s="72">
        <v>10</v>
      </c>
      <c r="HG31" s="241"/>
      <c r="HH31" s="71">
        <v>3</v>
      </c>
      <c r="HI31" s="71">
        <v>3</v>
      </c>
      <c r="HJ31" s="71">
        <v>2</v>
      </c>
      <c r="HK31" s="71">
        <v>0</v>
      </c>
      <c r="HL31" s="71">
        <v>2</v>
      </c>
      <c r="HM31" s="72">
        <v>10</v>
      </c>
      <c r="HN31" s="73">
        <v>20</v>
      </c>
      <c r="HO31" s="70">
        <v>3</v>
      </c>
      <c r="HP31" s="71">
        <v>5</v>
      </c>
      <c r="HQ31" s="72">
        <v>8</v>
      </c>
      <c r="HR31" s="241"/>
      <c r="HS31" s="71">
        <v>2</v>
      </c>
      <c r="HT31" s="71">
        <v>11</v>
      </c>
      <c r="HU31" s="71">
        <v>4</v>
      </c>
      <c r="HV31" s="71">
        <v>8</v>
      </c>
      <c r="HW31" s="71">
        <v>1</v>
      </c>
      <c r="HX31" s="72">
        <v>26</v>
      </c>
      <c r="HY31" s="73">
        <v>34</v>
      </c>
      <c r="HZ31" s="70">
        <v>8</v>
      </c>
      <c r="IA31" s="71">
        <v>9</v>
      </c>
      <c r="IB31" s="72">
        <v>17</v>
      </c>
      <c r="IC31" s="241"/>
      <c r="ID31" s="71">
        <v>15</v>
      </c>
      <c r="IE31" s="71">
        <v>15</v>
      </c>
      <c r="IF31" s="71">
        <v>11</v>
      </c>
      <c r="IG31" s="71">
        <v>9</v>
      </c>
      <c r="IH31" s="71">
        <v>4</v>
      </c>
      <c r="II31" s="72">
        <v>54</v>
      </c>
      <c r="IJ31" s="73">
        <v>71</v>
      </c>
      <c r="IK31" s="70">
        <v>12</v>
      </c>
      <c r="IL31" s="71">
        <v>12</v>
      </c>
      <c r="IM31" s="72">
        <v>24</v>
      </c>
      <c r="IN31" s="241"/>
      <c r="IO31" s="71">
        <v>21</v>
      </c>
      <c r="IP31" s="71">
        <v>26</v>
      </c>
      <c r="IQ31" s="71">
        <v>12</v>
      </c>
      <c r="IR31" s="71">
        <v>8</v>
      </c>
      <c r="IS31" s="71">
        <v>12</v>
      </c>
      <c r="IT31" s="72">
        <v>79</v>
      </c>
      <c r="IU31" s="73">
        <v>103</v>
      </c>
      <c r="IV31" s="70">
        <v>5</v>
      </c>
      <c r="IW31" s="71">
        <v>11</v>
      </c>
      <c r="IX31" s="72">
        <v>16</v>
      </c>
      <c r="IY31" s="241"/>
      <c r="IZ31" s="71">
        <v>31</v>
      </c>
      <c r="JA31" s="71">
        <v>29</v>
      </c>
      <c r="JB31" s="71">
        <v>12</v>
      </c>
      <c r="JC31" s="71">
        <v>24</v>
      </c>
      <c r="JD31" s="71">
        <v>11</v>
      </c>
      <c r="JE31" s="72">
        <v>107</v>
      </c>
      <c r="JF31" s="73">
        <v>123</v>
      </c>
      <c r="JG31" s="70">
        <v>2</v>
      </c>
      <c r="JH31" s="71">
        <v>7</v>
      </c>
      <c r="JI31" s="72">
        <v>9</v>
      </c>
      <c r="JJ31" s="244"/>
      <c r="JK31" s="71">
        <v>21</v>
      </c>
      <c r="JL31" s="71">
        <v>30</v>
      </c>
      <c r="JM31" s="71">
        <v>29</v>
      </c>
      <c r="JN31" s="71">
        <v>27</v>
      </c>
      <c r="JO31" s="71">
        <v>18</v>
      </c>
      <c r="JP31" s="72">
        <v>125</v>
      </c>
      <c r="JQ31" s="73">
        <v>134</v>
      </c>
      <c r="JR31" s="70">
        <v>0</v>
      </c>
      <c r="JS31" s="71">
        <v>3</v>
      </c>
      <c r="JT31" s="72">
        <v>3</v>
      </c>
      <c r="JU31" s="244"/>
      <c r="JV31" s="71">
        <v>1</v>
      </c>
      <c r="JW31" s="71">
        <v>1</v>
      </c>
      <c r="JX31" s="71">
        <v>0</v>
      </c>
      <c r="JY31" s="71">
        <v>1</v>
      </c>
      <c r="JZ31" s="71">
        <v>5</v>
      </c>
      <c r="KA31" s="72">
        <v>8</v>
      </c>
      <c r="KB31" s="73">
        <v>11</v>
      </c>
      <c r="KC31" s="70">
        <v>34</v>
      </c>
      <c r="KD31" s="71">
        <v>53</v>
      </c>
      <c r="KE31" s="72">
        <v>87</v>
      </c>
      <c r="KF31" s="244"/>
      <c r="KG31" s="71">
        <v>94</v>
      </c>
      <c r="KH31" s="71">
        <v>115</v>
      </c>
      <c r="KI31" s="71">
        <v>70</v>
      </c>
      <c r="KJ31" s="71">
        <v>77</v>
      </c>
      <c r="KK31" s="71">
        <v>53</v>
      </c>
      <c r="KL31" s="72">
        <v>409</v>
      </c>
      <c r="KM31" s="73">
        <v>496</v>
      </c>
    </row>
    <row r="32" spans="2:299" ht="19.5" customHeight="1" x14ac:dyDescent="0.2">
      <c r="B32" s="126" t="s">
        <v>29</v>
      </c>
      <c r="C32" s="315">
        <v>33</v>
      </c>
      <c r="D32" s="82">
        <v>21</v>
      </c>
      <c r="E32" s="83">
        <v>54</v>
      </c>
      <c r="F32" s="241"/>
      <c r="G32" s="82">
        <v>42</v>
      </c>
      <c r="H32" s="82">
        <v>51</v>
      </c>
      <c r="I32" s="82">
        <v>40</v>
      </c>
      <c r="J32" s="82">
        <v>37</v>
      </c>
      <c r="K32" s="82">
        <v>15</v>
      </c>
      <c r="L32" s="84">
        <v>185</v>
      </c>
      <c r="M32" s="85">
        <v>239</v>
      </c>
      <c r="N32" s="70">
        <v>2</v>
      </c>
      <c r="O32" s="71">
        <v>0</v>
      </c>
      <c r="P32" s="72">
        <v>2</v>
      </c>
      <c r="Q32" s="241"/>
      <c r="R32" s="71">
        <v>3</v>
      </c>
      <c r="S32" s="71">
        <v>2</v>
      </c>
      <c r="T32" s="71">
        <v>5</v>
      </c>
      <c r="U32" s="71">
        <v>1</v>
      </c>
      <c r="V32" s="71">
        <v>0</v>
      </c>
      <c r="W32" s="72">
        <v>11</v>
      </c>
      <c r="X32" s="73">
        <v>13</v>
      </c>
      <c r="Y32" s="70">
        <v>4</v>
      </c>
      <c r="Z32" s="71">
        <v>6</v>
      </c>
      <c r="AA32" s="72">
        <v>10</v>
      </c>
      <c r="AB32" s="241"/>
      <c r="AC32" s="71">
        <v>10</v>
      </c>
      <c r="AD32" s="71">
        <v>3</v>
      </c>
      <c r="AE32" s="71">
        <v>2</v>
      </c>
      <c r="AF32" s="71">
        <v>3</v>
      </c>
      <c r="AG32" s="71">
        <v>3</v>
      </c>
      <c r="AH32" s="72">
        <v>21</v>
      </c>
      <c r="AI32" s="73">
        <v>31</v>
      </c>
      <c r="AJ32" s="70">
        <v>9</v>
      </c>
      <c r="AK32" s="71">
        <v>3</v>
      </c>
      <c r="AL32" s="72">
        <v>12</v>
      </c>
      <c r="AM32" s="241"/>
      <c r="AN32" s="71">
        <v>12</v>
      </c>
      <c r="AO32" s="71">
        <v>9</v>
      </c>
      <c r="AP32" s="71">
        <v>6</v>
      </c>
      <c r="AQ32" s="71">
        <v>6</v>
      </c>
      <c r="AR32" s="71">
        <v>1</v>
      </c>
      <c r="AS32" s="72">
        <v>34</v>
      </c>
      <c r="AT32" s="73">
        <v>46</v>
      </c>
      <c r="AU32" s="70">
        <v>7</v>
      </c>
      <c r="AV32" s="71">
        <v>4</v>
      </c>
      <c r="AW32" s="72">
        <v>11</v>
      </c>
      <c r="AX32" s="241"/>
      <c r="AY32" s="71">
        <v>4</v>
      </c>
      <c r="AZ32" s="71">
        <v>15</v>
      </c>
      <c r="BA32" s="71">
        <v>9</v>
      </c>
      <c r="BB32" s="71">
        <v>11</v>
      </c>
      <c r="BC32" s="71">
        <v>3</v>
      </c>
      <c r="BD32" s="72">
        <v>42</v>
      </c>
      <c r="BE32" s="73">
        <v>53</v>
      </c>
      <c r="BF32" s="70">
        <v>7</v>
      </c>
      <c r="BG32" s="71">
        <v>5</v>
      </c>
      <c r="BH32" s="72">
        <v>12</v>
      </c>
      <c r="BI32" s="241"/>
      <c r="BJ32" s="71">
        <v>7</v>
      </c>
      <c r="BK32" s="71">
        <v>12</v>
      </c>
      <c r="BL32" s="71">
        <v>10</v>
      </c>
      <c r="BM32" s="71">
        <v>12</v>
      </c>
      <c r="BN32" s="71">
        <v>6</v>
      </c>
      <c r="BO32" s="72">
        <v>47</v>
      </c>
      <c r="BP32" s="73">
        <v>59</v>
      </c>
      <c r="BQ32" s="70">
        <v>4</v>
      </c>
      <c r="BR32" s="71">
        <v>3</v>
      </c>
      <c r="BS32" s="72">
        <v>7</v>
      </c>
      <c r="BT32" s="241"/>
      <c r="BU32" s="71">
        <v>6</v>
      </c>
      <c r="BV32" s="71">
        <v>10</v>
      </c>
      <c r="BW32" s="71">
        <v>8</v>
      </c>
      <c r="BX32" s="71">
        <v>4</v>
      </c>
      <c r="BY32" s="71">
        <v>2</v>
      </c>
      <c r="BZ32" s="72">
        <v>30</v>
      </c>
      <c r="CA32" s="73">
        <v>37</v>
      </c>
      <c r="CB32" s="70">
        <v>1</v>
      </c>
      <c r="CC32" s="71">
        <v>2</v>
      </c>
      <c r="CD32" s="72">
        <v>3</v>
      </c>
      <c r="CE32" s="241"/>
      <c r="CF32" s="71">
        <v>1</v>
      </c>
      <c r="CG32" s="71">
        <v>4</v>
      </c>
      <c r="CH32" s="71">
        <v>2</v>
      </c>
      <c r="CI32" s="71">
        <v>1</v>
      </c>
      <c r="CJ32" s="71">
        <v>1</v>
      </c>
      <c r="CK32" s="72">
        <v>9</v>
      </c>
      <c r="CL32" s="73">
        <v>12</v>
      </c>
      <c r="CM32" s="70">
        <v>34</v>
      </c>
      <c r="CN32" s="71">
        <v>23</v>
      </c>
      <c r="CO32" s="72">
        <v>57</v>
      </c>
      <c r="CP32" s="241"/>
      <c r="CQ32" s="71">
        <v>43</v>
      </c>
      <c r="CR32" s="71">
        <v>55</v>
      </c>
      <c r="CS32" s="71">
        <v>42</v>
      </c>
      <c r="CT32" s="71">
        <v>38</v>
      </c>
      <c r="CU32" s="71">
        <v>16</v>
      </c>
      <c r="CV32" s="72">
        <v>194</v>
      </c>
      <c r="CW32" s="73">
        <v>251</v>
      </c>
      <c r="CX32" s="123">
        <v>48</v>
      </c>
      <c r="CY32" s="82">
        <v>43</v>
      </c>
      <c r="CZ32" s="83">
        <v>91</v>
      </c>
      <c r="DA32" s="241"/>
      <c r="DB32" s="82">
        <v>89</v>
      </c>
      <c r="DC32" s="82">
        <v>84</v>
      </c>
      <c r="DD32" s="82">
        <v>60</v>
      </c>
      <c r="DE32" s="82">
        <v>73</v>
      </c>
      <c r="DF32" s="82">
        <v>57</v>
      </c>
      <c r="DG32" s="84">
        <v>363</v>
      </c>
      <c r="DH32" s="85">
        <v>454</v>
      </c>
      <c r="DI32" s="70">
        <v>2</v>
      </c>
      <c r="DJ32" s="71">
        <v>3</v>
      </c>
      <c r="DK32" s="72">
        <v>5</v>
      </c>
      <c r="DL32" s="241"/>
      <c r="DM32" s="71">
        <v>4</v>
      </c>
      <c r="DN32" s="71">
        <v>3</v>
      </c>
      <c r="DO32" s="71">
        <v>0</v>
      </c>
      <c r="DP32" s="71">
        <v>0</v>
      </c>
      <c r="DQ32" s="71">
        <v>5</v>
      </c>
      <c r="DR32" s="72">
        <v>12</v>
      </c>
      <c r="DS32" s="73">
        <v>17</v>
      </c>
      <c r="DT32" s="70">
        <v>4</v>
      </c>
      <c r="DU32" s="71">
        <v>1</v>
      </c>
      <c r="DV32" s="72">
        <v>5</v>
      </c>
      <c r="DW32" s="241"/>
      <c r="DX32" s="71">
        <v>3</v>
      </c>
      <c r="DY32" s="71">
        <v>4</v>
      </c>
      <c r="DZ32" s="71">
        <v>3</v>
      </c>
      <c r="EA32" s="71">
        <v>5</v>
      </c>
      <c r="EB32" s="71">
        <v>1</v>
      </c>
      <c r="EC32" s="72">
        <v>16</v>
      </c>
      <c r="ED32" s="73">
        <v>21</v>
      </c>
      <c r="EE32" s="70">
        <v>11</v>
      </c>
      <c r="EF32" s="71">
        <v>5</v>
      </c>
      <c r="EG32" s="72">
        <v>16</v>
      </c>
      <c r="EH32" s="241"/>
      <c r="EI32" s="71">
        <v>15</v>
      </c>
      <c r="EJ32" s="71">
        <v>9</v>
      </c>
      <c r="EK32" s="71">
        <v>5</v>
      </c>
      <c r="EL32" s="71">
        <v>6</v>
      </c>
      <c r="EM32" s="71">
        <v>5</v>
      </c>
      <c r="EN32" s="72">
        <v>40</v>
      </c>
      <c r="EO32" s="73">
        <v>56</v>
      </c>
      <c r="EP32" s="70">
        <v>7</v>
      </c>
      <c r="EQ32" s="71">
        <v>17</v>
      </c>
      <c r="ER32" s="72">
        <v>24</v>
      </c>
      <c r="ES32" s="241"/>
      <c r="ET32" s="71">
        <v>20</v>
      </c>
      <c r="EU32" s="71">
        <v>22</v>
      </c>
      <c r="EV32" s="71">
        <v>11</v>
      </c>
      <c r="EW32" s="71">
        <v>14</v>
      </c>
      <c r="EX32" s="71">
        <v>9</v>
      </c>
      <c r="EY32" s="72">
        <v>76</v>
      </c>
      <c r="EZ32" s="73">
        <v>100</v>
      </c>
      <c r="FA32" s="70">
        <v>16</v>
      </c>
      <c r="FB32" s="71">
        <v>12</v>
      </c>
      <c r="FC32" s="72">
        <v>28</v>
      </c>
      <c r="FD32" s="241"/>
      <c r="FE32" s="71">
        <v>31</v>
      </c>
      <c r="FF32" s="71">
        <v>19</v>
      </c>
      <c r="FG32" s="71">
        <v>16</v>
      </c>
      <c r="FH32" s="71">
        <v>21</v>
      </c>
      <c r="FI32" s="71">
        <v>19</v>
      </c>
      <c r="FJ32" s="72">
        <v>106</v>
      </c>
      <c r="FK32" s="73">
        <v>134</v>
      </c>
      <c r="FL32" s="70">
        <v>8</v>
      </c>
      <c r="FM32" s="71">
        <v>5</v>
      </c>
      <c r="FN32" s="72">
        <v>13</v>
      </c>
      <c r="FO32" s="241"/>
      <c r="FP32" s="71">
        <v>16</v>
      </c>
      <c r="FQ32" s="71">
        <v>27</v>
      </c>
      <c r="FR32" s="71">
        <v>25</v>
      </c>
      <c r="FS32" s="71">
        <v>27</v>
      </c>
      <c r="FT32" s="71">
        <v>18</v>
      </c>
      <c r="FU32" s="72">
        <v>113</v>
      </c>
      <c r="FV32" s="73">
        <v>126</v>
      </c>
      <c r="FW32" s="70">
        <v>0</v>
      </c>
      <c r="FX32" s="71">
        <v>2</v>
      </c>
      <c r="FY32" s="72">
        <v>2</v>
      </c>
      <c r="FZ32" s="244"/>
      <c r="GA32" s="71">
        <v>2</v>
      </c>
      <c r="GB32" s="71">
        <v>0</v>
      </c>
      <c r="GC32" s="71">
        <v>1</v>
      </c>
      <c r="GD32" s="71">
        <v>0</v>
      </c>
      <c r="GE32" s="71">
        <v>0</v>
      </c>
      <c r="GF32" s="72">
        <v>3</v>
      </c>
      <c r="GG32" s="73">
        <v>5</v>
      </c>
      <c r="GH32" s="70">
        <v>48</v>
      </c>
      <c r="GI32" s="71">
        <v>45</v>
      </c>
      <c r="GJ32" s="72">
        <v>93</v>
      </c>
      <c r="GK32" s="244"/>
      <c r="GL32" s="71">
        <v>91</v>
      </c>
      <c r="GM32" s="71">
        <v>84</v>
      </c>
      <c r="GN32" s="71">
        <v>61</v>
      </c>
      <c r="GO32" s="71">
        <v>73</v>
      </c>
      <c r="GP32" s="71">
        <v>57</v>
      </c>
      <c r="GQ32" s="72">
        <v>366</v>
      </c>
      <c r="GR32" s="73">
        <v>459</v>
      </c>
      <c r="GS32" s="123">
        <v>81</v>
      </c>
      <c r="GT32" s="82">
        <v>64</v>
      </c>
      <c r="GU32" s="83">
        <v>145</v>
      </c>
      <c r="GV32" s="241"/>
      <c r="GW32" s="82">
        <v>131</v>
      </c>
      <c r="GX32" s="82">
        <v>135</v>
      </c>
      <c r="GY32" s="82">
        <v>100</v>
      </c>
      <c r="GZ32" s="82">
        <v>110</v>
      </c>
      <c r="HA32" s="82">
        <v>72</v>
      </c>
      <c r="HB32" s="84">
        <v>548</v>
      </c>
      <c r="HC32" s="85">
        <v>693</v>
      </c>
      <c r="HD32" s="70">
        <v>4</v>
      </c>
      <c r="HE32" s="71">
        <v>3</v>
      </c>
      <c r="HF32" s="72">
        <v>7</v>
      </c>
      <c r="HG32" s="241"/>
      <c r="HH32" s="71">
        <v>7</v>
      </c>
      <c r="HI32" s="71">
        <v>5</v>
      </c>
      <c r="HJ32" s="71">
        <v>5</v>
      </c>
      <c r="HK32" s="71">
        <v>1</v>
      </c>
      <c r="HL32" s="71">
        <v>5</v>
      </c>
      <c r="HM32" s="72">
        <v>23</v>
      </c>
      <c r="HN32" s="73">
        <v>30</v>
      </c>
      <c r="HO32" s="70">
        <v>8</v>
      </c>
      <c r="HP32" s="71">
        <v>7</v>
      </c>
      <c r="HQ32" s="72">
        <v>15</v>
      </c>
      <c r="HR32" s="241"/>
      <c r="HS32" s="71">
        <v>13</v>
      </c>
      <c r="HT32" s="71">
        <v>7</v>
      </c>
      <c r="HU32" s="71">
        <v>5</v>
      </c>
      <c r="HV32" s="71">
        <v>8</v>
      </c>
      <c r="HW32" s="71">
        <v>4</v>
      </c>
      <c r="HX32" s="72">
        <v>37</v>
      </c>
      <c r="HY32" s="73">
        <v>52</v>
      </c>
      <c r="HZ32" s="70">
        <v>20</v>
      </c>
      <c r="IA32" s="71">
        <v>8</v>
      </c>
      <c r="IB32" s="72">
        <v>28</v>
      </c>
      <c r="IC32" s="241"/>
      <c r="ID32" s="71">
        <v>27</v>
      </c>
      <c r="IE32" s="71">
        <v>18</v>
      </c>
      <c r="IF32" s="71">
        <v>11</v>
      </c>
      <c r="IG32" s="71">
        <v>12</v>
      </c>
      <c r="IH32" s="71">
        <v>6</v>
      </c>
      <c r="II32" s="72">
        <v>74</v>
      </c>
      <c r="IJ32" s="73">
        <v>102</v>
      </c>
      <c r="IK32" s="70">
        <v>14</v>
      </c>
      <c r="IL32" s="71">
        <v>21</v>
      </c>
      <c r="IM32" s="72">
        <v>35</v>
      </c>
      <c r="IN32" s="241"/>
      <c r="IO32" s="71">
        <v>24</v>
      </c>
      <c r="IP32" s="71">
        <v>37</v>
      </c>
      <c r="IQ32" s="71">
        <v>20</v>
      </c>
      <c r="IR32" s="71">
        <v>25</v>
      </c>
      <c r="IS32" s="71">
        <v>12</v>
      </c>
      <c r="IT32" s="72">
        <v>118</v>
      </c>
      <c r="IU32" s="73">
        <v>153</v>
      </c>
      <c r="IV32" s="70">
        <v>23</v>
      </c>
      <c r="IW32" s="71">
        <v>17</v>
      </c>
      <c r="IX32" s="72">
        <v>40</v>
      </c>
      <c r="IY32" s="241"/>
      <c r="IZ32" s="71">
        <v>38</v>
      </c>
      <c r="JA32" s="71">
        <v>31</v>
      </c>
      <c r="JB32" s="71">
        <v>26</v>
      </c>
      <c r="JC32" s="71">
        <v>33</v>
      </c>
      <c r="JD32" s="71">
        <v>25</v>
      </c>
      <c r="JE32" s="72">
        <v>153</v>
      </c>
      <c r="JF32" s="73">
        <v>193</v>
      </c>
      <c r="JG32" s="70">
        <v>12</v>
      </c>
      <c r="JH32" s="71">
        <v>8</v>
      </c>
      <c r="JI32" s="72">
        <v>20</v>
      </c>
      <c r="JJ32" s="244"/>
      <c r="JK32" s="71">
        <v>22</v>
      </c>
      <c r="JL32" s="71">
        <v>37</v>
      </c>
      <c r="JM32" s="71">
        <v>33</v>
      </c>
      <c r="JN32" s="71">
        <v>31</v>
      </c>
      <c r="JO32" s="71">
        <v>20</v>
      </c>
      <c r="JP32" s="72">
        <v>143</v>
      </c>
      <c r="JQ32" s="73">
        <v>163</v>
      </c>
      <c r="JR32" s="70">
        <v>1</v>
      </c>
      <c r="JS32" s="71">
        <v>4</v>
      </c>
      <c r="JT32" s="72">
        <v>5</v>
      </c>
      <c r="JU32" s="244"/>
      <c r="JV32" s="71">
        <v>3</v>
      </c>
      <c r="JW32" s="71">
        <v>4</v>
      </c>
      <c r="JX32" s="71">
        <v>3</v>
      </c>
      <c r="JY32" s="71">
        <v>1</v>
      </c>
      <c r="JZ32" s="71">
        <v>1</v>
      </c>
      <c r="KA32" s="72">
        <v>12</v>
      </c>
      <c r="KB32" s="73">
        <v>17</v>
      </c>
      <c r="KC32" s="70">
        <v>82</v>
      </c>
      <c r="KD32" s="71">
        <v>68</v>
      </c>
      <c r="KE32" s="72">
        <v>150</v>
      </c>
      <c r="KF32" s="244"/>
      <c r="KG32" s="71">
        <v>134</v>
      </c>
      <c r="KH32" s="71">
        <v>139</v>
      </c>
      <c r="KI32" s="71">
        <v>103</v>
      </c>
      <c r="KJ32" s="71">
        <v>111</v>
      </c>
      <c r="KK32" s="71">
        <v>73</v>
      </c>
      <c r="KL32" s="72">
        <v>560</v>
      </c>
      <c r="KM32" s="73">
        <v>710</v>
      </c>
    </row>
    <row r="33" spans="2:299" ht="19.5" customHeight="1" x14ac:dyDescent="0.2">
      <c r="B33" s="126" t="s">
        <v>30</v>
      </c>
      <c r="C33" s="315">
        <v>18</v>
      </c>
      <c r="D33" s="82">
        <v>14</v>
      </c>
      <c r="E33" s="83">
        <v>32</v>
      </c>
      <c r="F33" s="241"/>
      <c r="G33" s="82">
        <v>44</v>
      </c>
      <c r="H33" s="82">
        <v>32</v>
      </c>
      <c r="I33" s="82">
        <v>29</v>
      </c>
      <c r="J33" s="82">
        <v>30</v>
      </c>
      <c r="K33" s="82">
        <v>11</v>
      </c>
      <c r="L33" s="84">
        <v>146</v>
      </c>
      <c r="M33" s="85">
        <v>178</v>
      </c>
      <c r="N33" s="70">
        <v>2</v>
      </c>
      <c r="O33" s="71">
        <v>0</v>
      </c>
      <c r="P33" s="72">
        <v>2</v>
      </c>
      <c r="Q33" s="241"/>
      <c r="R33" s="71">
        <v>4</v>
      </c>
      <c r="S33" s="71">
        <v>4</v>
      </c>
      <c r="T33" s="71">
        <v>2</v>
      </c>
      <c r="U33" s="71">
        <v>2</v>
      </c>
      <c r="V33" s="71">
        <v>1</v>
      </c>
      <c r="W33" s="72">
        <v>13</v>
      </c>
      <c r="X33" s="73">
        <v>15</v>
      </c>
      <c r="Y33" s="70">
        <v>6</v>
      </c>
      <c r="Z33" s="71">
        <v>2</v>
      </c>
      <c r="AA33" s="72">
        <v>8</v>
      </c>
      <c r="AB33" s="241"/>
      <c r="AC33" s="71">
        <v>6</v>
      </c>
      <c r="AD33" s="71">
        <v>4</v>
      </c>
      <c r="AE33" s="71">
        <v>2</v>
      </c>
      <c r="AF33" s="71">
        <v>4</v>
      </c>
      <c r="AG33" s="71">
        <v>2</v>
      </c>
      <c r="AH33" s="72">
        <v>18</v>
      </c>
      <c r="AI33" s="73">
        <v>26</v>
      </c>
      <c r="AJ33" s="70">
        <v>2</v>
      </c>
      <c r="AK33" s="71">
        <v>0</v>
      </c>
      <c r="AL33" s="72">
        <v>2</v>
      </c>
      <c r="AM33" s="241"/>
      <c r="AN33" s="71">
        <v>3</v>
      </c>
      <c r="AO33" s="71">
        <v>3</v>
      </c>
      <c r="AP33" s="71">
        <v>4</v>
      </c>
      <c r="AQ33" s="71">
        <v>5</v>
      </c>
      <c r="AR33" s="71">
        <v>1</v>
      </c>
      <c r="AS33" s="72">
        <v>16</v>
      </c>
      <c r="AT33" s="73">
        <v>18</v>
      </c>
      <c r="AU33" s="70">
        <v>2</v>
      </c>
      <c r="AV33" s="71">
        <v>5</v>
      </c>
      <c r="AW33" s="72">
        <v>7</v>
      </c>
      <c r="AX33" s="241"/>
      <c r="AY33" s="71">
        <v>9</v>
      </c>
      <c r="AZ33" s="71">
        <v>8</v>
      </c>
      <c r="BA33" s="71">
        <v>8</v>
      </c>
      <c r="BB33" s="71">
        <v>5</v>
      </c>
      <c r="BC33" s="71">
        <v>1</v>
      </c>
      <c r="BD33" s="72">
        <v>31</v>
      </c>
      <c r="BE33" s="73">
        <v>38</v>
      </c>
      <c r="BF33" s="70">
        <v>4</v>
      </c>
      <c r="BG33" s="71">
        <v>4</v>
      </c>
      <c r="BH33" s="72">
        <v>8</v>
      </c>
      <c r="BI33" s="241"/>
      <c r="BJ33" s="71">
        <v>12</v>
      </c>
      <c r="BK33" s="71">
        <v>7</v>
      </c>
      <c r="BL33" s="71">
        <v>4</v>
      </c>
      <c r="BM33" s="71">
        <v>6</v>
      </c>
      <c r="BN33" s="71">
        <v>4</v>
      </c>
      <c r="BO33" s="72">
        <v>33</v>
      </c>
      <c r="BP33" s="73">
        <v>41</v>
      </c>
      <c r="BQ33" s="70">
        <v>2</v>
      </c>
      <c r="BR33" s="71">
        <v>3</v>
      </c>
      <c r="BS33" s="72">
        <v>5</v>
      </c>
      <c r="BT33" s="241"/>
      <c r="BU33" s="71">
        <v>10</v>
      </c>
      <c r="BV33" s="71">
        <v>6</v>
      </c>
      <c r="BW33" s="71">
        <v>9</v>
      </c>
      <c r="BX33" s="71">
        <v>8</v>
      </c>
      <c r="BY33" s="71">
        <v>2</v>
      </c>
      <c r="BZ33" s="72">
        <v>35</v>
      </c>
      <c r="CA33" s="73">
        <v>40</v>
      </c>
      <c r="CB33" s="70">
        <v>0</v>
      </c>
      <c r="CC33" s="71">
        <v>0</v>
      </c>
      <c r="CD33" s="72">
        <v>0</v>
      </c>
      <c r="CE33" s="241"/>
      <c r="CF33" s="71">
        <v>1</v>
      </c>
      <c r="CG33" s="71">
        <v>0</v>
      </c>
      <c r="CH33" s="71">
        <v>3</v>
      </c>
      <c r="CI33" s="71">
        <v>0</v>
      </c>
      <c r="CJ33" s="71">
        <v>2</v>
      </c>
      <c r="CK33" s="72">
        <v>6</v>
      </c>
      <c r="CL33" s="73">
        <v>6</v>
      </c>
      <c r="CM33" s="70">
        <v>18</v>
      </c>
      <c r="CN33" s="71">
        <v>14</v>
      </c>
      <c r="CO33" s="72">
        <v>32</v>
      </c>
      <c r="CP33" s="241"/>
      <c r="CQ33" s="71">
        <v>45</v>
      </c>
      <c r="CR33" s="71">
        <v>32</v>
      </c>
      <c r="CS33" s="71">
        <v>32</v>
      </c>
      <c r="CT33" s="71">
        <v>30</v>
      </c>
      <c r="CU33" s="71">
        <v>13</v>
      </c>
      <c r="CV33" s="72">
        <v>152</v>
      </c>
      <c r="CW33" s="73">
        <v>184</v>
      </c>
      <c r="CX33" s="123">
        <v>44</v>
      </c>
      <c r="CY33" s="82">
        <v>35</v>
      </c>
      <c r="CZ33" s="83">
        <v>79</v>
      </c>
      <c r="DA33" s="241"/>
      <c r="DB33" s="82">
        <v>99</v>
      </c>
      <c r="DC33" s="82">
        <v>65</v>
      </c>
      <c r="DD33" s="82">
        <v>80</v>
      </c>
      <c r="DE33" s="82">
        <v>70</v>
      </c>
      <c r="DF33" s="82">
        <v>35</v>
      </c>
      <c r="DG33" s="84">
        <v>349</v>
      </c>
      <c r="DH33" s="85">
        <v>428</v>
      </c>
      <c r="DI33" s="70">
        <v>1</v>
      </c>
      <c r="DJ33" s="71">
        <v>0</v>
      </c>
      <c r="DK33" s="72">
        <v>1</v>
      </c>
      <c r="DL33" s="241"/>
      <c r="DM33" s="71">
        <v>2</v>
      </c>
      <c r="DN33" s="71">
        <v>1</v>
      </c>
      <c r="DO33" s="71">
        <v>2</v>
      </c>
      <c r="DP33" s="71">
        <v>1</v>
      </c>
      <c r="DQ33" s="71">
        <v>1</v>
      </c>
      <c r="DR33" s="72">
        <v>7</v>
      </c>
      <c r="DS33" s="73">
        <v>8</v>
      </c>
      <c r="DT33" s="70">
        <v>1</v>
      </c>
      <c r="DU33" s="71">
        <v>5</v>
      </c>
      <c r="DV33" s="72">
        <v>6</v>
      </c>
      <c r="DW33" s="241"/>
      <c r="DX33" s="71">
        <v>3</v>
      </c>
      <c r="DY33" s="71">
        <v>4</v>
      </c>
      <c r="DZ33" s="71">
        <v>3</v>
      </c>
      <c r="EA33" s="71">
        <v>0</v>
      </c>
      <c r="EB33" s="71">
        <v>3</v>
      </c>
      <c r="EC33" s="72">
        <v>13</v>
      </c>
      <c r="ED33" s="73">
        <v>19</v>
      </c>
      <c r="EE33" s="70">
        <v>10</v>
      </c>
      <c r="EF33" s="71">
        <v>1</v>
      </c>
      <c r="EG33" s="72">
        <v>11</v>
      </c>
      <c r="EH33" s="241"/>
      <c r="EI33" s="71">
        <v>15</v>
      </c>
      <c r="EJ33" s="71">
        <v>6</v>
      </c>
      <c r="EK33" s="71">
        <v>15</v>
      </c>
      <c r="EL33" s="71">
        <v>5</v>
      </c>
      <c r="EM33" s="71">
        <v>2</v>
      </c>
      <c r="EN33" s="72">
        <v>43</v>
      </c>
      <c r="EO33" s="73">
        <v>54</v>
      </c>
      <c r="EP33" s="70">
        <v>14</v>
      </c>
      <c r="EQ33" s="71">
        <v>8</v>
      </c>
      <c r="ER33" s="72">
        <v>22</v>
      </c>
      <c r="ES33" s="241"/>
      <c r="ET33" s="71">
        <v>30</v>
      </c>
      <c r="EU33" s="71">
        <v>13</v>
      </c>
      <c r="EV33" s="71">
        <v>8</v>
      </c>
      <c r="EW33" s="71">
        <v>11</v>
      </c>
      <c r="EX33" s="71">
        <v>8</v>
      </c>
      <c r="EY33" s="72">
        <v>70</v>
      </c>
      <c r="EZ33" s="73">
        <v>92</v>
      </c>
      <c r="FA33" s="70">
        <v>9</v>
      </c>
      <c r="FB33" s="71">
        <v>11</v>
      </c>
      <c r="FC33" s="72">
        <v>20</v>
      </c>
      <c r="FD33" s="241"/>
      <c r="FE33" s="71">
        <v>27</v>
      </c>
      <c r="FF33" s="71">
        <v>19</v>
      </c>
      <c r="FG33" s="71">
        <v>18</v>
      </c>
      <c r="FH33" s="71">
        <v>24</v>
      </c>
      <c r="FI33" s="71">
        <v>13</v>
      </c>
      <c r="FJ33" s="72">
        <v>101</v>
      </c>
      <c r="FK33" s="73">
        <v>121</v>
      </c>
      <c r="FL33" s="70">
        <v>9</v>
      </c>
      <c r="FM33" s="71">
        <v>10</v>
      </c>
      <c r="FN33" s="72">
        <v>19</v>
      </c>
      <c r="FO33" s="241"/>
      <c r="FP33" s="71">
        <v>22</v>
      </c>
      <c r="FQ33" s="71">
        <v>22</v>
      </c>
      <c r="FR33" s="71">
        <v>34</v>
      </c>
      <c r="FS33" s="71">
        <v>29</v>
      </c>
      <c r="FT33" s="71">
        <v>8</v>
      </c>
      <c r="FU33" s="72">
        <v>115</v>
      </c>
      <c r="FV33" s="73">
        <v>134</v>
      </c>
      <c r="FW33" s="70">
        <v>1</v>
      </c>
      <c r="FX33" s="71">
        <v>0</v>
      </c>
      <c r="FY33" s="72">
        <v>1</v>
      </c>
      <c r="FZ33" s="244"/>
      <c r="GA33" s="71">
        <v>0</v>
      </c>
      <c r="GB33" s="71">
        <v>0</v>
      </c>
      <c r="GC33" s="71">
        <v>1</v>
      </c>
      <c r="GD33" s="71">
        <v>1</v>
      </c>
      <c r="GE33" s="71">
        <v>1</v>
      </c>
      <c r="GF33" s="72">
        <v>3</v>
      </c>
      <c r="GG33" s="73">
        <v>4</v>
      </c>
      <c r="GH33" s="70">
        <v>45</v>
      </c>
      <c r="GI33" s="71">
        <v>35</v>
      </c>
      <c r="GJ33" s="72">
        <v>80</v>
      </c>
      <c r="GK33" s="244"/>
      <c r="GL33" s="71">
        <v>99</v>
      </c>
      <c r="GM33" s="71">
        <v>65</v>
      </c>
      <c r="GN33" s="71">
        <v>81</v>
      </c>
      <c r="GO33" s="71">
        <v>71</v>
      </c>
      <c r="GP33" s="71">
        <v>36</v>
      </c>
      <c r="GQ33" s="72">
        <v>352</v>
      </c>
      <c r="GR33" s="73">
        <v>432</v>
      </c>
      <c r="GS33" s="123">
        <v>62</v>
      </c>
      <c r="GT33" s="82">
        <v>49</v>
      </c>
      <c r="GU33" s="83">
        <v>111</v>
      </c>
      <c r="GV33" s="241"/>
      <c r="GW33" s="82">
        <v>143</v>
      </c>
      <c r="GX33" s="82">
        <v>97</v>
      </c>
      <c r="GY33" s="82">
        <v>109</v>
      </c>
      <c r="GZ33" s="82">
        <v>100</v>
      </c>
      <c r="HA33" s="82">
        <v>46</v>
      </c>
      <c r="HB33" s="84">
        <v>495</v>
      </c>
      <c r="HC33" s="85">
        <v>606</v>
      </c>
      <c r="HD33" s="70">
        <v>3</v>
      </c>
      <c r="HE33" s="71">
        <v>0</v>
      </c>
      <c r="HF33" s="72">
        <v>3</v>
      </c>
      <c r="HG33" s="241"/>
      <c r="HH33" s="71">
        <v>6</v>
      </c>
      <c r="HI33" s="71">
        <v>5</v>
      </c>
      <c r="HJ33" s="71">
        <v>4</v>
      </c>
      <c r="HK33" s="71">
        <v>3</v>
      </c>
      <c r="HL33" s="71">
        <v>2</v>
      </c>
      <c r="HM33" s="72">
        <v>20</v>
      </c>
      <c r="HN33" s="73">
        <v>23</v>
      </c>
      <c r="HO33" s="70">
        <v>7</v>
      </c>
      <c r="HP33" s="71">
        <v>7</v>
      </c>
      <c r="HQ33" s="72">
        <v>14</v>
      </c>
      <c r="HR33" s="241"/>
      <c r="HS33" s="71">
        <v>9</v>
      </c>
      <c r="HT33" s="71">
        <v>8</v>
      </c>
      <c r="HU33" s="71">
        <v>5</v>
      </c>
      <c r="HV33" s="71">
        <v>4</v>
      </c>
      <c r="HW33" s="71">
        <v>5</v>
      </c>
      <c r="HX33" s="72">
        <v>31</v>
      </c>
      <c r="HY33" s="73">
        <v>45</v>
      </c>
      <c r="HZ33" s="70">
        <v>12</v>
      </c>
      <c r="IA33" s="71">
        <v>1</v>
      </c>
      <c r="IB33" s="72">
        <v>13</v>
      </c>
      <c r="IC33" s="241"/>
      <c r="ID33" s="71">
        <v>18</v>
      </c>
      <c r="IE33" s="71">
        <v>9</v>
      </c>
      <c r="IF33" s="71">
        <v>19</v>
      </c>
      <c r="IG33" s="71">
        <v>10</v>
      </c>
      <c r="IH33" s="71">
        <v>3</v>
      </c>
      <c r="II33" s="72">
        <v>59</v>
      </c>
      <c r="IJ33" s="73">
        <v>72</v>
      </c>
      <c r="IK33" s="70">
        <v>16</v>
      </c>
      <c r="IL33" s="71">
        <v>13</v>
      </c>
      <c r="IM33" s="72">
        <v>29</v>
      </c>
      <c r="IN33" s="241"/>
      <c r="IO33" s="71">
        <v>39</v>
      </c>
      <c r="IP33" s="71">
        <v>21</v>
      </c>
      <c r="IQ33" s="71">
        <v>16</v>
      </c>
      <c r="IR33" s="71">
        <v>16</v>
      </c>
      <c r="IS33" s="71">
        <v>9</v>
      </c>
      <c r="IT33" s="72">
        <v>101</v>
      </c>
      <c r="IU33" s="73">
        <v>130</v>
      </c>
      <c r="IV33" s="70">
        <v>13</v>
      </c>
      <c r="IW33" s="71">
        <v>15</v>
      </c>
      <c r="IX33" s="72">
        <v>28</v>
      </c>
      <c r="IY33" s="241"/>
      <c r="IZ33" s="71">
        <v>39</v>
      </c>
      <c r="JA33" s="71">
        <v>26</v>
      </c>
      <c r="JB33" s="71">
        <v>22</v>
      </c>
      <c r="JC33" s="71">
        <v>30</v>
      </c>
      <c r="JD33" s="71">
        <v>17</v>
      </c>
      <c r="JE33" s="72">
        <v>134</v>
      </c>
      <c r="JF33" s="73">
        <v>162</v>
      </c>
      <c r="JG33" s="70">
        <v>11</v>
      </c>
      <c r="JH33" s="71">
        <v>13</v>
      </c>
      <c r="JI33" s="72">
        <v>24</v>
      </c>
      <c r="JJ33" s="244"/>
      <c r="JK33" s="71">
        <v>32</v>
      </c>
      <c r="JL33" s="71">
        <v>28</v>
      </c>
      <c r="JM33" s="71">
        <v>43</v>
      </c>
      <c r="JN33" s="71">
        <v>37</v>
      </c>
      <c r="JO33" s="71">
        <v>10</v>
      </c>
      <c r="JP33" s="72">
        <v>150</v>
      </c>
      <c r="JQ33" s="73">
        <v>174</v>
      </c>
      <c r="JR33" s="70">
        <v>1</v>
      </c>
      <c r="JS33" s="71">
        <v>0</v>
      </c>
      <c r="JT33" s="72">
        <v>1</v>
      </c>
      <c r="JU33" s="244"/>
      <c r="JV33" s="71">
        <v>1</v>
      </c>
      <c r="JW33" s="71">
        <v>0</v>
      </c>
      <c r="JX33" s="71">
        <v>4</v>
      </c>
      <c r="JY33" s="71">
        <v>1</v>
      </c>
      <c r="JZ33" s="71">
        <v>3</v>
      </c>
      <c r="KA33" s="72">
        <v>9</v>
      </c>
      <c r="KB33" s="73">
        <v>10</v>
      </c>
      <c r="KC33" s="70">
        <v>63</v>
      </c>
      <c r="KD33" s="71">
        <v>49</v>
      </c>
      <c r="KE33" s="72">
        <v>112</v>
      </c>
      <c r="KF33" s="244"/>
      <c r="KG33" s="71">
        <v>144</v>
      </c>
      <c r="KH33" s="71">
        <v>97</v>
      </c>
      <c r="KI33" s="71">
        <v>113</v>
      </c>
      <c r="KJ33" s="71">
        <v>101</v>
      </c>
      <c r="KK33" s="71">
        <v>49</v>
      </c>
      <c r="KL33" s="72">
        <v>504</v>
      </c>
      <c r="KM33" s="73">
        <v>616</v>
      </c>
    </row>
    <row r="34" spans="2:299" ht="19.5" customHeight="1" x14ac:dyDescent="0.2">
      <c r="B34" s="126" t="s">
        <v>31</v>
      </c>
      <c r="C34" s="315">
        <v>23</v>
      </c>
      <c r="D34" s="82">
        <v>35</v>
      </c>
      <c r="E34" s="83">
        <v>58</v>
      </c>
      <c r="F34" s="241"/>
      <c r="G34" s="82">
        <v>58</v>
      </c>
      <c r="H34" s="82">
        <v>50</v>
      </c>
      <c r="I34" s="82">
        <v>37</v>
      </c>
      <c r="J34" s="82">
        <v>29</v>
      </c>
      <c r="K34" s="82">
        <v>12</v>
      </c>
      <c r="L34" s="84">
        <v>186</v>
      </c>
      <c r="M34" s="85">
        <v>244</v>
      </c>
      <c r="N34" s="70">
        <v>0</v>
      </c>
      <c r="O34" s="71">
        <v>0</v>
      </c>
      <c r="P34" s="72">
        <v>0</v>
      </c>
      <c r="Q34" s="241"/>
      <c r="R34" s="71">
        <v>3</v>
      </c>
      <c r="S34" s="71">
        <v>3</v>
      </c>
      <c r="T34" s="71">
        <v>4</v>
      </c>
      <c r="U34" s="71">
        <v>3</v>
      </c>
      <c r="V34" s="71">
        <v>1</v>
      </c>
      <c r="W34" s="72">
        <v>14</v>
      </c>
      <c r="X34" s="73">
        <v>14</v>
      </c>
      <c r="Y34" s="70">
        <v>4</v>
      </c>
      <c r="Z34" s="71">
        <v>4</v>
      </c>
      <c r="AA34" s="72">
        <v>8</v>
      </c>
      <c r="AB34" s="241"/>
      <c r="AC34" s="71">
        <v>6</v>
      </c>
      <c r="AD34" s="71">
        <v>7</v>
      </c>
      <c r="AE34" s="71">
        <v>6</v>
      </c>
      <c r="AF34" s="71">
        <v>4</v>
      </c>
      <c r="AG34" s="71">
        <v>2</v>
      </c>
      <c r="AH34" s="72">
        <v>25</v>
      </c>
      <c r="AI34" s="73">
        <v>33</v>
      </c>
      <c r="AJ34" s="70">
        <v>2</v>
      </c>
      <c r="AK34" s="71">
        <v>5</v>
      </c>
      <c r="AL34" s="72">
        <v>7</v>
      </c>
      <c r="AM34" s="241"/>
      <c r="AN34" s="71">
        <v>7</v>
      </c>
      <c r="AO34" s="71">
        <v>6</v>
      </c>
      <c r="AP34" s="71">
        <v>6</v>
      </c>
      <c r="AQ34" s="71">
        <v>6</v>
      </c>
      <c r="AR34" s="71">
        <v>2</v>
      </c>
      <c r="AS34" s="72">
        <v>27</v>
      </c>
      <c r="AT34" s="73">
        <v>34</v>
      </c>
      <c r="AU34" s="70">
        <v>4</v>
      </c>
      <c r="AV34" s="71">
        <v>12</v>
      </c>
      <c r="AW34" s="72">
        <v>16</v>
      </c>
      <c r="AX34" s="241"/>
      <c r="AY34" s="71">
        <v>19</v>
      </c>
      <c r="AZ34" s="71">
        <v>16</v>
      </c>
      <c r="BA34" s="71">
        <v>4</v>
      </c>
      <c r="BB34" s="71">
        <v>2</v>
      </c>
      <c r="BC34" s="71">
        <v>2</v>
      </c>
      <c r="BD34" s="72">
        <v>43</v>
      </c>
      <c r="BE34" s="73">
        <v>59</v>
      </c>
      <c r="BF34" s="70">
        <v>6</v>
      </c>
      <c r="BG34" s="71">
        <v>8</v>
      </c>
      <c r="BH34" s="72">
        <v>14</v>
      </c>
      <c r="BI34" s="241"/>
      <c r="BJ34" s="71">
        <v>14</v>
      </c>
      <c r="BK34" s="71">
        <v>10</v>
      </c>
      <c r="BL34" s="71">
        <v>5</v>
      </c>
      <c r="BM34" s="71">
        <v>4</v>
      </c>
      <c r="BN34" s="71">
        <v>1</v>
      </c>
      <c r="BO34" s="72">
        <v>34</v>
      </c>
      <c r="BP34" s="73">
        <v>48</v>
      </c>
      <c r="BQ34" s="70">
        <v>7</v>
      </c>
      <c r="BR34" s="71">
        <v>6</v>
      </c>
      <c r="BS34" s="72">
        <v>13</v>
      </c>
      <c r="BT34" s="241"/>
      <c r="BU34" s="71">
        <v>9</v>
      </c>
      <c r="BV34" s="71">
        <v>8</v>
      </c>
      <c r="BW34" s="71">
        <v>12</v>
      </c>
      <c r="BX34" s="71">
        <v>10</v>
      </c>
      <c r="BY34" s="71">
        <v>4</v>
      </c>
      <c r="BZ34" s="72">
        <v>43</v>
      </c>
      <c r="CA34" s="73">
        <v>56</v>
      </c>
      <c r="CB34" s="70">
        <v>0</v>
      </c>
      <c r="CC34" s="71">
        <v>4</v>
      </c>
      <c r="CD34" s="72">
        <v>4</v>
      </c>
      <c r="CE34" s="241"/>
      <c r="CF34" s="71">
        <v>3</v>
      </c>
      <c r="CG34" s="71">
        <v>1</v>
      </c>
      <c r="CH34" s="71">
        <v>0</v>
      </c>
      <c r="CI34" s="71">
        <v>1</v>
      </c>
      <c r="CJ34" s="71">
        <v>1</v>
      </c>
      <c r="CK34" s="72">
        <v>6</v>
      </c>
      <c r="CL34" s="73">
        <v>10</v>
      </c>
      <c r="CM34" s="70">
        <v>23</v>
      </c>
      <c r="CN34" s="71">
        <v>39</v>
      </c>
      <c r="CO34" s="72">
        <v>62</v>
      </c>
      <c r="CP34" s="241"/>
      <c r="CQ34" s="71">
        <v>61</v>
      </c>
      <c r="CR34" s="71">
        <v>51</v>
      </c>
      <c r="CS34" s="71">
        <v>37</v>
      </c>
      <c r="CT34" s="71">
        <v>30</v>
      </c>
      <c r="CU34" s="71">
        <v>13</v>
      </c>
      <c r="CV34" s="72">
        <v>192</v>
      </c>
      <c r="CW34" s="73">
        <v>254</v>
      </c>
      <c r="CX34" s="123">
        <v>50</v>
      </c>
      <c r="CY34" s="82">
        <v>84</v>
      </c>
      <c r="CZ34" s="83">
        <v>134</v>
      </c>
      <c r="DA34" s="241"/>
      <c r="DB34" s="82">
        <v>109</v>
      </c>
      <c r="DC34" s="82">
        <v>86</v>
      </c>
      <c r="DD34" s="82">
        <v>89</v>
      </c>
      <c r="DE34" s="82">
        <v>58</v>
      </c>
      <c r="DF34" s="82">
        <v>43</v>
      </c>
      <c r="DG34" s="84">
        <v>385</v>
      </c>
      <c r="DH34" s="85">
        <v>519</v>
      </c>
      <c r="DI34" s="70">
        <v>0</v>
      </c>
      <c r="DJ34" s="71">
        <v>4</v>
      </c>
      <c r="DK34" s="72">
        <v>4</v>
      </c>
      <c r="DL34" s="241"/>
      <c r="DM34" s="71">
        <v>1</v>
      </c>
      <c r="DN34" s="71">
        <v>1</v>
      </c>
      <c r="DO34" s="71">
        <v>0</v>
      </c>
      <c r="DP34" s="71">
        <v>2</v>
      </c>
      <c r="DQ34" s="71">
        <v>2</v>
      </c>
      <c r="DR34" s="72">
        <v>6</v>
      </c>
      <c r="DS34" s="73">
        <v>10</v>
      </c>
      <c r="DT34" s="70">
        <v>1</v>
      </c>
      <c r="DU34" s="71">
        <v>5</v>
      </c>
      <c r="DV34" s="72">
        <v>6</v>
      </c>
      <c r="DW34" s="241"/>
      <c r="DX34" s="71">
        <v>14</v>
      </c>
      <c r="DY34" s="71">
        <v>6</v>
      </c>
      <c r="DZ34" s="71">
        <v>4</v>
      </c>
      <c r="EA34" s="71">
        <v>6</v>
      </c>
      <c r="EB34" s="71">
        <v>2</v>
      </c>
      <c r="EC34" s="72">
        <v>32</v>
      </c>
      <c r="ED34" s="73">
        <v>38</v>
      </c>
      <c r="EE34" s="70">
        <v>5</v>
      </c>
      <c r="EF34" s="71">
        <v>11</v>
      </c>
      <c r="EG34" s="72">
        <v>16</v>
      </c>
      <c r="EH34" s="241"/>
      <c r="EI34" s="71">
        <v>10</v>
      </c>
      <c r="EJ34" s="71">
        <v>3</v>
      </c>
      <c r="EK34" s="71">
        <v>3</v>
      </c>
      <c r="EL34" s="71">
        <v>5</v>
      </c>
      <c r="EM34" s="71">
        <v>1</v>
      </c>
      <c r="EN34" s="72">
        <v>22</v>
      </c>
      <c r="EO34" s="73">
        <v>38</v>
      </c>
      <c r="EP34" s="70">
        <v>18</v>
      </c>
      <c r="EQ34" s="71">
        <v>17</v>
      </c>
      <c r="ER34" s="72">
        <v>35</v>
      </c>
      <c r="ES34" s="241"/>
      <c r="ET34" s="71">
        <v>19</v>
      </c>
      <c r="EU34" s="71">
        <v>17</v>
      </c>
      <c r="EV34" s="71">
        <v>19</v>
      </c>
      <c r="EW34" s="71">
        <v>6</v>
      </c>
      <c r="EX34" s="71">
        <v>2</v>
      </c>
      <c r="EY34" s="72">
        <v>63</v>
      </c>
      <c r="EZ34" s="73">
        <v>98</v>
      </c>
      <c r="FA34" s="70">
        <v>21</v>
      </c>
      <c r="FB34" s="71">
        <v>27</v>
      </c>
      <c r="FC34" s="72">
        <v>48</v>
      </c>
      <c r="FD34" s="241"/>
      <c r="FE34" s="71">
        <v>28</v>
      </c>
      <c r="FF34" s="71">
        <v>25</v>
      </c>
      <c r="FG34" s="71">
        <v>23</v>
      </c>
      <c r="FH34" s="71">
        <v>13</v>
      </c>
      <c r="FI34" s="71">
        <v>10</v>
      </c>
      <c r="FJ34" s="72">
        <v>99</v>
      </c>
      <c r="FK34" s="73">
        <v>147</v>
      </c>
      <c r="FL34" s="70">
        <v>5</v>
      </c>
      <c r="FM34" s="71">
        <v>20</v>
      </c>
      <c r="FN34" s="72">
        <v>25</v>
      </c>
      <c r="FO34" s="241"/>
      <c r="FP34" s="71">
        <v>37</v>
      </c>
      <c r="FQ34" s="71">
        <v>34</v>
      </c>
      <c r="FR34" s="71">
        <v>40</v>
      </c>
      <c r="FS34" s="71">
        <v>26</v>
      </c>
      <c r="FT34" s="71">
        <v>26</v>
      </c>
      <c r="FU34" s="72">
        <v>163</v>
      </c>
      <c r="FV34" s="73">
        <v>188</v>
      </c>
      <c r="FW34" s="70">
        <v>0</v>
      </c>
      <c r="FX34" s="71">
        <v>0</v>
      </c>
      <c r="FY34" s="72">
        <v>0</v>
      </c>
      <c r="FZ34" s="244"/>
      <c r="GA34" s="71">
        <v>2</v>
      </c>
      <c r="GB34" s="71">
        <v>0</v>
      </c>
      <c r="GC34" s="71">
        <v>1</v>
      </c>
      <c r="GD34" s="71">
        <v>1</v>
      </c>
      <c r="GE34" s="71">
        <v>1</v>
      </c>
      <c r="GF34" s="72">
        <v>5</v>
      </c>
      <c r="GG34" s="73">
        <v>5</v>
      </c>
      <c r="GH34" s="70">
        <v>50</v>
      </c>
      <c r="GI34" s="71">
        <v>84</v>
      </c>
      <c r="GJ34" s="72">
        <v>134</v>
      </c>
      <c r="GK34" s="244"/>
      <c r="GL34" s="71">
        <v>111</v>
      </c>
      <c r="GM34" s="71">
        <v>86</v>
      </c>
      <c r="GN34" s="71">
        <v>90</v>
      </c>
      <c r="GO34" s="71">
        <v>59</v>
      </c>
      <c r="GP34" s="71">
        <v>44</v>
      </c>
      <c r="GQ34" s="72">
        <v>390</v>
      </c>
      <c r="GR34" s="73">
        <v>524</v>
      </c>
      <c r="GS34" s="123">
        <v>73</v>
      </c>
      <c r="GT34" s="82">
        <v>119</v>
      </c>
      <c r="GU34" s="83">
        <v>192</v>
      </c>
      <c r="GV34" s="241"/>
      <c r="GW34" s="82">
        <v>167</v>
      </c>
      <c r="GX34" s="82">
        <v>136</v>
      </c>
      <c r="GY34" s="82">
        <v>126</v>
      </c>
      <c r="GZ34" s="82">
        <v>87</v>
      </c>
      <c r="HA34" s="82">
        <v>55</v>
      </c>
      <c r="HB34" s="84">
        <v>571</v>
      </c>
      <c r="HC34" s="85">
        <v>763</v>
      </c>
      <c r="HD34" s="70">
        <v>0</v>
      </c>
      <c r="HE34" s="71">
        <v>4</v>
      </c>
      <c r="HF34" s="72">
        <v>4</v>
      </c>
      <c r="HG34" s="241"/>
      <c r="HH34" s="71">
        <v>4</v>
      </c>
      <c r="HI34" s="71">
        <v>4</v>
      </c>
      <c r="HJ34" s="71">
        <v>4</v>
      </c>
      <c r="HK34" s="71">
        <v>5</v>
      </c>
      <c r="HL34" s="71">
        <v>3</v>
      </c>
      <c r="HM34" s="72">
        <v>20</v>
      </c>
      <c r="HN34" s="73">
        <v>24</v>
      </c>
      <c r="HO34" s="70">
        <v>5</v>
      </c>
      <c r="HP34" s="71">
        <v>9</v>
      </c>
      <c r="HQ34" s="72">
        <v>14</v>
      </c>
      <c r="HR34" s="241"/>
      <c r="HS34" s="71">
        <v>20</v>
      </c>
      <c r="HT34" s="71">
        <v>13</v>
      </c>
      <c r="HU34" s="71">
        <v>10</v>
      </c>
      <c r="HV34" s="71">
        <v>10</v>
      </c>
      <c r="HW34" s="71">
        <v>4</v>
      </c>
      <c r="HX34" s="72">
        <v>57</v>
      </c>
      <c r="HY34" s="73">
        <v>71</v>
      </c>
      <c r="HZ34" s="70">
        <v>7</v>
      </c>
      <c r="IA34" s="71">
        <v>16</v>
      </c>
      <c r="IB34" s="72">
        <v>23</v>
      </c>
      <c r="IC34" s="241"/>
      <c r="ID34" s="71">
        <v>17</v>
      </c>
      <c r="IE34" s="71">
        <v>9</v>
      </c>
      <c r="IF34" s="71">
        <v>9</v>
      </c>
      <c r="IG34" s="71">
        <v>11</v>
      </c>
      <c r="IH34" s="71">
        <v>3</v>
      </c>
      <c r="II34" s="72">
        <v>49</v>
      </c>
      <c r="IJ34" s="73">
        <v>72</v>
      </c>
      <c r="IK34" s="70">
        <v>22</v>
      </c>
      <c r="IL34" s="71">
        <v>29</v>
      </c>
      <c r="IM34" s="72">
        <v>51</v>
      </c>
      <c r="IN34" s="241"/>
      <c r="IO34" s="71">
        <v>38</v>
      </c>
      <c r="IP34" s="71">
        <v>33</v>
      </c>
      <c r="IQ34" s="71">
        <v>23</v>
      </c>
      <c r="IR34" s="71">
        <v>8</v>
      </c>
      <c r="IS34" s="71">
        <v>4</v>
      </c>
      <c r="IT34" s="72">
        <v>106</v>
      </c>
      <c r="IU34" s="73">
        <v>157</v>
      </c>
      <c r="IV34" s="70">
        <v>27</v>
      </c>
      <c r="IW34" s="71">
        <v>35</v>
      </c>
      <c r="IX34" s="72">
        <v>62</v>
      </c>
      <c r="IY34" s="241"/>
      <c r="IZ34" s="71">
        <v>42</v>
      </c>
      <c r="JA34" s="71">
        <v>35</v>
      </c>
      <c r="JB34" s="71">
        <v>28</v>
      </c>
      <c r="JC34" s="71">
        <v>17</v>
      </c>
      <c r="JD34" s="71">
        <v>11</v>
      </c>
      <c r="JE34" s="72">
        <v>133</v>
      </c>
      <c r="JF34" s="73">
        <v>195</v>
      </c>
      <c r="JG34" s="70">
        <v>12</v>
      </c>
      <c r="JH34" s="71">
        <v>26</v>
      </c>
      <c r="JI34" s="72">
        <v>38</v>
      </c>
      <c r="JJ34" s="244"/>
      <c r="JK34" s="71">
        <v>46</v>
      </c>
      <c r="JL34" s="71">
        <v>42</v>
      </c>
      <c r="JM34" s="71">
        <v>52</v>
      </c>
      <c r="JN34" s="71">
        <v>36</v>
      </c>
      <c r="JO34" s="71">
        <v>30</v>
      </c>
      <c r="JP34" s="72">
        <v>206</v>
      </c>
      <c r="JQ34" s="73">
        <v>244</v>
      </c>
      <c r="JR34" s="70">
        <v>0</v>
      </c>
      <c r="JS34" s="71">
        <v>4</v>
      </c>
      <c r="JT34" s="72">
        <v>4</v>
      </c>
      <c r="JU34" s="244"/>
      <c r="JV34" s="71">
        <v>5</v>
      </c>
      <c r="JW34" s="71">
        <v>1</v>
      </c>
      <c r="JX34" s="71">
        <v>1</v>
      </c>
      <c r="JY34" s="71">
        <v>2</v>
      </c>
      <c r="JZ34" s="71">
        <v>2</v>
      </c>
      <c r="KA34" s="72">
        <v>11</v>
      </c>
      <c r="KB34" s="73">
        <v>15</v>
      </c>
      <c r="KC34" s="70">
        <v>73</v>
      </c>
      <c r="KD34" s="71">
        <v>123</v>
      </c>
      <c r="KE34" s="72">
        <v>196</v>
      </c>
      <c r="KF34" s="244"/>
      <c r="KG34" s="71">
        <v>172</v>
      </c>
      <c r="KH34" s="71">
        <v>137</v>
      </c>
      <c r="KI34" s="71">
        <v>127</v>
      </c>
      <c r="KJ34" s="71">
        <v>89</v>
      </c>
      <c r="KK34" s="71">
        <v>57</v>
      </c>
      <c r="KL34" s="72">
        <v>582</v>
      </c>
      <c r="KM34" s="73">
        <v>778</v>
      </c>
    </row>
    <row r="35" spans="2:299" ht="19.5" customHeight="1" x14ac:dyDescent="0.2">
      <c r="B35" s="126" t="s">
        <v>32</v>
      </c>
      <c r="C35" s="315">
        <v>33</v>
      </c>
      <c r="D35" s="82">
        <v>23</v>
      </c>
      <c r="E35" s="83">
        <v>56</v>
      </c>
      <c r="F35" s="241"/>
      <c r="G35" s="82">
        <v>64</v>
      </c>
      <c r="H35" s="82">
        <v>60</v>
      </c>
      <c r="I35" s="82">
        <v>37</v>
      </c>
      <c r="J35" s="82">
        <v>28</v>
      </c>
      <c r="K35" s="82">
        <v>21</v>
      </c>
      <c r="L35" s="84">
        <v>210</v>
      </c>
      <c r="M35" s="85">
        <v>266</v>
      </c>
      <c r="N35" s="70">
        <v>3</v>
      </c>
      <c r="O35" s="71">
        <v>2</v>
      </c>
      <c r="P35" s="72">
        <v>5</v>
      </c>
      <c r="Q35" s="241"/>
      <c r="R35" s="71">
        <v>5</v>
      </c>
      <c r="S35" s="71">
        <v>2</v>
      </c>
      <c r="T35" s="71">
        <v>1</v>
      </c>
      <c r="U35" s="71">
        <v>3</v>
      </c>
      <c r="V35" s="71">
        <v>1</v>
      </c>
      <c r="W35" s="72">
        <v>12</v>
      </c>
      <c r="X35" s="73">
        <v>17</v>
      </c>
      <c r="Y35" s="70">
        <v>10</v>
      </c>
      <c r="Z35" s="71">
        <v>1</v>
      </c>
      <c r="AA35" s="72">
        <v>11</v>
      </c>
      <c r="AB35" s="241"/>
      <c r="AC35" s="71">
        <v>3</v>
      </c>
      <c r="AD35" s="71">
        <v>3</v>
      </c>
      <c r="AE35" s="71">
        <v>4</v>
      </c>
      <c r="AF35" s="71">
        <v>4</v>
      </c>
      <c r="AG35" s="71">
        <v>2</v>
      </c>
      <c r="AH35" s="72">
        <v>16</v>
      </c>
      <c r="AI35" s="73">
        <v>27</v>
      </c>
      <c r="AJ35" s="70">
        <v>4</v>
      </c>
      <c r="AK35" s="71">
        <v>0</v>
      </c>
      <c r="AL35" s="72">
        <v>4</v>
      </c>
      <c r="AM35" s="241"/>
      <c r="AN35" s="71">
        <v>9</v>
      </c>
      <c r="AO35" s="71">
        <v>12</v>
      </c>
      <c r="AP35" s="71">
        <v>3</v>
      </c>
      <c r="AQ35" s="71">
        <v>2</v>
      </c>
      <c r="AR35" s="71">
        <v>8</v>
      </c>
      <c r="AS35" s="72">
        <v>34</v>
      </c>
      <c r="AT35" s="73">
        <v>38</v>
      </c>
      <c r="AU35" s="70">
        <v>7</v>
      </c>
      <c r="AV35" s="71">
        <v>7</v>
      </c>
      <c r="AW35" s="72">
        <v>14</v>
      </c>
      <c r="AX35" s="241"/>
      <c r="AY35" s="71">
        <v>18</v>
      </c>
      <c r="AZ35" s="71">
        <v>17</v>
      </c>
      <c r="BA35" s="71">
        <v>10</v>
      </c>
      <c r="BB35" s="71">
        <v>8</v>
      </c>
      <c r="BC35" s="71">
        <v>5</v>
      </c>
      <c r="BD35" s="72">
        <v>58</v>
      </c>
      <c r="BE35" s="73">
        <v>72</v>
      </c>
      <c r="BF35" s="70">
        <v>7</v>
      </c>
      <c r="BG35" s="71">
        <v>8</v>
      </c>
      <c r="BH35" s="72">
        <v>15</v>
      </c>
      <c r="BI35" s="241"/>
      <c r="BJ35" s="71">
        <v>18</v>
      </c>
      <c r="BK35" s="71">
        <v>15</v>
      </c>
      <c r="BL35" s="71">
        <v>12</v>
      </c>
      <c r="BM35" s="71">
        <v>8</v>
      </c>
      <c r="BN35" s="71">
        <v>4</v>
      </c>
      <c r="BO35" s="72">
        <v>57</v>
      </c>
      <c r="BP35" s="73">
        <v>72</v>
      </c>
      <c r="BQ35" s="70">
        <v>2</v>
      </c>
      <c r="BR35" s="71">
        <v>5</v>
      </c>
      <c r="BS35" s="72">
        <v>7</v>
      </c>
      <c r="BT35" s="241"/>
      <c r="BU35" s="71">
        <v>11</v>
      </c>
      <c r="BV35" s="71">
        <v>11</v>
      </c>
      <c r="BW35" s="71">
        <v>7</v>
      </c>
      <c r="BX35" s="71">
        <v>3</v>
      </c>
      <c r="BY35" s="71">
        <v>1</v>
      </c>
      <c r="BZ35" s="72">
        <v>33</v>
      </c>
      <c r="CA35" s="73">
        <v>40</v>
      </c>
      <c r="CB35" s="70">
        <v>1</v>
      </c>
      <c r="CC35" s="71">
        <v>1</v>
      </c>
      <c r="CD35" s="72">
        <v>2</v>
      </c>
      <c r="CE35" s="241"/>
      <c r="CF35" s="71">
        <v>6</v>
      </c>
      <c r="CG35" s="71">
        <v>5</v>
      </c>
      <c r="CH35" s="71">
        <v>2</v>
      </c>
      <c r="CI35" s="71">
        <v>2</v>
      </c>
      <c r="CJ35" s="71">
        <v>3</v>
      </c>
      <c r="CK35" s="72">
        <v>18</v>
      </c>
      <c r="CL35" s="73">
        <v>20</v>
      </c>
      <c r="CM35" s="70">
        <v>34</v>
      </c>
      <c r="CN35" s="71">
        <v>24</v>
      </c>
      <c r="CO35" s="72">
        <v>58</v>
      </c>
      <c r="CP35" s="241"/>
      <c r="CQ35" s="71">
        <v>70</v>
      </c>
      <c r="CR35" s="71">
        <v>65</v>
      </c>
      <c r="CS35" s="71">
        <v>39</v>
      </c>
      <c r="CT35" s="71">
        <v>30</v>
      </c>
      <c r="CU35" s="71">
        <v>24</v>
      </c>
      <c r="CV35" s="72">
        <v>228</v>
      </c>
      <c r="CW35" s="73">
        <v>286</v>
      </c>
      <c r="CX35" s="123">
        <v>44</v>
      </c>
      <c r="CY35" s="82">
        <v>67</v>
      </c>
      <c r="CZ35" s="83">
        <v>111</v>
      </c>
      <c r="DA35" s="241"/>
      <c r="DB35" s="82">
        <v>127</v>
      </c>
      <c r="DC35" s="82">
        <v>84</v>
      </c>
      <c r="DD35" s="82">
        <v>80</v>
      </c>
      <c r="DE35" s="82">
        <v>69</v>
      </c>
      <c r="DF35" s="82">
        <v>38</v>
      </c>
      <c r="DG35" s="84">
        <v>398</v>
      </c>
      <c r="DH35" s="85">
        <v>509</v>
      </c>
      <c r="DI35" s="70">
        <v>2</v>
      </c>
      <c r="DJ35" s="71">
        <v>2</v>
      </c>
      <c r="DK35" s="72">
        <v>4</v>
      </c>
      <c r="DL35" s="241"/>
      <c r="DM35" s="71">
        <v>2</v>
      </c>
      <c r="DN35" s="71">
        <v>3</v>
      </c>
      <c r="DO35" s="71">
        <v>1</v>
      </c>
      <c r="DP35" s="71">
        <v>1</v>
      </c>
      <c r="DQ35" s="71">
        <v>2</v>
      </c>
      <c r="DR35" s="72">
        <v>9</v>
      </c>
      <c r="DS35" s="73">
        <v>13</v>
      </c>
      <c r="DT35" s="70">
        <v>3</v>
      </c>
      <c r="DU35" s="71">
        <v>3</v>
      </c>
      <c r="DV35" s="72">
        <v>6</v>
      </c>
      <c r="DW35" s="241"/>
      <c r="DX35" s="71">
        <v>10</v>
      </c>
      <c r="DY35" s="71">
        <v>1</v>
      </c>
      <c r="DZ35" s="71">
        <v>3</v>
      </c>
      <c r="EA35" s="71">
        <v>4</v>
      </c>
      <c r="EB35" s="71">
        <v>2</v>
      </c>
      <c r="EC35" s="72">
        <v>20</v>
      </c>
      <c r="ED35" s="73">
        <v>26</v>
      </c>
      <c r="EE35" s="70">
        <v>6</v>
      </c>
      <c r="EF35" s="71">
        <v>10</v>
      </c>
      <c r="EG35" s="72">
        <v>16</v>
      </c>
      <c r="EH35" s="241"/>
      <c r="EI35" s="71">
        <v>15</v>
      </c>
      <c r="EJ35" s="71">
        <v>5</v>
      </c>
      <c r="EK35" s="71">
        <v>5</v>
      </c>
      <c r="EL35" s="71">
        <v>3</v>
      </c>
      <c r="EM35" s="71">
        <v>5</v>
      </c>
      <c r="EN35" s="72">
        <v>33</v>
      </c>
      <c r="EO35" s="73">
        <v>49</v>
      </c>
      <c r="EP35" s="70">
        <v>13</v>
      </c>
      <c r="EQ35" s="71">
        <v>16</v>
      </c>
      <c r="ER35" s="72">
        <v>29</v>
      </c>
      <c r="ES35" s="241"/>
      <c r="ET35" s="71">
        <v>27</v>
      </c>
      <c r="EU35" s="71">
        <v>21</v>
      </c>
      <c r="EV35" s="71">
        <v>17</v>
      </c>
      <c r="EW35" s="71">
        <v>8</v>
      </c>
      <c r="EX35" s="71">
        <v>8</v>
      </c>
      <c r="EY35" s="72">
        <v>81</v>
      </c>
      <c r="EZ35" s="73">
        <v>110</v>
      </c>
      <c r="FA35" s="70">
        <v>13</v>
      </c>
      <c r="FB35" s="71">
        <v>14</v>
      </c>
      <c r="FC35" s="72">
        <v>27</v>
      </c>
      <c r="FD35" s="241"/>
      <c r="FE35" s="71">
        <v>40</v>
      </c>
      <c r="FF35" s="71">
        <v>18</v>
      </c>
      <c r="FG35" s="71">
        <v>22</v>
      </c>
      <c r="FH35" s="71">
        <v>21</v>
      </c>
      <c r="FI35" s="71">
        <v>6</v>
      </c>
      <c r="FJ35" s="72">
        <v>107</v>
      </c>
      <c r="FK35" s="73">
        <v>134</v>
      </c>
      <c r="FL35" s="70">
        <v>7</v>
      </c>
      <c r="FM35" s="71">
        <v>22</v>
      </c>
      <c r="FN35" s="72">
        <v>29</v>
      </c>
      <c r="FO35" s="241"/>
      <c r="FP35" s="71">
        <v>33</v>
      </c>
      <c r="FQ35" s="71">
        <v>36</v>
      </c>
      <c r="FR35" s="71">
        <v>32</v>
      </c>
      <c r="FS35" s="71">
        <v>32</v>
      </c>
      <c r="FT35" s="71">
        <v>15</v>
      </c>
      <c r="FU35" s="72">
        <v>148</v>
      </c>
      <c r="FV35" s="73">
        <v>177</v>
      </c>
      <c r="FW35" s="70">
        <v>1</v>
      </c>
      <c r="FX35" s="71">
        <v>2</v>
      </c>
      <c r="FY35" s="72">
        <v>3</v>
      </c>
      <c r="FZ35" s="244"/>
      <c r="GA35" s="71">
        <v>3</v>
      </c>
      <c r="GB35" s="71">
        <v>3</v>
      </c>
      <c r="GC35" s="71">
        <v>1</v>
      </c>
      <c r="GD35" s="71">
        <v>0</v>
      </c>
      <c r="GE35" s="71">
        <v>3</v>
      </c>
      <c r="GF35" s="72">
        <v>10</v>
      </c>
      <c r="GG35" s="73">
        <v>13</v>
      </c>
      <c r="GH35" s="70">
        <v>45</v>
      </c>
      <c r="GI35" s="71">
        <v>69</v>
      </c>
      <c r="GJ35" s="72">
        <v>114</v>
      </c>
      <c r="GK35" s="244"/>
      <c r="GL35" s="71">
        <v>130</v>
      </c>
      <c r="GM35" s="71">
        <v>87</v>
      </c>
      <c r="GN35" s="71">
        <v>81</v>
      </c>
      <c r="GO35" s="71">
        <v>69</v>
      </c>
      <c r="GP35" s="71">
        <v>41</v>
      </c>
      <c r="GQ35" s="72">
        <v>408</v>
      </c>
      <c r="GR35" s="73">
        <v>522</v>
      </c>
      <c r="GS35" s="123">
        <v>77</v>
      </c>
      <c r="GT35" s="82">
        <v>90</v>
      </c>
      <c r="GU35" s="83">
        <v>167</v>
      </c>
      <c r="GV35" s="241"/>
      <c r="GW35" s="82">
        <v>191</v>
      </c>
      <c r="GX35" s="82">
        <v>144</v>
      </c>
      <c r="GY35" s="82">
        <v>117</v>
      </c>
      <c r="GZ35" s="82">
        <v>97</v>
      </c>
      <c r="HA35" s="82">
        <v>59</v>
      </c>
      <c r="HB35" s="84">
        <v>608</v>
      </c>
      <c r="HC35" s="85">
        <v>775</v>
      </c>
      <c r="HD35" s="70">
        <v>5</v>
      </c>
      <c r="HE35" s="71">
        <v>4</v>
      </c>
      <c r="HF35" s="72">
        <v>9</v>
      </c>
      <c r="HG35" s="241"/>
      <c r="HH35" s="71">
        <v>7</v>
      </c>
      <c r="HI35" s="71">
        <v>5</v>
      </c>
      <c r="HJ35" s="71">
        <v>2</v>
      </c>
      <c r="HK35" s="71">
        <v>4</v>
      </c>
      <c r="HL35" s="71">
        <v>3</v>
      </c>
      <c r="HM35" s="72">
        <v>21</v>
      </c>
      <c r="HN35" s="73">
        <v>30</v>
      </c>
      <c r="HO35" s="70">
        <v>13</v>
      </c>
      <c r="HP35" s="71">
        <v>4</v>
      </c>
      <c r="HQ35" s="72">
        <v>17</v>
      </c>
      <c r="HR35" s="241"/>
      <c r="HS35" s="71">
        <v>13</v>
      </c>
      <c r="HT35" s="71">
        <v>4</v>
      </c>
      <c r="HU35" s="71">
        <v>7</v>
      </c>
      <c r="HV35" s="71">
        <v>8</v>
      </c>
      <c r="HW35" s="71">
        <v>4</v>
      </c>
      <c r="HX35" s="72">
        <v>36</v>
      </c>
      <c r="HY35" s="73">
        <v>53</v>
      </c>
      <c r="HZ35" s="70">
        <v>10</v>
      </c>
      <c r="IA35" s="71">
        <v>10</v>
      </c>
      <c r="IB35" s="72">
        <v>20</v>
      </c>
      <c r="IC35" s="241"/>
      <c r="ID35" s="71">
        <v>24</v>
      </c>
      <c r="IE35" s="71">
        <v>17</v>
      </c>
      <c r="IF35" s="71">
        <v>8</v>
      </c>
      <c r="IG35" s="71">
        <v>5</v>
      </c>
      <c r="IH35" s="71">
        <v>13</v>
      </c>
      <c r="II35" s="72">
        <v>67</v>
      </c>
      <c r="IJ35" s="73">
        <v>87</v>
      </c>
      <c r="IK35" s="70">
        <v>20</v>
      </c>
      <c r="IL35" s="71">
        <v>23</v>
      </c>
      <c r="IM35" s="72">
        <v>43</v>
      </c>
      <c r="IN35" s="241"/>
      <c r="IO35" s="71">
        <v>45</v>
      </c>
      <c r="IP35" s="71">
        <v>38</v>
      </c>
      <c r="IQ35" s="71">
        <v>27</v>
      </c>
      <c r="IR35" s="71">
        <v>16</v>
      </c>
      <c r="IS35" s="71">
        <v>13</v>
      </c>
      <c r="IT35" s="72">
        <v>139</v>
      </c>
      <c r="IU35" s="73">
        <v>182</v>
      </c>
      <c r="IV35" s="70">
        <v>20</v>
      </c>
      <c r="IW35" s="71">
        <v>22</v>
      </c>
      <c r="IX35" s="72">
        <v>42</v>
      </c>
      <c r="IY35" s="241"/>
      <c r="IZ35" s="71">
        <v>58</v>
      </c>
      <c r="JA35" s="71">
        <v>33</v>
      </c>
      <c r="JB35" s="71">
        <v>34</v>
      </c>
      <c r="JC35" s="71">
        <v>29</v>
      </c>
      <c r="JD35" s="71">
        <v>10</v>
      </c>
      <c r="JE35" s="72">
        <v>164</v>
      </c>
      <c r="JF35" s="73">
        <v>206</v>
      </c>
      <c r="JG35" s="70">
        <v>9</v>
      </c>
      <c r="JH35" s="71">
        <v>27</v>
      </c>
      <c r="JI35" s="72">
        <v>36</v>
      </c>
      <c r="JJ35" s="244"/>
      <c r="JK35" s="71">
        <v>44</v>
      </c>
      <c r="JL35" s="71">
        <v>47</v>
      </c>
      <c r="JM35" s="71">
        <v>39</v>
      </c>
      <c r="JN35" s="71">
        <v>35</v>
      </c>
      <c r="JO35" s="71">
        <v>16</v>
      </c>
      <c r="JP35" s="72">
        <v>181</v>
      </c>
      <c r="JQ35" s="73">
        <v>217</v>
      </c>
      <c r="JR35" s="70">
        <v>2</v>
      </c>
      <c r="JS35" s="71">
        <v>3</v>
      </c>
      <c r="JT35" s="72">
        <v>5</v>
      </c>
      <c r="JU35" s="244"/>
      <c r="JV35" s="71">
        <v>9</v>
      </c>
      <c r="JW35" s="71">
        <v>8</v>
      </c>
      <c r="JX35" s="71">
        <v>3</v>
      </c>
      <c r="JY35" s="71">
        <v>2</v>
      </c>
      <c r="JZ35" s="71">
        <v>6</v>
      </c>
      <c r="KA35" s="72">
        <v>28</v>
      </c>
      <c r="KB35" s="73">
        <v>33</v>
      </c>
      <c r="KC35" s="70">
        <v>79</v>
      </c>
      <c r="KD35" s="71">
        <v>93</v>
      </c>
      <c r="KE35" s="72">
        <v>172</v>
      </c>
      <c r="KF35" s="244"/>
      <c r="KG35" s="71">
        <v>200</v>
      </c>
      <c r="KH35" s="71">
        <v>152</v>
      </c>
      <c r="KI35" s="71">
        <v>120</v>
      </c>
      <c r="KJ35" s="71">
        <v>99</v>
      </c>
      <c r="KK35" s="71">
        <v>65</v>
      </c>
      <c r="KL35" s="72">
        <v>636</v>
      </c>
      <c r="KM35" s="73">
        <v>808</v>
      </c>
    </row>
    <row r="36" spans="2:299" ht="19.5" customHeight="1" x14ac:dyDescent="0.2">
      <c r="B36" s="126" t="s">
        <v>33</v>
      </c>
      <c r="C36" s="315">
        <v>33</v>
      </c>
      <c r="D36" s="82">
        <v>19</v>
      </c>
      <c r="E36" s="83">
        <v>52</v>
      </c>
      <c r="F36" s="241"/>
      <c r="G36" s="82">
        <v>55</v>
      </c>
      <c r="H36" s="82">
        <v>40</v>
      </c>
      <c r="I36" s="82">
        <v>32</v>
      </c>
      <c r="J36" s="82">
        <v>29</v>
      </c>
      <c r="K36" s="82">
        <v>14</v>
      </c>
      <c r="L36" s="84">
        <v>170</v>
      </c>
      <c r="M36" s="85">
        <v>222</v>
      </c>
      <c r="N36" s="70">
        <v>1</v>
      </c>
      <c r="O36" s="71">
        <v>1</v>
      </c>
      <c r="P36" s="72">
        <v>2</v>
      </c>
      <c r="Q36" s="241"/>
      <c r="R36" s="71">
        <v>3</v>
      </c>
      <c r="S36" s="71">
        <v>1</v>
      </c>
      <c r="T36" s="71">
        <v>3</v>
      </c>
      <c r="U36" s="71">
        <v>2</v>
      </c>
      <c r="V36" s="71">
        <v>0</v>
      </c>
      <c r="W36" s="72">
        <v>9</v>
      </c>
      <c r="X36" s="73">
        <v>11</v>
      </c>
      <c r="Y36" s="70">
        <v>5</v>
      </c>
      <c r="Z36" s="71">
        <v>5</v>
      </c>
      <c r="AA36" s="72">
        <v>10</v>
      </c>
      <c r="AB36" s="241"/>
      <c r="AC36" s="71">
        <v>4</v>
      </c>
      <c r="AD36" s="71">
        <v>9</v>
      </c>
      <c r="AE36" s="71">
        <v>5</v>
      </c>
      <c r="AF36" s="71">
        <v>10</v>
      </c>
      <c r="AG36" s="71">
        <v>5</v>
      </c>
      <c r="AH36" s="72">
        <v>33</v>
      </c>
      <c r="AI36" s="73">
        <v>43</v>
      </c>
      <c r="AJ36" s="70">
        <v>6</v>
      </c>
      <c r="AK36" s="71">
        <v>3</v>
      </c>
      <c r="AL36" s="72">
        <v>9</v>
      </c>
      <c r="AM36" s="241"/>
      <c r="AN36" s="71">
        <v>12</v>
      </c>
      <c r="AO36" s="71">
        <v>6</v>
      </c>
      <c r="AP36" s="71">
        <v>7</v>
      </c>
      <c r="AQ36" s="71">
        <v>6</v>
      </c>
      <c r="AR36" s="71">
        <v>4</v>
      </c>
      <c r="AS36" s="72">
        <v>35</v>
      </c>
      <c r="AT36" s="73">
        <v>44</v>
      </c>
      <c r="AU36" s="70">
        <v>7</v>
      </c>
      <c r="AV36" s="71">
        <v>5</v>
      </c>
      <c r="AW36" s="72">
        <v>12</v>
      </c>
      <c r="AX36" s="241"/>
      <c r="AY36" s="71">
        <v>17</v>
      </c>
      <c r="AZ36" s="71">
        <v>13</v>
      </c>
      <c r="BA36" s="71">
        <v>4</v>
      </c>
      <c r="BB36" s="71">
        <v>3</v>
      </c>
      <c r="BC36" s="71">
        <v>1</v>
      </c>
      <c r="BD36" s="72">
        <v>38</v>
      </c>
      <c r="BE36" s="73">
        <v>50</v>
      </c>
      <c r="BF36" s="70">
        <v>6</v>
      </c>
      <c r="BG36" s="71">
        <v>3</v>
      </c>
      <c r="BH36" s="72">
        <v>9</v>
      </c>
      <c r="BI36" s="241"/>
      <c r="BJ36" s="71">
        <v>9</v>
      </c>
      <c r="BK36" s="71">
        <v>5</v>
      </c>
      <c r="BL36" s="71">
        <v>11</v>
      </c>
      <c r="BM36" s="71">
        <v>6</v>
      </c>
      <c r="BN36" s="71">
        <v>2</v>
      </c>
      <c r="BO36" s="72">
        <v>33</v>
      </c>
      <c r="BP36" s="73">
        <v>42</v>
      </c>
      <c r="BQ36" s="70">
        <v>8</v>
      </c>
      <c r="BR36" s="71">
        <v>2</v>
      </c>
      <c r="BS36" s="72">
        <v>10</v>
      </c>
      <c r="BT36" s="241"/>
      <c r="BU36" s="71">
        <v>10</v>
      </c>
      <c r="BV36" s="71">
        <v>6</v>
      </c>
      <c r="BW36" s="71">
        <v>2</v>
      </c>
      <c r="BX36" s="71">
        <v>2</v>
      </c>
      <c r="BY36" s="71">
        <v>2</v>
      </c>
      <c r="BZ36" s="72">
        <v>22</v>
      </c>
      <c r="CA36" s="73">
        <v>32</v>
      </c>
      <c r="CB36" s="70">
        <v>1</v>
      </c>
      <c r="CC36" s="71">
        <v>0</v>
      </c>
      <c r="CD36" s="72">
        <v>1</v>
      </c>
      <c r="CE36" s="241"/>
      <c r="CF36" s="71">
        <v>2</v>
      </c>
      <c r="CG36" s="71">
        <v>1</v>
      </c>
      <c r="CH36" s="71">
        <v>0</v>
      </c>
      <c r="CI36" s="71">
        <v>0</v>
      </c>
      <c r="CJ36" s="71">
        <v>2</v>
      </c>
      <c r="CK36" s="72">
        <v>5</v>
      </c>
      <c r="CL36" s="73">
        <v>6</v>
      </c>
      <c r="CM36" s="70">
        <v>34</v>
      </c>
      <c r="CN36" s="71">
        <v>19</v>
      </c>
      <c r="CO36" s="72">
        <v>53</v>
      </c>
      <c r="CP36" s="241"/>
      <c r="CQ36" s="71">
        <v>57</v>
      </c>
      <c r="CR36" s="71">
        <v>41</v>
      </c>
      <c r="CS36" s="71">
        <v>32</v>
      </c>
      <c r="CT36" s="71">
        <v>29</v>
      </c>
      <c r="CU36" s="71">
        <v>16</v>
      </c>
      <c r="CV36" s="72">
        <v>175</v>
      </c>
      <c r="CW36" s="73">
        <v>228</v>
      </c>
      <c r="CX36" s="123">
        <v>57</v>
      </c>
      <c r="CY36" s="82">
        <v>68</v>
      </c>
      <c r="CZ36" s="83">
        <v>125</v>
      </c>
      <c r="DA36" s="241"/>
      <c r="DB36" s="82">
        <v>118</v>
      </c>
      <c r="DC36" s="82">
        <v>83</v>
      </c>
      <c r="DD36" s="82">
        <v>73</v>
      </c>
      <c r="DE36" s="82">
        <v>74</v>
      </c>
      <c r="DF36" s="82">
        <v>55</v>
      </c>
      <c r="DG36" s="84">
        <v>403</v>
      </c>
      <c r="DH36" s="85">
        <v>528</v>
      </c>
      <c r="DI36" s="70">
        <v>2</v>
      </c>
      <c r="DJ36" s="71">
        <v>2</v>
      </c>
      <c r="DK36" s="72">
        <v>4</v>
      </c>
      <c r="DL36" s="241"/>
      <c r="DM36" s="71">
        <v>1</v>
      </c>
      <c r="DN36" s="71">
        <v>2</v>
      </c>
      <c r="DO36" s="71">
        <v>2</v>
      </c>
      <c r="DP36" s="71">
        <v>2</v>
      </c>
      <c r="DQ36" s="71">
        <v>3</v>
      </c>
      <c r="DR36" s="72">
        <v>10</v>
      </c>
      <c r="DS36" s="73">
        <v>14</v>
      </c>
      <c r="DT36" s="70">
        <v>5</v>
      </c>
      <c r="DU36" s="71">
        <v>7</v>
      </c>
      <c r="DV36" s="72">
        <v>12</v>
      </c>
      <c r="DW36" s="241"/>
      <c r="DX36" s="71">
        <v>4</v>
      </c>
      <c r="DY36" s="71">
        <v>5</v>
      </c>
      <c r="DZ36" s="71">
        <v>5</v>
      </c>
      <c r="EA36" s="71">
        <v>2</v>
      </c>
      <c r="EB36" s="71">
        <v>2</v>
      </c>
      <c r="EC36" s="72">
        <v>18</v>
      </c>
      <c r="ED36" s="73">
        <v>30</v>
      </c>
      <c r="EE36" s="70">
        <v>3</v>
      </c>
      <c r="EF36" s="71">
        <v>6</v>
      </c>
      <c r="EG36" s="72">
        <v>9</v>
      </c>
      <c r="EH36" s="241"/>
      <c r="EI36" s="71">
        <v>15</v>
      </c>
      <c r="EJ36" s="71">
        <v>8</v>
      </c>
      <c r="EK36" s="71">
        <v>8</v>
      </c>
      <c r="EL36" s="71">
        <v>7</v>
      </c>
      <c r="EM36" s="71">
        <v>8</v>
      </c>
      <c r="EN36" s="72">
        <v>46</v>
      </c>
      <c r="EO36" s="73">
        <v>55</v>
      </c>
      <c r="EP36" s="70">
        <v>8</v>
      </c>
      <c r="EQ36" s="71">
        <v>11</v>
      </c>
      <c r="ER36" s="72">
        <v>19</v>
      </c>
      <c r="ES36" s="241"/>
      <c r="ET36" s="71">
        <v>30</v>
      </c>
      <c r="EU36" s="71">
        <v>18</v>
      </c>
      <c r="EV36" s="71">
        <v>10</v>
      </c>
      <c r="EW36" s="71">
        <v>20</v>
      </c>
      <c r="EX36" s="71">
        <v>7</v>
      </c>
      <c r="EY36" s="72">
        <v>85</v>
      </c>
      <c r="EZ36" s="73">
        <v>104</v>
      </c>
      <c r="FA36" s="70">
        <v>29</v>
      </c>
      <c r="FB36" s="71">
        <v>25</v>
      </c>
      <c r="FC36" s="72">
        <v>54</v>
      </c>
      <c r="FD36" s="241"/>
      <c r="FE36" s="71">
        <v>31</v>
      </c>
      <c r="FF36" s="71">
        <v>17</v>
      </c>
      <c r="FG36" s="71">
        <v>21</v>
      </c>
      <c r="FH36" s="71">
        <v>13</v>
      </c>
      <c r="FI36" s="71">
        <v>16</v>
      </c>
      <c r="FJ36" s="72">
        <v>98</v>
      </c>
      <c r="FK36" s="73">
        <v>152</v>
      </c>
      <c r="FL36" s="70">
        <v>10</v>
      </c>
      <c r="FM36" s="71">
        <v>17</v>
      </c>
      <c r="FN36" s="72">
        <v>27</v>
      </c>
      <c r="FO36" s="241"/>
      <c r="FP36" s="71">
        <v>37</v>
      </c>
      <c r="FQ36" s="71">
        <v>33</v>
      </c>
      <c r="FR36" s="71">
        <v>27</v>
      </c>
      <c r="FS36" s="71">
        <v>30</v>
      </c>
      <c r="FT36" s="71">
        <v>19</v>
      </c>
      <c r="FU36" s="72">
        <v>146</v>
      </c>
      <c r="FV36" s="73">
        <v>173</v>
      </c>
      <c r="FW36" s="70">
        <v>0</v>
      </c>
      <c r="FX36" s="71">
        <v>0</v>
      </c>
      <c r="FY36" s="72">
        <v>0</v>
      </c>
      <c r="FZ36" s="244"/>
      <c r="GA36" s="71">
        <v>1</v>
      </c>
      <c r="GB36" s="71">
        <v>0</v>
      </c>
      <c r="GC36" s="71">
        <v>0</v>
      </c>
      <c r="GD36" s="71">
        <v>1</v>
      </c>
      <c r="GE36" s="71">
        <v>1</v>
      </c>
      <c r="GF36" s="72">
        <v>3</v>
      </c>
      <c r="GG36" s="73">
        <v>3</v>
      </c>
      <c r="GH36" s="70">
        <v>57</v>
      </c>
      <c r="GI36" s="71">
        <v>68</v>
      </c>
      <c r="GJ36" s="72">
        <v>125</v>
      </c>
      <c r="GK36" s="244"/>
      <c r="GL36" s="71">
        <v>119</v>
      </c>
      <c r="GM36" s="71">
        <v>83</v>
      </c>
      <c r="GN36" s="71">
        <v>73</v>
      </c>
      <c r="GO36" s="71">
        <v>75</v>
      </c>
      <c r="GP36" s="71">
        <v>56</v>
      </c>
      <c r="GQ36" s="72">
        <v>406</v>
      </c>
      <c r="GR36" s="73">
        <v>531</v>
      </c>
      <c r="GS36" s="123">
        <v>90</v>
      </c>
      <c r="GT36" s="82">
        <v>87</v>
      </c>
      <c r="GU36" s="83">
        <v>177</v>
      </c>
      <c r="GV36" s="241"/>
      <c r="GW36" s="82">
        <v>173</v>
      </c>
      <c r="GX36" s="82">
        <v>123</v>
      </c>
      <c r="GY36" s="82">
        <v>105</v>
      </c>
      <c r="GZ36" s="82">
        <v>103</v>
      </c>
      <c r="HA36" s="82">
        <v>69</v>
      </c>
      <c r="HB36" s="84">
        <v>573</v>
      </c>
      <c r="HC36" s="85">
        <v>750</v>
      </c>
      <c r="HD36" s="70">
        <v>3</v>
      </c>
      <c r="HE36" s="71">
        <v>3</v>
      </c>
      <c r="HF36" s="72">
        <v>6</v>
      </c>
      <c r="HG36" s="241"/>
      <c r="HH36" s="71">
        <v>4</v>
      </c>
      <c r="HI36" s="71">
        <v>3</v>
      </c>
      <c r="HJ36" s="71">
        <v>5</v>
      </c>
      <c r="HK36" s="71">
        <v>4</v>
      </c>
      <c r="HL36" s="71">
        <v>3</v>
      </c>
      <c r="HM36" s="72">
        <v>19</v>
      </c>
      <c r="HN36" s="73">
        <v>25</v>
      </c>
      <c r="HO36" s="70">
        <v>10</v>
      </c>
      <c r="HP36" s="71">
        <v>12</v>
      </c>
      <c r="HQ36" s="72">
        <v>22</v>
      </c>
      <c r="HR36" s="241"/>
      <c r="HS36" s="71">
        <v>8</v>
      </c>
      <c r="HT36" s="71">
        <v>14</v>
      </c>
      <c r="HU36" s="71">
        <v>10</v>
      </c>
      <c r="HV36" s="71">
        <v>12</v>
      </c>
      <c r="HW36" s="71">
        <v>7</v>
      </c>
      <c r="HX36" s="72">
        <v>51</v>
      </c>
      <c r="HY36" s="73">
        <v>73</v>
      </c>
      <c r="HZ36" s="70">
        <v>9</v>
      </c>
      <c r="IA36" s="71">
        <v>9</v>
      </c>
      <c r="IB36" s="72">
        <v>18</v>
      </c>
      <c r="IC36" s="241"/>
      <c r="ID36" s="71">
        <v>27</v>
      </c>
      <c r="IE36" s="71">
        <v>14</v>
      </c>
      <c r="IF36" s="71">
        <v>15</v>
      </c>
      <c r="IG36" s="71">
        <v>13</v>
      </c>
      <c r="IH36" s="71">
        <v>12</v>
      </c>
      <c r="II36" s="72">
        <v>81</v>
      </c>
      <c r="IJ36" s="73">
        <v>99</v>
      </c>
      <c r="IK36" s="70">
        <v>15</v>
      </c>
      <c r="IL36" s="71">
        <v>16</v>
      </c>
      <c r="IM36" s="72">
        <v>31</v>
      </c>
      <c r="IN36" s="241"/>
      <c r="IO36" s="71">
        <v>47</v>
      </c>
      <c r="IP36" s="71">
        <v>31</v>
      </c>
      <c r="IQ36" s="71">
        <v>14</v>
      </c>
      <c r="IR36" s="71">
        <v>23</v>
      </c>
      <c r="IS36" s="71">
        <v>8</v>
      </c>
      <c r="IT36" s="72">
        <v>123</v>
      </c>
      <c r="IU36" s="73">
        <v>154</v>
      </c>
      <c r="IV36" s="70">
        <v>35</v>
      </c>
      <c r="IW36" s="71">
        <v>28</v>
      </c>
      <c r="IX36" s="72">
        <v>63</v>
      </c>
      <c r="IY36" s="241"/>
      <c r="IZ36" s="71">
        <v>40</v>
      </c>
      <c r="JA36" s="71">
        <v>22</v>
      </c>
      <c r="JB36" s="71">
        <v>32</v>
      </c>
      <c r="JC36" s="71">
        <v>19</v>
      </c>
      <c r="JD36" s="71">
        <v>18</v>
      </c>
      <c r="JE36" s="72">
        <v>131</v>
      </c>
      <c r="JF36" s="73">
        <v>194</v>
      </c>
      <c r="JG36" s="70">
        <v>18</v>
      </c>
      <c r="JH36" s="71">
        <v>19</v>
      </c>
      <c r="JI36" s="72">
        <v>37</v>
      </c>
      <c r="JJ36" s="244"/>
      <c r="JK36" s="71">
        <v>47</v>
      </c>
      <c r="JL36" s="71">
        <v>39</v>
      </c>
      <c r="JM36" s="71">
        <v>29</v>
      </c>
      <c r="JN36" s="71">
        <v>32</v>
      </c>
      <c r="JO36" s="71">
        <v>21</v>
      </c>
      <c r="JP36" s="72">
        <v>168</v>
      </c>
      <c r="JQ36" s="73">
        <v>205</v>
      </c>
      <c r="JR36" s="70">
        <v>1</v>
      </c>
      <c r="JS36" s="71">
        <v>0</v>
      </c>
      <c r="JT36" s="72">
        <v>1</v>
      </c>
      <c r="JU36" s="244"/>
      <c r="JV36" s="71">
        <v>3</v>
      </c>
      <c r="JW36" s="71">
        <v>1</v>
      </c>
      <c r="JX36" s="71">
        <v>0</v>
      </c>
      <c r="JY36" s="71">
        <v>1</v>
      </c>
      <c r="JZ36" s="71">
        <v>3</v>
      </c>
      <c r="KA36" s="72">
        <v>8</v>
      </c>
      <c r="KB36" s="73">
        <v>9</v>
      </c>
      <c r="KC36" s="70">
        <v>91</v>
      </c>
      <c r="KD36" s="71">
        <v>87</v>
      </c>
      <c r="KE36" s="72">
        <v>178</v>
      </c>
      <c r="KF36" s="244"/>
      <c r="KG36" s="71">
        <v>176</v>
      </c>
      <c r="KH36" s="71">
        <v>124</v>
      </c>
      <c r="KI36" s="71">
        <v>105</v>
      </c>
      <c r="KJ36" s="71">
        <v>104</v>
      </c>
      <c r="KK36" s="71">
        <v>72</v>
      </c>
      <c r="KL36" s="72">
        <v>581</v>
      </c>
      <c r="KM36" s="73">
        <v>759</v>
      </c>
    </row>
    <row r="37" spans="2:299" ht="19.5" customHeight="1" x14ac:dyDescent="0.2">
      <c r="B37" s="126" t="s">
        <v>34</v>
      </c>
      <c r="C37" s="315">
        <v>20</v>
      </c>
      <c r="D37" s="82">
        <v>18</v>
      </c>
      <c r="E37" s="83">
        <v>38</v>
      </c>
      <c r="F37" s="241"/>
      <c r="G37" s="82">
        <v>37</v>
      </c>
      <c r="H37" s="82">
        <v>35</v>
      </c>
      <c r="I37" s="82">
        <v>16</v>
      </c>
      <c r="J37" s="82">
        <v>25</v>
      </c>
      <c r="K37" s="82">
        <v>9</v>
      </c>
      <c r="L37" s="84">
        <v>122</v>
      </c>
      <c r="M37" s="85">
        <v>160</v>
      </c>
      <c r="N37" s="70">
        <v>0</v>
      </c>
      <c r="O37" s="71">
        <v>5</v>
      </c>
      <c r="P37" s="72">
        <v>5</v>
      </c>
      <c r="Q37" s="241"/>
      <c r="R37" s="71">
        <v>1</v>
      </c>
      <c r="S37" s="71">
        <v>2</v>
      </c>
      <c r="T37" s="71">
        <v>1</v>
      </c>
      <c r="U37" s="71">
        <v>3</v>
      </c>
      <c r="V37" s="71">
        <v>0</v>
      </c>
      <c r="W37" s="72">
        <v>7</v>
      </c>
      <c r="X37" s="73">
        <v>12</v>
      </c>
      <c r="Y37" s="70">
        <v>1</v>
      </c>
      <c r="Z37" s="71">
        <v>2</v>
      </c>
      <c r="AA37" s="72">
        <v>3</v>
      </c>
      <c r="AB37" s="241"/>
      <c r="AC37" s="71">
        <v>1</v>
      </c>
      <c r="AD37" s="71">
        <v>3</v>
      </c>
      <c r="AE37" s="71">
        <v>2</v>
      </c>
      <c r="AF37" s="71">
        <v>1</v>
      </c>
      <c r="AG37" s="71">
        <v>1</v>
      </c>
      <c r="AH37" s="72">
        <v>8</v>
      </c>
      <c r="AI37" s="73">
        <v>11</v>
      </c>
      <c r="AJ37" s="70">
        <v>1</v>
      </c>
      <c r="AK37" s="71">
        <v>3</v>
      </c>
      <c r="AL37" s="72">
        <v>4</v>
      </c>
      <c r="AM37" s="241"/>
      <c r="AN37" s="71">
        <v>5</v>
      </c>
      <c r="AO37" s="71">
        <v>5</v>
      </c>
      <c r="AP37" s="71">
        <v>4</v>
      </c>
      <c r="AQ37" s="71">
        <v>6</v>
      </c>
      <c r="AR37" s="71">
        <v>3</v>
      </c>
      <c r="AS37" s="72">
        <v>23</v>
      </c>
      <c r="AT37" s="73">
        <v>27</v>
      </c>
      <c r="AU37" s="70">
        <v>10</v>
      </c>
      <c r="AV37" s="71">
        <v>2</v>
      </c>
      <c r="AW37" s="72">
        <v>12</v>
      </c>
      <c r="AX37" s="241"/>
      <c r="AY37" s="71">
        <v>10</v>
      </c>
      <c r="AZ37" s="71">
        <v>11</v>
      </c>
      <c r="BA37" s="71">
        <v>3</v>
      </c>
      <c r="BB37" s="71">
        <v>5</v>
      </c>
      <c r="BC37" s="71">
        <v>2</v>
      </c>
      <c r="BD37" s="72">
        <v>31</v>
      </c>
      <c r="BE37" s="73">
        <v>43</v>
      </c>
      <c r="BF37" s="70">
        <v>6</v>
      </c>
      <c r="BG37" s="71">
        <v>5</v>
      </c>
      <c r="BH37" s="72">
        <v>11</v>
      </c>
      <c r="BI37" s="241"/>
      <c r="BJ37" s="71">
        <v>12</v>
      </c>
      <c r="BK37" s="71">
        <v>6</v>
      </c>
      <c r="BL37" s="71">
        <v>5</v>
      </c>
      <c r="BM37" s="71">
        <v>8</v>
      </c>
      <c r="BN37" s="71">
        <v>3</v>
      </c>
      <c r="BO37" s="72">
        <v>34</v>
      </c>
      <c r="BP37" s="73">
        <v>45</v>
      </c>
      <c r="BQ37" s="70">
        <v>2</v>
      </c>
      <c r="BR37" s="71">
        <v>1</v>
      </c>
      <c r="BS37" s="72">
        <v>3</v>
      </c>
      <c r="BT37" s="241"/>
      <c r="BU37" s="71">
        <v>8</v>
      </c>
      <c r="BV37" s="71">
        <v>8</v>
      </c>
      <c r="BW37" s="71">
        <v>1</v>
      </c>
      <c r="BX37" s="71">
        <v>2</v>
      </c>
      <c r="BY37" s="71">
        <v>0</v>
      </c>
      <c r="BZ37" s="72">
        <v>19</v>
      </c>
      <c r="CA37" s="73">
        <v>22</v>
      </c>
      <c r="CB37" s="70">
        <v>0</v>
      </c>
      <c r="CC37" s="71">
        <v>0</v>
      </c>
      <c r="CD37" s="72">
        <v>0</v>
      </c>
      <c r="CE37" s="241"/>
      <c r="CF37" s="71">
        <v>3</v>
      </c>
      <c r="CG37" s="71">
        <v>1</v>
      </c>
      <c r="CH37" s="71">
        <v>1</v>
      </c>
      <c r="CI37" s="71">
        <v>1</v>
      </c>
      <c r="CJ37" s="71">
        <v>2</v>
      </c>
      <c r="CK37" s="72">
        <v>8</v>
      </c>
      <c r="CL37" s="73">
        <v>8</v>
      </c>
      <c r="CM37" s="70">
        <v>20</v>
      </c>
      <c r="CN37" s="71">
        <v>18</v>
      </c>
      <c r="CO37" s="72">
        <v>38</v>
      </c>
      <c r="CP37" s="241"/>
      <c r="CQ37" s="71">
        <v>40</v>
      </c>
      <c r="CR37" s="71">
        <v>36</v>
      </c>
      <c r="CS37" s="71">
        <v>17</v>
      </c>
      <c r="CT37" s="71">
        <v>26</v>
      </c>
      <c r="CU37" s="71">
        <v>11</v>
      </c>
      <c r="CV37" s="72">
        <v>130</v>
      </c>
      <c r="CW37" s="73">
        <v>168</v>
      </c>
      <c r="CX37" s="123">
        <v>45</v>
      </c>
      <c r="CY37" s="82">
        <v>37</v>
      </c>
      <c r="CZ37" s="83">
        <v>82</v>
      </c>
      <c r="DA37" s="241"/>
      <c r="DB37" s="82">
        <v>88</v>
      </c>
      <c r="DC37" s="82">
        <v>59</v>
      </c>
      <c r="DD37" s="82">
        <v>46</v>
      </c>
      <c r="DE37" s="82">
        <v>51</v>
      </c>
      <c r="DF37" s="82">
        <v>27</v>
      </c>
      <c r="DG37" s="84">
        <v>271</v>
      </c>
      <c r="DH37" s="85">
        <v>353</v>
      </c>
      <c r="DI37" s="70">
        <v>1</v>
      </c>
      <c r="DJ37" s="71">
        <v>0</v>
      </c>
      <c r="DK37" s="72">
        <v>1</v>
      </c>
      <c r="DL37" s="241"/>
      <c r="DM37" s="71">
        <v>2</v>
      </c>
      <c r="DN37" s="71">
        <v>0</v>
      </c>
      <c r="DO37" s="71">
        <v>2</v>
      </c>
      <c r="DP37" s="71">
        <v>1</v>
      </c>
      <c r="DQ37" s="71">
        <v>0</v>
      </c>
      <c r="DR37" s="72">
        <v>5</v>
      </c>
      <c r="DS37" s="73">
        <v>6</v>
      </c>
      <c r="DT37" s="70">
        <v>3</v>
      </c>
      <c r="DU37" s="71">
        <v>0</v>
      </c>
      <c r="DV37" s="72">
        <v>3</v>
      </c>
      <c r="DW37" s="241"/>
      <c r="DX37" s="71">
        <v>5</v>
      </c>
      <c r="DY37" s="71">
        <v>2</v>
      </c>
      <c r="DZ37" s="71">
        <v>1</v>
      </c>
      <c r="EA37" s="71">
        <v>0</v>
      </c>
      <c r="EB37" s="71">
        <v>4</v>
      </c>
      <c r="EC37" s="72">
        <v>12</v>
      </c>
      <c r="ED37" s="73">
        <v>15</v>
      </c>
      <c r="EE37" s="70">
        <v>6</v>
      </c>
      <c r="EF37" s="71">
        <v>1</v>
      </c>
      <c r="EG37" s="72">
        <v>7</v>
      </c>
      <c r="EH37" s="241"/>
      <c r="EI37" s="71">
        <v>12</v>
      </c>
      <c r="EJ37" s="71">
        <v>3</v>
      </c>
      <c r="EK37" s="71">
        <v>4</v>
      </c>
      <c r="EL37" s="71">
        <v>7</v>
      </c>
      <c r="EM37" s="71">
        <v>1</v>
      </c>
      <c r="EN37" s="72">
        <v>27</v>
      </c>
      <c r="EO37" s="73">
        <v>34</v>
      </c>
      <c r="EP37" s="70">
        <v>11</v>
      </c>
      <c r="EQ37" s="71">
        <v>12</v>
      </c>
      <c r="ER37" s="72">
        <v>23</v>
      </c>
      <c r="ES37" s="241"/>
      <c r="ET37" s="71">
        <v>17</v>
      </c>
      <c r="EU37" s="71">
        <v>13</v>
      </c>
      <c r="EV37" s="71">
        <v>5</v>
      </c>
      <c r="EW37" s="71">
        <v>9</v>
      </c>
      <c r="EX37" s="71">
        <v>1</v>
      </c>
      <c r="EY37" s="72">
        <v>45</v>
      </c>
      <c r="EZ37" s="73">
        <v>68</v>
      </c>
      <c r="FA37" s="70">
        <v>14</v>
      </c>
      <c r="FB37" s="71">
        <v>14</v>
      </c>
      <c r="FC37" s="72">
        <v>28</v>
      </c>
      <c r="FD37" s="241"/>
      <c r="FE37" s="71">
        <v>28</v>
      </c>
      <c r="FF37" s="71">
        <v>13</v>
      </c>
      <c r="FG37" s="71">
        <v>12</v>
      </c>
      <c r="FH37" s="71">
        <v>15</v>
      </c>
      <c r="FI37" s="71">
        <v>8</v>
      </c>
      <c r="FJ37" s="72">
        <v>76</v>
      </c>
      <c r="FK37" s="73">
        <v>104</v>
      </c>
      <c r="FL37" s="70">
        <v>10</v>
      </c>
      <c r="FM37" s="71">
        <v>10</v>
      </c>
      <c r="FN37" s="72">
        <v>20</v>
      </c>
      <c r="FO37" s="241"/>
      <c r="FP37" s="71">
        <v>24</v>
      </c>
      <c r="FQ37" s="71">
        <v>28</v>
      </c>
      <c r="FR37" s="71">
        <v>22</v>
      </c>
      <c r="FS37" s="71">
        <v>19</v>
      </c>
      <c r="FT37" s="71">
        <v>13</v>
      </c>
      <c r="FU37" s="72">
        <v>106</v>
      </c>
      <c r="FV37" s="73">
        <v>126</v>
      </c>
      <c r="FW37" s="70">
        <v>0</v>
      </c>
      <c r="FX37" s="71">
        <v>0</v>
      </c>
      <c r="FY37" s="72">
        <v>0</v>
      </c>
      <c r="FZ37" s="244"/>
      <c r="GA37" s="71">
        <v>1</v>
      </c>
      <c r="GB37" s="71">
        <v>1</v>
      </c>
      <c r="GC37" s="71">
        <v>1</v>
      </c>
      <c r="GD37" s="71">
        <v>0</v>
      </c>
      <c r="GE37" s="71">
        <v>1</v>
      </c>
      <c r="GF37" s="72">
        <v>4</v>
      </c>
      <c r="GG37" s="73">
        <v>4</v>
      </c>
      <c r="GH37" s="70">
        <v>45</v>
      </c>
      <c r="GI37" s="71">
        <v>37</v>
      </c>
      <c r="GJ37" s="72">
        <v>82</v>
      </c>
      <c r="GK37" s="244"/>
      <c r="GL37" s="71">
        <v>89</v>
      </c>
      <c r="GM37" s="71">
        <v>60</v>
      </c>
      <c r="GN37" s="71">
        <v>47</v>
      </c>
      <c r="GO37" s="71">
        <v>51</v>
      </c>
      <c r="GP37" s="71">
        <v>28</v>
      </c>
      <c r="GQ37" s="72">
        <v>275</v>
      </c>
      <c r="GR37" s="73">
        <v>357</v>
      </c>
      <c r="GS37" s="123">
        <v>65</v>
      </c>
      <c r="GT37" s="82">
        <v>55</v>
      </c>
      <c r="GU37" s="83">
        <v>120</v>
      </c>
      <c r="GV37" s="241"/>
      <c r="GW37" s="82">
        <v>125</v>
      </c>
      <c r="GX37" s="82">
        <v>94</v>
      </c>
      <c r="GY37" s="82">
        <v>62</v>
      </c>
      <c r="GZ37" s="82">
        <v>76</v>
      </c>
      <c r="HA37" s="82">
        <v>36</v>
      </c>
      <c r="HB37" s="84">
        <v>393</v>
      </c>
      <c r="HC37" s="85">
        <v>513</v>
      </c>
      <c r="HD37" s="70">
        <v>1</v>
      </c>
      <c r="HE37" s="71">
        <v>5</v>
      </c>
      <c r="HF37" s="72">
        <v>6</v>
      </c>
      <c r="HG37" s="241"/>
      <c r="HH37" s="71">
        <v>3</v>
      </c>
      <c r="HI37" s="71">
        <v>2</v>
      </c>
      <c r="HJ37" s="71">
        <v>3</v>
      </c>
      <c r="HK37" s="71">
        <v>4</v>
      </c>
      <c r="HL37" s="71">
        <v>0</v>
      </c>
      <c r="HM37" s="72">
        <v>12</v>
      </c>
      <c r="HN37" s="73">
        <v>18</v>
      </c>
      <c r="HO37" s="70">
        <v>4</v>
      </c>
      <c r="HP37" s="71">
        <v>2</v>
      </c>
      <c r="HQ37" s="72">
        <v>6</v>
      </c>
      <c r="HR37" s="241"/>
      <c r="HS37" s="71">
        <v>6</v>
      </c>
      <c r="HT37" s="71">
        <v>5</v>
      </c>
      <c r="HU37" s="71">
        <v>3</v>
      </c>
      <c r="HV37" s="71">
        <v>1</v>
      </c>
      <c r="HW37" s="71">
        <v>5</v>
      </c>
      <c r="HX37" s="72">
        <v>20</v>
      </c>
      <c r="HY37" s="73">
        <v>26</v>
      </c>
      <c r="HZ37" s="70">
        <v>7</v>
      </c>
      <c r="IA37" s="71">
        <v>4</v>
      </c>
      <c r="IB37" s="72">
        <v>11</v>
      </c>
      <c r="IC37" s="241"/>
      <c r="ID37" s="71">
        <v>17</v>
      </c>
      <c r="IE37" s="71">
        <v>8</v>
      </c>
      <c r="IF37" s="71">
        <v>8</v>
      </c>
      <c r="IG37" s="71">
        <v>13</v>
      </c>
      <c r="IH37" s="71">
        <v>4</v>
      </c>
      <c r="II37" s="72">
        <v>50</v>
      </c>
      <c r="IJ37" s="73">
        <v>61</v>
      </c>
      <c r="IK37" s="70">
        <v>21</v>
      </c>
      <c r="IL37" s="71">
        <v>14</v>
      </c>
      <c r="IM37" s="72">
        <v>35</v>
      </c>
      <c r="IN37" s="241"/>
      <c r="IO37" s="71">
        <v>27</v>
      </c>
      <c r="IP37" s="71">
        <v>24</v>
      </c>
      <c r="IQ37" s="71">
        <v>8</v>
      </c>
      <c r="IR37" s="71">
        <v>14</v>
      </c>
      <c r="IS37" s="71">
        <v>3</v>
      </c>
      <c r="IT37" s="72">
        <v>76</v>
      </c>
      <c r="IU37" s="73">
        <v>111</v>
      </c>
      <c r="IV37" s="70">
        <v>20</v>
      </c>
      <c r="IW37" s="71">
        <v>19</v>
      </c>
      <c r="IX37" s="72">
        <v>39</v>
      </c>
      <c r="IY37" s="241"/>
      <c r="IZ37" s="71">
        <v>40</v>
      </c>
      <c r="JA37" s="71">
        <v>19</v>
      </c>
      <c r="JB37" s="71">
        <v>17</v>
      </c>
      <c r="JC37" s="71">
        <v>23</v>
      </c>
      <c r="JD37" s="71">
        <v>11</v>
      </c>
      <c r="JE37" s="72">
        <v>110</v>
      </c>
      <c r="JF37" s="73">
        <v>149</v>
      </c>
      <c r="JG37" s="70">
        <v>12</v>
      </c>
      <c r="JH37" s="71">
        <v>11</v>
      </c>
      <c r="JI37" s="72">
        <v>23</v>
      </c>
      <c r="JJ37" s="244"/>
      <c r="JK37" s="71">
        <v>32</v>
      </c>
      <c r="JL37" s="71">
        <v>36</v>
      </c>
      <c r="JM37" s="71">
        <v>23</v>
      </c>
      <c r="JN37" s="71">
        <v>21</v>
      </c>
      <c r="JO37" s="71">
        <v>13</v>
      </c>
      <c r="JP37" s="72">
        <v>125</v>
      </c>
      <c r="JQ37" s="73">
        <v>148</v>
      </c>
      <c r="JR37" s="70">
        <v>0</v>
      </c>
      <c r="JS37" s="71">
        <v>0</v>
      </c>
      <c r="JT37" s="72">
        <v>0</v>
      </c>
      <c r="JU37" s="244"/>
      <c r="JV37" s="71">
        <v>4</v>
      </c>
      <c r="JW37" s="71">
        <v>2</v>
      </c>
      <c r="JX37" s="71">
        <v>2</v>
      </c>
      <c r="JY37" s="71">
        <v>1</v>
      </c>
      <c r="JZ37" s="71">
        <v>3</v>
      </c>
      <c r="KA37" s="72">
        <v>12</v>
      </c>
      <c r="KB37" s="73">
        <v>12</v>
      </c>
      <c r="KC37" s="70">
        <v>65</v>
      </c>
      <c r="KD37" s="71">
        <v>55</v>
      </c>
      <c r="KE37" s="72">
        <v>120</v>
      </c>
      <c r="KF37" s="244"/>
      <c r="KG37" s="71">
        <v>129</v>
      </c>
      <c r="KH37" s="71">
        <v>96</v>
      </c>
      <c r="KI37" s="71">
        <v>64</v>
      </c>
      <c r="KJ37" s="71">
        <v>77</v>
      </c>
      <c r="KK37" s="71">
        <v>39</v>
      </c>
      <c r="KL37" s="72">
        <v>405</v>
      </c>
      <c r="KM37" s="73">
        <v>525</v>
      </c>
    </row>
    <row r="38" spans="2:299" ht="19.5" customHeight="1" x14ac:dyDescent="0.2">
      <c r="B38" s="126" t="s">
        <v>35</v>
      </c>
      <c r="C38" s="315">
        <v>54</v>
      </c>
      <c r="D38" s="82">
        <v>50</v>
      </c>
      <c r="E38" s="83">
        <v>104</v>
      </c>
      <c r="F38" s="241"/>
      <c r="G38" s="82">
        <v>164</v>
      </c>
      <c r="H38" s="82">
        <v>100</v>
      </c>
      <c r="I38" s="82">
        <v>56</v>
      </c>
      <c r="J38" s="82">
        <v>51</v>
      </c>
      <c r="K38" s="82">
        <v>25</v>
      </c>
      <c r="L38" s="84">
        <v>396</v>
      </c>
      <c r="M38" s="85">
        <v>500</v>
      </c>
      <c r="N38" s="70">
        <v>2</v>
      </c>
      <c r="O38" s="71">
        <v>2</v>
      </c>
      <c r="P38" s="72">
        <v>4</v>
      </c>
      <c r="Q38" s="241"/>
      <c r="R38" s="71">
        <v>12</v>
      </c>
      <c r="S38" s="71">
        <v>3</v>
      </c>
      <c r="T38" s="71">
        <v>10</v>
      </c>
      <c r="U38" s="71">
        <v>2</v>
      </c>
      <c r="V38" s="71">
        <v>1</v>
      </c>
      <c r="W38" s="72">
        <v>28</v>
      </c>
      <c r="X38" s="73">
        <v>32</v>
      </c>
      <c r="Y38" s="70">
        <v>5</v>
      </c>
      <c r="Z38" s="71">
        <v>4</v>
      </c>
      <c r="AA38" s="72">
        <v>9</v>
      </c>
      <c r="AB38" s="241"/>
      <c r="AC38" s="71">
        <v>11</v>
      </c>
      <c r="AD38" s="71">
        <v>10</v>
      </c>
      <c r="AE38" s="71">
        <v>4</v>
      </c>
      <c r="AF38" s="71">
        <v>3</v>
      </c>
      <c r="AG38" s="71">
        <v>6</v>
      </c>
      <c r="AH38" s="72">
        <v>34</v>
      </c>
      <c r="AI38" s="73">
        <v>43</v>
      </c>
      <c r="AJ38" s="70">
        <v>13</v>
      </c>
      <c r="AK38" s="71">
        <v>14</v>
      </c>
      <c r="AL38" s="72">
        <v>27</v>
      </c>
      <c r="AM38" s="241"/>
      <c r="AN38" s="71">
        <v>26</v>
      </c>
      <c r="AO38" s="71">
        <v>15</v>
      </c>
      <c r="AP38" s="71">
        <v>8</v>
      </c>
      <c r="AQ38" s="71">
        <v>13</v>
      </c>
      <c r="AR38" s="71">
        <v>5</v>
      </c>
      <c r="AS38" s="72">
        <v>67</v>
      </c>
      <c r="AT38" s="73">
        <v>94</v>
      </c>
      <c r="AU38" s="70">
        <v>13</v>
      </c>
      <c r="AV38" s="71">
        <v>10</v>
      </c>
      <c r="AW38" s="72">
        <v>23</v>
      </c>
      <c r="AX38" s="241"/>
      <c r="AY38" s="71">
        <v>48</v>
      </c>
      <c r="AZ38" s="71">
        <v>23</v>
      </c>
      <c r="BA38" s="71">
        <v>11</v>
      </c>
      <c r="BB38" s="71">
        <v>10</v>
      </c>
      <c r="BC38" s="71">
        <v>3</v>
      </c>
      <c r="BD38" s="72">
        <v>95</v>
      </c>
      <c r="BE38" s="73">
        <v>118</v>
      </c>
      <c r="BF38" s="70">
        <v>10</v>
      </c>
      <c r="BG38" s="71">
        <v>15</v>
      </c>
      <c r="BH38" s="72">
        <v>25</v>
      </c>
      <c r="BI38" s="241"/>
      <c r="BJ38" s="71">
        <v>38</v>
      </c>
      <c r="BK38" s="71">
        <v>21</v>
      </c>
      <c r="BL38" s="71">
        <v>11</v>
      </c>
      <c r="BM38" s="71">
        <v>11</v>
      </c>
      <c r="BN38" s="71">
        <v>5</v>
      </c>
      <c r="BO38" s="72">
        <v>86</v>
      </c>
      <c r="BP38" s="73">
        <v>111</v>
      </c>
      <c r="BQ38" s="70">
        <v>11</v>
      </c>
      <c r="BR38" s="71">
        <v>5</v>
      </c>
      <c r="BS38" s="72">
        <v>16</v>
      </c>
      <c r="BT38" s="241"/>
      <c r="BU38" s="71">
        <v>29</v>
      </c>
      <c r="BV38" s="71">
        <v>28</v>
      </c>
      <c r="BW38" s="71">
        <v>12</v>
      </c>
      <c r="BX38" s="71">
        <v>12</v>
      </c>
      <c r="BY38" s="71">
        <v>5</v>
      </c>
      <c r="BZ38" s="72">
        <v>86</v>
      </c>
      <c r="CA38" s="73">
        <v>102</v>
      </c>
      <c r="CB38" s="70">
        <v>0</v>
      </c>
      <c r="CC38" s="71">
        <v>2</v>
      </c>
      <c r="CD38" s="72">
        <v>2</v>
      </c>
      <c r="CE38" s="241"/>
      <c r="CF38" s="71">
        <v>3</v>
      </c>
      <c r="CG38" s="71">
        <v>1</v>
      </c>
      <c r="CH38" s="71">
        <v>0</v>
      </c>
      <c r="CI38" s="71">
        <v>2</v>
      </c>
      <c r="CJ38" s="71">
        <v>1</v>
      </c>
      <c r="CK38" s="72">
        <v>7</v>
      </c>
      <c r="CL38" s="73">
        <v>9</v>
      </c>
      <c r="CM38" s="70">
        <v>54</v>
      </c>
      <c r="CN38" s="71">
        <v>52</v>
      </c>
      <c r="CO38" s="72">
        <v>106</v>
      </c>
      <c r="CP38" s="241"/>
      <c r="CQ38" s="71">
        <v>167</v>
      </c>
      <c r="CR38" s="71">
        <v>101</v>
      </c>
      <c r="CS38" s="71">
        <v>56</v>
      </c>
      <c r="CT38" s="71">
        <v>53</v>
      </c>
      <c r="CU38" s="71">
        <v>26</v>
      </c>
      <c r="CV38" s="72">
        <v>403</v>
      </c>
      <c r="CW38" s="73">
        <v>509</v>
      </c>
      <c r="CX38" s="123">
        <v>124</v>
      </c>
      <c r="CY38" s="82">
        <v>144</v>
      </c>
      <c r="CZ38" s="83">
        <v>268</v>
      </c>
      <c r="DA38" s="241"/>
      <c r="DB38" s="82">
        <v>307</v>
      </c>
      <c r="DC38" s="82">
        <v>211</v>
      </c>
      <c r="DD38" s="82">
        <v>149</v>
      </c>
      <c r="DE38" s="82">
        <v>151</v>
      </c>
      <c r="DF38" s="82">
        <v>85</v>
      </c>
      <c r="DG38" s="84">
        <v>903</v>
      </c>
      <c r="DH38" s="85">
        <v>1171</v>
      </c>
      <c r="DI38" s="70">
        <v>4</v>
      </c>
      <c r="DJ38" s="71">
        <v>5</v>
      </c>
      <c r="DK38" s="72">
        <v>9</v>
      </c>
      <c r="DL38" s="241"/>
      <c r="DM38" s="71">
        <v>2</v>
      </c>
      <c r="DN38" s="71">
        <v>6</v>
      </c>
      <c r="DO38" s="71">
        <v>5</v>
      </c>
      <c r="DP38" s="71">
        <v>6</v>
      </c>
      <c r="DQ38" s="71">
        <v>1</v>
      </c>
      <c r="DR38" s="72">
        <v>20</v>
      </c>
      <c r="DS38" s="73">
        <v>29</v>
      </c>
      <c r="DT38" s="70">
        <v>5</v>
      </c>
      <c r="DU38" s="71">
        <v>13</v>
      </c>
      <c r="DV38" s="72">
        <v>18</v>
      </c>
      <c r="DW38" s="241"/>
      <c r="DX38" s="71">
        <v>20</v>
      </c>
      <c r="DY38" s="71">
        <v>9</v>
      </c>
      <c r="DZ38" s="71">
        <v>6</v>
      </c>
      <c r="EA38" s="71">
        <v>8</v>
      </c>
      <c r="EB38" s="71">
        <v>4</v>
      </c>
      <c r="EC38" s="72">
        <v>47</v>
      </c>
      <c r="ED38" s="73">
        <v>65</v>
      </c>
      <c r="EE38" s="70">
        <v>16</v>
      </c>
      <c r="EF38" s="71">
        <v>19</v>
      </c>
      <c r="EG38" s="72">
        <v>35</v>
      </c>
      <c r="EH38" s="241"/>
      <c r="EI38" s="71">
        <v>40</v>
      </c>
      <c r="EJ38" s="71">
        <v>18</v>
      </c>
      <c r="EK38" s="71">
        <v>6</v>
      </c>
      <c r="EL38" s="71">
        <v>12</v>
      </c>
      <c r="EM38" s="71">
        <v>12</v>
      </c>
      <c r="EN38" s="72">
        <v>88</v>
      </c>
      <c r="EO38" s="73">
        <v>123</v>
      </c>
      <c r="EP38" s="70">
        <v>40</v>
      </c>
      <c r="EQ38" s="71">
        <v>30</v>
      </c>
      <c r="ER38" s="72">
        <v>70</v>
      </c>
      <c r="ES38" s="241"/>
      <c r="ET38" s="71">
        <v>67</v>
      </c>
      <c r="EU38" s="71">
        <v>49</v>
      </c>
      <c r="EV38" s="71">
        <v>27</v>
      </c>
      <c r="EW38" s="71">
        <v>26</v>
      </c>
      <c r="EX38" s="71">
        <v>12</v>
      </c>
      <c r="EY38" s="72">
        <v>181</v>
      </c>
      <c r="EZ38" s="73">
        <v>251</v>
      </c>
      <c r="FA38" s="70">
        <v>29</v>
      </c>
      <c r="FB38" s="71">
        <v>48</v>
      </c>
      <c r="FC38" s="72">
        <v>77</v>
      </c>
      <c r="FD38" s="241"/>
      <c r="FE38" s="71">
        <v>97</v>
      </c>
      <c r="FF38" s="71">
        <v>56</v>
      </c>
      <c r="FG38" s="71">
        <v>38</v>
      </c>
      <c r="FH38" s="71">
        <v>32</v>
      </c>
      <c r="FI38" s="71">
        <v>21</v>
      </c>
      <c r="FJ38" s="72">
        <v>244</v>
      </c>
      <c r="FK38" s="73">
        <v>321</v>
      </c>
      <c r="FL38" s="70">
        <v>30</v>
      </c>
      <c r="FM38" s="71">
        <v>29</v>
      </c>
      <c r="FN38" s="72">
        <v>59</v>
      </c>
      <c r="FO38" s="241"/>
      <c r="FP38" s="71">
        <v>81</v>
      </c>
      <c r="FQ38" s="71">
        <v>73</v>
      </c>
      <c r="FR38" s="71">
        <v>67</v>
      </c>
      <c r="FS38" s="71">
        <v>67</v>
      </c>
      <c r="FT38" s="71">
        <v>35</v>
      </c>
      <c r="FU38" s="72">
        <v>323</v>
      </c>
      <c r="FV38" s="73">
        <v>382</v>
      </c>
      <c r="FW38" s="70">
        <v>0</v>
      </c>
      <c r="FX38" s="71">
        <v>1</v>
      </c>
      <c r="FY38" s="72">
        <v>1</v>
      </c>
      <c r="FZ38" s="244"/>
      <c r="GA38" s="71">
        <v>0</v>
      </c>
      <c r="GB38" s="71">
        <v>7</v>
      </c>
      <c r="GC38" s="71">
        <v>2</v>
      </c>
      <c r="GD38" s="71">
        <v>1</v>
      </c>
      <c r="GE38" s="71">
        <v>1</v>
      </c>
      <c r="GF38" s="72">
        <v>11</v>
      </c>
      <c r="GG38" s="73">
        <v>12</v>
      </c>
      <c r="GH38" s="70">
        <v>124</v>
      </c>
      <c r="GI38" s="71">
        <v>145</v>
      </c>
      <c r="GJ38" s="72">
        <v>269</v>
      </c>
      <c r="GK38" s="244"/>
      <c r="GL38" s="71">
        <v>307</v>
      </c>
      <c r="GM38" s="71">
        <v>218</v>
      </c>
      <c r="GN38" s="71">
        <v>151</v>
      </c>
      <c r="GO38" s="71">
        <v>152</v>
      </c>
      <c r="GP38" s="71">
        <v>86</v>
      </c>
      <c r="GQ38" s="72">
        <v>914</v>
      </c>
      <c r="GR38" s="73">
        <v>1183</v>
      </c>
      <c r="GS38" s="123">
        <v>178</v>
      </c>
      <c r="GT38" s="82">
        <v>194</v>
      </c>
      <c r="GU38" s="83">
        <v>372</v>
      </c>
      <c r="GV38" s="241"/>
      <c r="GW38" s="82">
        <v>471</v>
      </c>
      <c r="GX38" s="82">
        <v>311</v>
      </c>
      <c r="GY38" s="82">
        <v>205</v>
      </c>
      <c r="GZ38" s="82">
        <v>202</v>
      </c>
      <c r="HA38" s="82">
        <v>110</v>
      </c>
      <c r="HB38" s="84">
        <v>1299</v>
      </c>
      <c r="HC38" s="85">
        <v>1671</v>
      </c>
      <c r="HD38" s="70">
        <v>6</v>
      </c>
      <c r="HE38" s="71">
        <v>7</v>
      </c>
      <c r="HF38" s="72">
        <v>13</v>
      </c>
      <c r="HG38" s="241"/>
      <c r="HH38" s="71">
        <v>14</v>
      </c>
      <c r="HI38" s="71">
        <v>9</v>
      </c>
      <c r="HJ38" s="71">
        <v>15</v>
      </c>
      <c r="HK38" s="71">
        <v>8</v>
      </c>
      <c r="HL38" s="71">
        <v>2</v>
      </c>
      <c r="HM38" s="72">
        <v>48</v>
      </c>
      <c r="HN38" s="73">
        <v>61</v>
      </c>
      <c r="HO38" s="70">
        <v>10</v>
      </c>
      <c r="HP38" s="71">
        <v>17</v>
      </c>
      <c r="HQ38" s="72">
        <v>27</v>
      </c>
      <c r="HR38" s="241"/>
      <c r="HS38" s="71">
        <v>31</v>
      </c>
      <c r="HT38" s="71">
        <v>19</v>
      </c>
      <c r="HU38" s="71">
        <v>10</v>
      </c>
      <c r="HV38" s="71">
        <v>11</v>
      </c>
      <c r="HW38" s="71">
        <v>10</v>
      </c>
      <c r="HX38" s="72">
        <v>81</v>
      </c>
      <c r="HY38" s="73">
        <v>108</v>
      </c>
      <c r="HZ38" s="70">
        <v>29</v>
      </c>
      <c r="IA38" s="71">
        <v>33</v>
      </c>
      <c r="IB38" s="72">
        <v>62</v>
      </c>
      <c r="IC38" s="241"/>
      <c r="ID38" s="71">
        <v>66</v>
      </c>
      <c r="IE38" s="71">
        <v>33</v>
      </c>
      <c r="IF38" s="71">
        <v>14</v>
      </c>
      <c r="IG38" s="71">
        <v>25</v>
      </c>
      <c r="IH38" s="71">
        <v>17</v>
      </c>
      <c r="II38" s="72">
        <v>155</v>
      </c>
      <c r="IJ38" s="73">
        <v>217</v>
      </c>
      <c r="IK38" s="70">
        <v>53</v>
      </c>
      <c r="IL38" s="71">
        <v>40</v>
      </c>
      <c r="IM38" s="72">
        <v>93</v>
      </c>
      <c r="IN38" s="241"/>
      <c r="IO38" s="71">
        <v>115</v>
      </c>
      <c r="IP38" s="71">
        <v>72</v>
      </c>
      <c r="IQ38" s="71">
        <v>38</v>
      </c>
      <c r="IR38" s="71">
        <v>36</v>
      </c>
      <c r="IS38" s="71">
        <v>15</v>
      </c>
      <c r="IT38" s="72">
        <v>276</v>
      </c>
      <c r="IU38" s="73">
        <v>369</v>
      </c>
      <c r="IV38" s="70">
        <v>39</v>
      </c>
      <c r="IW38" s="71">
        <v>63</v>
      </c>
      <c r="IX38" s="72">
        <v>102</v>
      </c>
      <c r="IY38" s="241"/>
      <c r="IZ38" s="71">
        <v>135</v>
      </c>
      <c r="JA38" s="71">
        <v>77</v>
      </c>
      <c r="JB38" s="71">
        <v>49</v>
      </c>
      <c r="JC38" s="71">
        <v>43</v>
      </c>
      <c r="JD38" s="71">
        <v>26</v>
      </c>
      <c r="JE38" s="72">
        <v>330</v>
      </c>
      <c r="JF38" s="73">
        <v>432</v>
      </c>
      <c r="JG38" s="70">
        <v>41</v>
      </c>
      <c r="JH38" s="71">
        <v>34</v>
      </c>
      <c r="JI38" s="72">
        <v>75</v>
      </c>
      <c r="JJ38" s="244"/>
      <c r="JK38" s="71">
        <v>110</v>
      </c>
      <c r="JL38" s="71">
        <v>101</v>
      </c>
      <c r="JM38" s="71">
        <v>79</v>
      </c>
      <c r="JN38" s="71">
        <v>79</v>
      </c>
      <c r="JO38" s="71">
        <v>40</v>
      </c>
      <c r="JP38" s="72">
        <v>409</v>
      </c>
      <c r="JQ38" s="73">
        <v>484</v>
      </c>
      <c r="JR38" s="70">
        <v>0</v>
      </c>
      <c r="JS38" s="71">
        <v>3</v>
      </c>
      <c r="JT38" s="72">
        <v>3</v>
      </c>
      <c r="JU38" s="244"/>
      <c r="JV38" s="71">
        <v>3</v>
      </c>
      <c r="JW38" s="71">
        <v>8</v>
      </c>
      <c r="JX38" s="71">
        <v>2</v>
      </c>
      <c r="JY38" s="71">
        <v>3</v>
      </c>
      <c r="JZ38" s="71">
        <v>2</v>
      </c>
      <c r="KA38" s="72">
        <v>18</v>
      </c>
      <c r="KB38" s="73">
        <v>21</v>
      </c>
      <c r="KC38" s="70">
        <v>178</v>
      </c>
      <c r="KD38" s="71">
        <v>197</v>
      </c>
      <c r="KE38" s="72">
        <v>375</v>
      </c>
      <c r="KF38" s="244"/>
      <c r="KG38" s="71">
        <v>474</v>
      </c>
      <c r="KH38" s="71">
        <v>319</v>
      </c>
      <c r="KI38" s="71">
        <v>207</v>
      </c>
      <c r="KJ38" s="71">
        <v>205</v>
      </c>
      <c r="KK38" s="71">
        <v>112</v>
      </c>
      <c r="KL38" s="72">
        <v>1317</v>
      </c>
      <c r="KM38" s="73">
        <v>1692</v>
      </c>
    </row>
    <row r="39" spans="2:299" ht="19.5" customHeight="1" x14ac:dyDescent="0.2">
      <c r="B39" s="126" t="s">
        <v>36</v>
      </c>
      <c r="C39" s="315">
        <v>67</v>
      </c>
      <c r="D39" s="82">
        <v>90</v>
      </c>
      <c r="E39" s="83">
        <v>157</v>
      </c>
      <c r="F39" s="241"/>
      <c r="G39" s="82">
        <v>148</v>
      </c>
      <c r="H39" s="82">
        <v>145</v>
      </c>
      <c r="I39" s="82">
        <v>107</v>
      </c>
      <c r="J39" s="82">
        <v>67</v>
      </c>
      <c r="K39" s="82">
        <v>45</v>
      </c>
      <c r="L39" s="84">
        <v>512</v>
      </c>
      <c r="M39" s="85">
        <v>669</v>
      </c>
      <c r="N39" s="70">
        <v>6</v>
      </c>
      <c r="O39" s="71">
        <v>7</v>
      </c>
      <c r="P39" s="72">
        <v>13</v>
      </c>
      <c r="Q39" s="241"/>
      <c r="R39" s="71">
        <v>7</v>
      </c>
      <c r="S39" s="71">
        <v>15</v>
      </c>
      <c r="T39" s="71">
        <v>7</v>
      </c>
      <c r="U39" s="71">
        <v>7</v>
      </c>
      <c r="V39" s="71">
        <v>3</v>
      </c>
      <c r="W39" s="72">
        <v>39</v>
      </c>
      <c r="X39" s="73">
        <v>52</v>
      </c>
      <c r="Y39" s="70">
        <v>8</v>
      </c>
      <c r="Z39" s="71">
        <v>14</v>
      </c>
      <c r="AA39" s="72">
        <v>22</v>
      </c>
      <c r="AB39" s="241"/>
      <c r="AC39" s="71">
        <v>22</v>
      </c>
      <c r="AD39" s="71">
        <v>20</v>
      </c>
      <c r="AE39" s="71">
        <v>14</v>
      </c>
      <c r="AF39" s="71">
        <v>12</v>
      </c>
      <c r="AG39" s="71">
        <v>11</v>
      </c>
      <c r="AH39" s="72">
        <v>79</v>
      </c>
      <c r="AI39" s="73">
        <v>101</v>
      </c>
      <c r="AJ39" s="70">
        <v>12</v>
      </c>
      <c r="AK39" s="71">
        <v>14</v>
      </c>
      <c r="AL39" s="72">
        <v>26</v>
      </c>
      <c r="AM39" s="241"/>
      <c r="AN39" s="71">
        <v>28</v>
      </c>
      <c r="AO39" s="71">
        <v>31</v>
      </c>
      <c r="AP39" s="71">
        <v>19</v>
      </c>
      <c r="AQ39" s="71">
        <v>13</v>
      </c>
      <c r="AR39" s="71">
        <v>6</v>
      </c>
      <c r="AS39" s="72">
        <v>97</v>
      </c>
      <c r="AT39" s="73">
        <v>123</v>
      </c>
      <c r="AU39" s="70">
        <v>20</v>
      </c>
      <c r="AV39" s="71">
        <v>31</v>
      </c>
      <c r="AW39" s="72">
        <v>51</v>
      </c>
      <c r="AX39" s="241"/>
      <c r="AY39" s="71">
        <v>41</v>
      </c>
      <c r="AZ39" s="71">
        <v>31</v>
      </c>
      <c r="BA39" s="71">
        <v>26</v>
      </c>
      <c r="BB39" s="71">
        <v>11</v>
      </c>
      <c r="BC39" s="71">
        <v>13</v>
      </c>
      <c r="BD39" s="72">
        <v>122</v>
      </c>
      <c r="BE39" s="73">
        <v>173</v>
      </c>
      <c r="BF39" s="70">
        <v>16</v>
      </c>
      <c r="BG39" s="71">
        <v>17</v>
      </c>
      <c r="BH39" s="72">
        <v>33</v>
      </c>
      <c r="BI39" s="241"/>
      <c r="BJ39" s="71">
        <v>31</v>
      </c>
      <c r="BK39" s="71">
        <v>25</v>
      </c>
      <c r="BL39" s="71">
        <v>25</v>
      </c>
      <c r="BM39" s="71">
        <v>17</v>
      </c>
      <c r="BN39" s="71">
        <v>6</v>
      </c>
      <c r="BO39" s="72">
        <v>104</v>
      </c>
      <c r="BP39" s="73">
        <v>137</v>
      </c>
      <c r="BQ39" s="70">
        <v>5</v>
      </c>
      <c r="BR39" s="71">
        <v>7</v>
      </c>
      <c r="BS39" s="72">
        <v>12</v>
      </c>
      <c r="BT39" s="241"/>
      <c r="BU39" s="71">
        <v>19</v>
      </c>
      <c r="BV39" s="71">
        <v>23</v>
      </c>
      <c r="BW39" s="71">
        <v>16</v>
      </c>
      <c r="BX39" s="71">
        <v>7</v>
      </c>
      <c r="BY39" s="71">
        <v>6</v>
      </c>
      <c r="BZ39" s="72">
        <v>71</v>
      </c>
      <c r="CA39" s="73">
        <v>83</v>
      </c>
      <c r="CB39" s="70">
        <v>1</v>
      </c>
      <c r="CC39" s="71">
        <v>3</v>
      </c>
      <c r="CD39" s="72">
        <v>4</v>
      </c>
      <c r="CE39" s="241"/>
      <c r="CF39" s="71">
        <v>5</v>
      </c>
      <c r="CG39" s="71">
        <v>5</v>
      </c>
      <c r="CH39" s="71">
        <v>7</v>
      </c>
      <c r="CI39" s="71">
        <v>6</v>
      </c>
      <c r="CJ39" s="71">
        <v>2</v>
      </c>
      <c r="CK39" s="72">
        <v>25</v>
      </c>
      <c r="CL39" s="73">
        <v>29</v>
      </c>
      <c r="CM39" s="70">
        <v>68</v>
      </c>
      <c r="CN39" s="71">
        <v>93</v>
      </c>
      <c r="CO39" s="72">
        <v>161</v>
      </c>
      <c r="CP39" s="241"/>
      <c r="CQ39" s="71">
        <v>153</v>
      </c>
      <c r="CR39" s="71">
        <v>150</v>
      </c>
      <c r="CS39" s="71">
        <v>114</v>
      </c>
      <c r="CT39" s="71">
        <v>73</v>
      </c>
      <c r="CU39" s="71">
        <v>47</v>
      </c>
      <c r="CV39" s="72">
        <v>537</v>
      </c>
      <c r="CW39" s="73">
        <v>698</v>
      </c>
      <c r="CX39" s="123">
        <v>101</v>
      </c>
      <c r="CY39" s="82">
        <v>165</v>
      </c>
      <c r="CZ39" s="83">
        <v>266</v>
      </c>
      <c r="DA39" s="241"/>
      <c r="DB39" s="82">
        <v>264</v>
      </c>
      <c r="DC39" s="82">
        <v>190</v>
      </c>
      <c r="DD39" s="82">
        <v>177</v>
      </c>
      <c r="DE39" s="82">
        <v>170</v>
      </c>
      <c r="DF39" s="82">
        <v>138</v>
      </c>
      <c r="DG39" s="84">
        <v>939</v>
      </c>
      <c r="DH39" s="85">
        <v>1205</v>
      </c>
      <c r="DI39" s="70">
        <v>2</v>
      </c>
      <c r="DJ39" s="71">
        <v>8</v>
      </c>
      <c r="DK39" s="72">
        <v>10</v>
      </c>
      <c r="DL39" s="241"/>
      <c r="DM39" s="71">
        <v>7</v>
      </c>
      <c r="DN39" s="71">
        <v>8</v>
      </c>
      <c r="DO39" s="71">
        <v>6</v>
      </c>
      <c r="DP39" s="71">
        <v>5</v>
      </c>
      <c r="DQ39" s="71">
        <v>6</v>
      </c>
      <c r="DR39" s="72">
        <v>32</v>
      </c>
      <c r="DS39" s="73">
        <v>42</v>
      </c>
      <c r="DT39" s="70">
        <v>7</v>
      </c>
      <c r="DU39" s="71">
        <v>23</v>
      </c>
      <c r="DV39" s="72">
        <v>30</v>
      </c>
      <c r="DW39" s="241"/>
      <c r="DX39" s="71">
        <v>23</v>
      </c>
      <c r="DY39" s="71">
        <v>16</v>
      </c>
      <c r="DZ39" s="71">
        <v>14</v>
      </c>
      <c r="EA39" s="71">
        <v>11</v>
      </c>
      <c r="EB39" s="71">
        <v>9</v>
      </c>
      <c r="EC39" s="72">
        <v>73</v>
      </c>
      <c r="ED39" s="73">
        <v>103</v>
      </c>
      <c r="EE39" s="70">
        <v>18</v>
      </c>
      <c r="EF39" s="71">
        <v>26</v>
      </c>
      <c r="EG39" s="72">
        <v>44</v>
      </c>
      <c r="EH39" s="241"/>
      <c r="EI39" s="71">
        <v>33</v>
      </c>
      <c r="EJ39" s="71">
        <v>21</v>
      </c>
      <c r="EK39" s="71">
        <v>13</v>
      </c>
      <c r="EL39" s="71">
        <v>17</v>
      </c>
      <c r="EM39" s="71">
        <v>22</v>
      </c>
      <c r="EN39" s="72">
        <v>106</v>
      </c>
      <c r="EO39" s="73">
        <v>150</v>
      </c>
      <c r="EP39" s="70">
        <v>36</v>
      </c>
      <c r="EQ39" s="71">
        <v>52</v>
      </c>
      <c r="ER39" s="72">
        <v>88</v>
      </c>
      <c r="ES39" s="241"/>
      <c r="ET39" s="71">
        <v>82</v>
      </c>
      <c r="EU39" s="71">
        <v>45</v>
      </c>
      <c r="EV39" s="71">
        <v>44</v>
      </c>
      <c r="EW39" s="71">
        <v>32</v>
      </c>
      <c r="EX39" s="71">
        <v>31</v>
      </c>
      <c r="EY39" s="72">
        <v>234</v>
      </c>
      <c r="EZ39" s="73">
        <v>322</v>
      </c>
      <c r="FA39" s="70">
        <v>25</v>
      </c>
      <c r="FB39" s="71">
        <v>34</v>
      </c>
      <c r="FC39" s="72">
        <v>59</v>
      </c>
      <c r="FD39" s="241"/>
      <c r="FE39" s="71">
        <v>75</v>
      </c>
      <c r="FF39" s="71">
        <v>48</v>
      </c>
      <c r="FG39" s="71">
        <v>41</v>
      </c>
      <c r="FH39" s="71">
        <v>40</v>
      </c>
      <c r="FI39" s="71">
        <v>30</v>
      </c>
      <c r="FJ39" s="72">
        <v>234</v>
      </c>
      <c r="FK39" s="73">
        <v>293</v>
      </c>
      <c r="FL39" s="70">
        <v>13</v>
      </c>
      <c r="FM39" s="71">
        <v>22</v>
      </c>
      <c r="FN39" s="72">
        <v>35</v>
      </c>
      <c r="FO39" s="241"/>
      <c r="FP39" s="71">
        <v>44</v>
      </c>
      <c r="FQ39" s="71">
        <v>52</v>
      </c>
      <c r="FR39" s="71">
        <v>59</v>
      </c>
      <c r="FS39" s="71">
        <v>65</v>
      </c>
      <c r="FT39" s="71">
        <v>40</v>
      </c>
      <c r="FU39" s="72">
        <v>260</v>
      </c>
      <c r="FV39" s="73">
        <v>295</v>
      </c>
      <c r="FW39" s="70">
        <v>1</v>
      </c>
      <c r="FX39" s="71">
        <v>2</v>
      </c>
      <c r="FY39" s="72">
        <v>3</v>
      </c>
      <c r="FZ39" s="244"/>
      <c r="GA39" s="71">
        <v>2</v>
      </c>
      <c r="GB39" s="71">
        <v>2</v>
      </c>
      <c r="GC39" s="71">
        <v>1</v>
      </c>
      <c r="GD39" s="71">
        <v>2</v>
      </c>
      <c r="GE39" s="71">
        <v>3</v>
      </c>
      <c r="GF39" s="72">
        <v>10</v>
      </c>
      <c r="GG39" s="73">
        <v>13</v>
      </c>
      <c r="GH39" s="70">
        <v>102</v>
      </c>
      <c r="GI39" s="71">
        <v>167</v>
      </c>
      <c r="GJ39" s="72">
        <v>269</v>
      </c>
      <c r="GK39" s="244"/>
      <c r="GL39" s="71">
        <v>266</v>
      </c>
      <c r="GM39" s="71">
        <v>192</v>
      </c>
      <c r="GN39" s="71">
        <v>178</v>
      </c>
      <c r="GO39" s="71">
        <v>172</v>
      </c>
      <c r="GP39" s="71">
        <v>141</v>
      </c>
      <c r="GQ39" s="72">
        <v>949</v>
      </c>
      <c r="GR39" s="73">
        <v>1218</v>
      </c>
      <c r="GS39" s="123">
        <v>168</v>
      </c>
      <c r="GT39" s="82">
        <v>255</v>
      </c>
      <c r="GU39" s="83">
        <v>423</v>
      </c>
      <c r="GV39" s="241"/>
      <c r="GW39" s="82">
        <v>412</v>
      </c>
      <c r="GX39" s="82">
        <v>335</v>
      </c>
      <c r="GY39" s="82">
        <v>284</v>
      </c>
      <c r="GZ39" s="82">
        <v>237</v>
      </c>
      <c r="HA39" s="82">
        <v>183</v>
      </c>
      <c r="HB39" s="84">
        <v>1451</v>
      </c>
      <c r="HC39" s="85">
        <v>1874</v>
      </c>
      <c r="HD39" s="70">
        <v>8</v>
      </c>
      <c r="HE39" s="71">
        <v>15</v>
      </c>
      <c r="HF39" s="72">
        <v>23</v>
      </c>
      <c r="HG39" s="241"/>
      <c r="HH39" s="71">
        <v>14</v>
      </c>
      <c r="HI39" s="71">
        <v>23</v>
      </c>
      <c r="HJ39" s="71">
        <v>13</v>
      </c>
      <c r="HK39" s="71">
        <v>12</v>
      </c>
      <c r="HL39" s="71">
        <v>9</v>
      </c>
      <c r="HM39" s="72">
        <v>71</v>
      </c>
      <c r="HN39" s="73">
        <v>94</v>
      </c>
      <c r="HO39" s="70">
        <v>15</v>
      </c>
      <c r="HP39" s="71">
        <v>37</v>
      </c>
      <c r="HQ39" s="72">
        <v>52</v>
      </c>
      <c r="HR39" s="241"/>
      <c r="HS39" s="71">
        <v>45</v>
      </c>
      <c r="HT39" s="71">
        <v>36</v>
      </c>
      <c r="HU39" s="71">
        <v>28</v>
      </c>
      <c r="HV39" s="71">
        <v>23</v>
      </c>
      <c r="HW39" s="71">
        <v>20</v>
      </c>
      <c r="HX39" s="72">
        <v>152</v>
      </c>
      <c r="HY39" s="73">
        <v>204</v>
      </c>
      <c r="HZ39" s="70">
        <v>30</v>
      </c>
      <c r="IA39" s="71">
        <v>40</v>
      </c>
      <c r="IB39" s="72">
        <v>70</v>
      </c>
      <c r="IC39" s="241"/>
      <c r="ID39" s="71">
        <v>61</v>
      </c>
      <c r="IE39" s="71">
        <v>52</v>
      </c>
      <c r="IF39" s="71">
        <v>32</v>
      </c>
      <c r="IG39" s="71">
        <v>30</v>
      </c>
      <c r="IH39" s="71">
        <v>28</v>
      </c>
      <c r="II39" s="72">
        <v>203</v>
      </c>
      <c r="IJ39" s="73">
        <v>273</v>
      </c>
      <c r="IK39" s="70">
        <v>56</v>
      </c>
      <c r="IL39" s="71">
        <v>83</v>
      </c>
      <c r="IM39" s="72">
        <v>139</v>
      </c>
      <c r="IN39" s="241"/>
      <c r="IO39" s="71">
        <v>123</v>
      </c>
      <c r="IP39" s="71">
        <v>76</v>
      </c>
      <c r="IQ39" s="71">
        <v>70</v>
      </c>
      <c r="IR39" s="71">
        <v>43</v>
      </c>
      <c r="IS39" s="71">
        <v>44</v>
      </c>
      <c r="IT39" s="72">
        <v>356</v>
      </c>
      <c r="IU39" s="73">
        <v>495</v>
      </c>
      <c r="IV39" s="70">
        <v>41</v>
      </c>
      <c r="IW39" s="71">
        <v>51</v>
      </c>
      <c r="IX39" s="72">
        <v>92</v>
      </c>
      <c r="IY39" s="241"/>
      <c r="IZ39" s="71">
        <v>106</v>
      </c>
      <c r="JA39" s="71">
        <v>73</v>
      </c>
      <c r="JB39" s="71">
        <v>66</v>
      </c>
      <c r="JC39" s="71">
        <v>57</v>
      </c>
      <c r="JD39" s="71">
        <v>36</v>
      </c>
      <c r="JE39" s="72">
        <v>338</v>
      </c>
      <c r="JF39" s="73">
        <v>430</v>
      </c>
      <c r="JG39" s="70">
        <v>18</v>
      </c>
      <c r="JH39" s="71">
        <v>29</v>
      </c>
      <c r="JI39" s="72">
        <v>47</v>
      </c>
      <c r="JJ39" s="244"/>
      <c r="JK39" s="71">
        <v>63</v>
      </c>
      <c r="JL39" s="71">
        <v>75</v>
      </c>
      <c r="JM39" s="71">
        <v>75</v>
      </c>
      <c r="JN39" s="71">
        <v>72</v>
      </c>
      <c r="JO39" s="71">
        <v>46</v>
      </c>
      <c r="JP39" s="72">
        <v>331</v>
      </c>
      <c r="JQ39" s="73">
        <v>378</v>
      </c>
      <c r="JR39" s="70">
        <v>2</v>
      </c>
      <c r="JS39" s="71">
        <v>5</v>
      </c>
      <c r="JT39" s="72">
        <v>7</v>
      </c>
      <c r="JU39" s="244"/>
      <c r="JV39" s="71">
        <v>7</v>
      </c>
      <c r="JW39" s="71">
        <v>7</v>
      </c>
      <c r="JX39" s="71">
        <v>8</v>
      </c>
      <c r="JY39" s="71">
        <v>8</v>
      </c>
      <c r="JZ39" s="71">
        <v>5</v>
      </c>
      <c r="KA39" s="72">
        <v>35</v>
      </c>
      <c r="KB39" s="73">
        <v>42</v>
      </c>
      <c r="KC39" s="70">
        <v>170</v>
      </c>
      <c r="KD39" s="71">
        <v>260</v>
      </c>
      <c r="KE39" s="72">
        <v>430</v>
      </c>
      <c r="KF39" s="244"/>
      <c r="KG39" s="71">
        <v>419</v>
      </c>
      <c r="KH39" s="71">
        <v>342</v>
      </c>
      <c r="KI39" s="71">
        <v>292</v>
      </c>
      <c r="KJ39" s="71">
        <v>245</v>
      </c>
      <c r="KK39" s="71">
        <v>188</v>
      </c>
      <c r="KL39" s="72">
        <v>1486</v>
      </c>
      <c r="KM39" s="73">
        <v>1916</v>
      </c>
    </row>
    <row r="40" spans="2:299" ht="19.5" customHeight="1" thickBot="1" x14ac:dyDescent="0.25">
      <c r="B40" s="127" t="s">
        <v>37</v>
      </c>
      <c r="C40" s="316">
        <v>3</v>
      </c>
      <c r="D40" s="87">
        <v>5</v>
      </c>
      <c r="E40" s="88">
        <v>8</v>
      </c>
      <c r="F40" s="242"/>
      <c r="G40" s="87">
        <v>11</v>
      </c>
      <c r="H40" s="87">
        <v>4</v>
      </c>
      <c r="I40" s="87">
        <v>12</v>
      </c>
      <c r="J40" s="87">
        <v>5</v>
      </c>
      <c r="K40" s="87">
        <v>6</v>
      </c>
      <c r="L40" s="89">
        <v>38</v>
      </c>
      <c r="M40" s="90">
        <v>46</v>
      </c>
      <c r="N40" s="74">
        <v>0</v>
      </c>
      <c r="O40" s="75">
        <v>1</v>
      </c>
      <c r="P40" s="76">
        <v>1</v>
      </c>
      <c r="Q40" s="242"/>
      <c r="R40" s="75">
        <v>2</v>
      </c>
      <c r="S40" s="75">
        <v>0</v>
      </c>
      <c r="T40" s="75">
        <v>0</v>
      </c>
      <c r="U40" s="75">
        <v>1</v>
      </c>
      <c r="V40" s="75">
        <v>1</v>
      </c>
      <c r="W40" s="76">
        <v>4</v>
      </c>
      <c r="X40" s="77">
        <v>5</v>
      </c>
      <c r="Y40" s="74">
        <v>1</v>
      </c>
      <c r="Z40" s="75">
        <v>1</v>
      </c>
      <c r="AA40" s="76">
        <v>2</v>
      </c>
      <c r="AB40" s="242"/>
      <c r="AC40" s="75">
        <v>0</v>
      </c>
      <c r="AD40" s="75">
        <v>0</v>
      </c>
      <c r="AE40" s="75">
        <v>3</v>
      </c>
      <c r="AF40" s="75">
        <v>0</v>
      </c>
      <c r="AG40" s="75">
        <v>0</v>
      </c>
      <c r="AH40" s="76">
        <v>3</v>
      </c>
      <c r="AI40" s="77">
        <v>5</v>
      </c>
      <c r="AJ40" s="74">
        <v>0</v>
      </c>
      <c r="AK40" s="75">
        <v>1</v>
      </c>
      <c r="AL40" s="76">
        <v>1</v>
      </c>
      <c r="AM40" s="242"/>
      <c r="AN40" s="75">
        <v>1</v>
      </c>
      <c r="AO40" s="75">
        <v>0</v>
      </c>
      <c r="AP40" s="75">
        <v>2</v>
      </c>
      <c r="AQ40" s="75">
        <v>1</v>
      </c>
      <c r="AR40" s="75">
        <v>1</v>
      </c>
      <c r="AS40" s="76">
        <v>5</v>
      </c>
      <c r="AT40" s="77">
        <v>6</v>
      </c>
      <c r="AU40" s="74">
        <v>2</v>
      </c>
      <c r="AV40" s="75">
        <v>1</v>
      </c>
      <c r="AW40" s="76">
        <v>3</v>
      </c>
      <c r="AX40" s="242"/>
      <c r="AY40" s="75">
        <v>4</v>
      </c>
      <c r="AZ40" s="75">
        <v>1</v>
      </c>
      <c r="BA40" s="75">
        <v>2</v>
      </c>
      <c r="BB40" s="75">
        <v>1</v>
      </c>
      <c r="BC40" s="75">
        <v>1</v>
      </c>
      <c r="BD40" s="76">
        <v>9</v>
      </c>
      <c r="BE40" s="77">
        <v>12</v>
      </c>
      <c r="BF40" s="74">
        <v>0</v>
      </c>
      <c r="BG40" s="75">
        <v>1</v>
      </c>
      <c r="BH40" s="76">
        <v>1</v>
      </c>
      <c r="BI40" s="242"/>
      <c r="BJ40" s="75">
        <v>1</v>
      </c>
      <c r="BK40" s="75">
        <v>2</v>
      </c>
      <c r="BL40" s="75">
        <v>3</v>
      </c>
      <c r="BM40" s="75">
        <v>1</v>
      </c>
      <c r="BN40" s="75">
        <v>2</v>
      </c>
      <c r="BO40" s="76">
        <v>9</v>
      </c>
      <c r="BP40" s="77">
        <v>10</v>
      </c>
      <c r="BQ40" s="74">
        <v>0</v>
      </c>
      <c r="BR40" s="75">
        <v>0</v>
      </c>
      <c r="BS40" s="76">
        <v>0</v>
      </c>
      <c r="BT40" s="242"/>
      <c r="BU40" s="75">
        <v>3</v>
      </c>
      <c r="BV40" s="75">
        <v>1</v>
      </c>
      <c r="BW40" s="75">
        <v>2</v>
      </c>
      <c r="BX40" s="75">
        <v>1</v>
      </c>
      <c r="BY40" s="75">
        <v>1</v>
      </c>
      <c r="BZ40" s="76">
        <v>8</v>
      </c>
      <c r="CA40" s="77">
        <v>8</v>
      </c>
      <c r="CB40" s="74">
        <v>0</v>
      </c>
      <c r="CC40" s="75">
        <v>0</v>
      </c>
      <c r="CD40" s="76">
        <v>0</v>
      </c>
      <c r="CE40" s="242"/>
      <c r="CF40" s="75">
        <v>1</v>
      </c>
      <c r="CG40" s="75">
        <v>0</v>
      </c>
      <c r="CH40" s="75">
        <v>0</v>
      </c>
      <c r="CI40" s="75">
        <v>1</v>
      </c>
      <c r="CJ40" s="75">
        <v>0</v>
      </c>
      <c r="CK40" s="76">
        <v>2</v>
      </c>
      <c r="CL40" s="77">
        <v>2</v>
      </c>
      <c r="CM40" s="74">
        <v>3</v>
      </c>
      <c r="CN40" s="75">
        <v>5</v>
      </c>
      <c r="CO40" s="76">
        <v>8</v>
      </c>
      <c r="CP40" s="242"/>
      <c r="CQ40" s="75">
        <v>12</v>
      </c>
      <c r="CR40" s="75">
        <v>4</v>
      </c>
      <c r="CS40" s="75">
        <v>12</v>
      </c>
      <c r="CT40" s="75">
        <v>6</v>
      </c>
      <c r="CU40" s="75">
        <v>6</v>
      </c>
      <c r="CV40" s="76">
        <v>40</v>
      </c>
      <c r="CW40" s="77">
        <v>48</v>
      </c>
      <c r="CX40" s="124">
        <v>14</v>
      </c>
      <c r="CY40" s="87">
        <v>5</v>
      </c>
      <c r="CZ40" s="88">
        <v>19</v>
      </c>
      <c r="DA40" s="242"/>
      <c r="DB40" s="87">
        <v>26</v>
      </c>
      <c r="DC40" s="87">
        <v>14</v>
      </c>
      <c r="DD40" s="87">
        <v>25</v>
      </c>
      <c r="DE40" s="87">
        <v>14</v>
      </c>
      <c r="DF40" s="87">
        <v>10</v>
      </c>
      <c r="DG40" s="89">
        <v>89</v>
      </c>
      <c r="DH40" s="90">
        <v>108</v>
      </c>
      <c r="DI40" s="74">
        <v>0</v>
      </c>
      <c r="DJ40" s="75">
        <v>0</v>
      </c>
      <c r="DK40" s="76">
        <v>0</v>
      </c>
      <c r="DL40" s="242"/>
      <c r="DM40" s="75">
        <v>0</v>
      </c>
      <c r="DN40" s="75">
        <v>0</v>
      </c>
      <c r="DO40" s="75">
        <v>1</v>
      </c>
      <c r="DP40" s="75">
        <v>0</v>
      </c>
      <c r="DQ40" s="75">
        <v>2</v>
      </c>
      <c r="DR40" s="76">
        <v>3</v>
      </c>
      <c r="DS40" s="77">
        <v>3</v>
      </c>
      <c r="DT40" s="74">
        <v>1</v>
      </c>
      <c r="DU40" s="75">
        <v>0</v>
      </c>
      <c r="DV40" s="76">
        <v>1</v>
      </c>
      <c r="DW40" s="242"/>
      <c r="DX40" s="75">
        <v>1</v>
      </c>
      <c r="DY40" s="75">
        <v>1</v>
      </c>
      <c r="DZ40" s="75">
        <v>1</v>
      </c>
      <c r="EA40" s="75">
        <v>1</v>
      </c>
      <c r="EB40" s="75">
        <v>0</v>
      </c>
      <c r="EC40" s="76">
        <v>4</v>
      </c>
      <c r="ED40" s="77">
        <v>5</v>
      </c>
      <c r="EE40" s="74">
        <v>1</v>
      </c>
      <c r="EF40" s="75">
        <v>1</v>
      </c>
      <c r="EG40" s="76">
        <v>2</v>
      </c>
      <c r="EH40" s="242"/>
      <c r="EI40" s="75">
        <v>2</v>
      </c>
      <c r="EJ40" s="75">
        <v>2</v>
      </c>
      <c r="EK40" s="75">
        <v>3</v>
      </c>
      <c r="EL40" s="75">
        <v>3</v>
      </c>
      <c r="EM40" s="75">
        <v>1</v>
      </c>
      <c r="EN40" s="76">
        <v>11</v>
      </c>
      <c r="EO40" s="77">
        <v>13</v>
      </c>
      <c r="EP40" s="74">
        <v>5</v>
      </c>
      <c r="EQ40" s="75">
        <v>1</v>
      </c>
      <c r="ER40" s="76">
        <v>6</v>
      </c>
      <c r="ES40" s="242"/>
      <c r="ET40" s="75">
        <v>7</v>
      </c>
      <c r="EU40" s="75">
        <v>4</v>
      </c>
      <c r="EV40" s="75">
        <v>5</v>
      </c>
      <c r="EW40" s="75">
        <v>0</v>
      </c>
      <c r="EX40" s="75">
        <v>1</v>
      </c>
      <c r="EY40" s="76">
        <v>17</v>
      </c>
      <c r="EZ40" s="77">
        <v>23</v>
      </c>
      <c r="FA40" s="74">
        <v>6</v>
      </c>
      <c r="FB40" s="75">
        <v>2</v>
      </c>
      <c r="FC40" s="76">
        <v>8</v>
      </c>
      <c r="FD40" s="242"/>
      <c r="FE40" s="75">
        <v>11</v>
      </c>
      <c r="FF40" s="75">
        <v>4</v>
      </c>
      <c r="FG40" s="75">
        <v>8</v>
      </c>
      <c r="FH40" s="75">
        <v>2</v>
      </c>
      <c r="FI40" s="75">
        <v>2</v>
      </c>
      <c r="FJ40" s="76">
        <v>27</v>
      </c>
      <c r="FK40" s="77">
        <v>35</v>
      </c>
      <c r="FL40" s="74">
        <v>1</v>
      </c>
      <c r="FM40" s="75">
        <v>1</v>
      </c>
      <c r="FN40" s="76">
        <v>2</v>
      </c>
      <c r="FO40" s="242"/>
      <c r="FP40" s="75">
        <v>5</v>
      </c>
      <c r="FQ40" s="75">
        <v>3</v>
      </c>
      <c r="FR40" s="75">
        <v>7</v>
      </c>
      <c r="FS40" s="75">
        <v>8</v>
      </c>
      <c r="FT40" s="75">
        <v>4</v>
      </c>
      <c r="FU40" s="76">
        <v>27</v>
      </c>
      <c r="FV40" s="77">
        <v>29</v>
      </c>
      <c r="FW40" s="74">
        <v>0</v>
      </c>
      <c r="FX40" s="75">
        <v>0</v>
      </c>
      <c r="FY40" s="76">
        <v>0</v>
      </c>
      <c r="FZ40" s="245"/>
      <c r="GA40" s="75">
        <v>0</v>
      </c>
      <c r="GB40" s="75">
        <v>1</v>
      </c>
      <c r="GC40" s="75">
        <v>1</v>
      </c>
      <c r="GD40" s="75">
        <v>0</v>
      </c>
      <c r="GE40" s="75">
        <v>0</v>
      </c>
      <c r="GF40" s="76">
        <v>2</v>
      </c>
      <c r="GG40" s="77">
        <v>2</v>
      </c>
      <c r="GH40" s="74">
        <v>14</v>
      </c>
      <c r="GI40" s="75">
        <v>5</v>
      </c>
      <c r="GJ40" s="76">
        <v>19</v>
      </c>
      <c r="GK40" s="245"/>
      <c r="GL40" s="75">
        <v>26</v>
      </c>
      <c r="GM40" s="75">
        <v>15</v>
      </c>
      <c r="GN40" s="75">
        <v>26</v>
      </c>
      <c r="GO40" s="75">
        <v>14</v>
      </c>
      <c r="GP40" s="75">
        <v>10</v>
      </c>
      <c r="GQ40" s="76">
        <v>91</v>
      </c>
      <c r="GR40" s="77">
        <v>110</v>
      </c>
      <c r="GS40" s="124">
        <v>17</v>
      </c>
      <c r="GT40" s="87">
        <v>10</v>
      </c>
      <c r="GU40" s="88">
        <v>27</v>
      </c>
      <c r="GV40" s="242"/>
      <c r="GW40" s="87">
        <v>37</v>
      </c>
      <c r="GX40" s="87">
        <v>18</v>
      </c>
      <c r="GY40" s="87">
        <v>37</v>
      </c>
      <c r="GZ40" s="87">
        <v>19</v>
      </c>
      <c r="HA40" s="87">
        <v>16</v>
      </c>
      <c r="HB40" s="89">
        <v>127</v>
      </c>
      <c r="HC40" s="90">
        <v>154</v>
      </c>
      <c r="HD40" s="74">
        <v>0</v>
      </c>
      <c r="HE40" s="75">
        <v>1</v>
      </c>
      <c r="HF40" s="76">
        <v>1</v>
      </c>
      <c r="HG40" s="242"/>
      <c r="HH40" s="75">
        <v>2</v>
      </c>
      <c r="HI40" s="75">
        <v>0</v>
      </c>
      <c r="HJ40" s="75">
        <v>1</v>
      </c>
      <c r="HK40" s="75">
        <v>1</v>
      </c>
      <c r="HL40" s="75">
        <v>3</v>
      </c>
      <c r="HM40" s="76">
        <v>7</v>
      </c>
      <c r="HN40" s="77">
        <v>8</v>
      </c>
      <c r="HO40" s="74">
        <v>2</v>
      </c>
      <c r="HP40" s="75">
        <v>1</v>
      </c>
      <c r="HQ40" s="76">
        <v>3</v>
      </c>
      <c r="HR40" s="242"/>
      <c r="HS40" s="75">
        <v>1</v>
      </c>
      <c r="HT40" s="75">
        <v>1</v>
      </c>
      <c r="HU40" s="75">
        <v>4</v>
      </c>
      <c r="HV40" s="75">
        <v>1</v>
      </c>
      <c r="HW40" s="75">
        <v>0</v>
      </c>
      <c r="HX40" s="76">
        <v>7</v>
      </c>
      <c r="HY40" s="77">
        <v>10</v>
      </c>
      <c r="HZ40" s="74">
        <v>1</v>
      </c>
      <c r="IA40" s="75">
        <v>2</v>
      </c>
      <c r="IB40" s="76">
        <v>3</v>
      </c>
      <c r="IC40" s="242"/>
      <c r="ID40" s="75">
        <v>3</v>
      </c>
      <c r="IE40" s="75">
        <v>2</v>
      </c>
      <c r="IF40" s="75">
        <v>5</v>
      </c>
      <c r="IG40" s="75">
        <v>4</v>
      </c>
      <c r="IH40" s="75">
        <v>2</v>
      </c>
      <c r="II40" s="76">
        <v>16</v>
      </c>
      <c r="IJ40" s="77">
        <v>19</v>
      </c>
      <c r="IK40" s="74">
        <v>7</v>
      </c>
      <c r="IL40" s="75">
        <v>2</v>
      </c>
      <c r="IM40" s="76">
        <v>9</v>
      </c>
      <c r="IN40" s="242"/>
      <c r="IO40" s="75">
        <v>11</v>
      </c>
      <c r="IP40" s="75">
        <v>5</v>
      </c>
      <c r="IQ40" s="75">
        <v>7</v>
      </c>
      <c r="IR40" s="75">
        <v>1</v>
      </c>
      <c r="IS40" s="75">
        <v>2</v>
      </c>
      <c r="IT40" s="76">
        <v>26</v>
      </c>
      <c r="IU40" s="77">
        <v>35</v>
      </c>
      <c r="IV40" s="74">
        <v>6</v>
      </c>
      <c r="IW40" s="75">
        <v>3</v>
      </c>
      <c r="IX40" s="76">
        <v>9</v>
      </c>
      <c r="IY40" s="242"/>
      <c r="IZ40" s="75">
        <v>12</v>
      </c>
      <c r="JA40" s="75">
        <v>6</v>
      </c>
      <c r="JB40" s="75">
        <v>11</v>
      </c>
      <c r="JC40" s="75">
        <v>3</v>
      </c>
      <c r="JD40" s="75">
        <v>4</v>
      </c>
      <c r="JE40" s="76">
        <v>36</v>
      </c>
      <c r="JF40" s="77">
        <v>45</v>
      </c>
      <c r="JG40" s="74">
        <v>1</v>
      </c>
      <c r="JH40" s="75">
        <v>1</v>
      </c>
      <c r="JI40" s="76">
        <v>2</v>
      </c>
      <c r="JJ40" s="245"/>
      <c r="JK40" s="75">
        <v>8</v>
      </c>
      <c r="JL40" s="75">
        <v>4</v>
      </c>
      <c r="JM40" s="75">
        <v>9</v>
      </c>
      <c r="JN40" s="75">
        <v>9</v>
      </c>
      <c r="JO40" s="75">
        <v>5</v>
      </c>
      <c r="JP40" s="76">
        <v>35</v>
      </c>
      <c r="JQ40" s="77">
        <v>37</v>
      </c>
      <c r="JR40" s="74">
        <v>0</v>
      </c>
      <c r="JS40" s="75">
        <v>0</v>
      </c>
      <c r="JT40" s="76">
        <v>0</v>
      </c>
      <c r="JU40" s="245"/>
      <c r="JV40" s="75">
        <v>1</v>
      </c>
      <c r="JW40" s="75">
        <v>1</v>
      </c>
      <c r="JX40" s="75">
        <v>1</v>
      </c>
      <c r="JY40" s="75">
        <v>1</v>
      </c>
      <c r="JZ40" s="75">
        <v>0</v>
      </c>
      <c r="KA40" s="76">
        <v>4</v>
      </c>
      <c r="KB40" s="77">
        <v>4</v>
      </c>
      <c r="KC40" s="74">
        <v>17</v>
      </c>
      <c r="KD40" s="75">
        <v>10</v>
      </c>
      <c r="KE40" s="76">
        <v>27</v>
      </c>
      <c r="KF40" s="245"/>
      <c r="KG40" s="75">
        <v>38</v>
      </c>
      <c r="KH40" s="75">
        <v>19</v>
      </c>
      <c r="KI40" s="75">
        <v>38</v>
      </c>
      <c r="KJ40" s="75">
        <v>20</v>
      </c>
      <c r="KK40" s="75">
        <v>16</v>
      </c>
      <c r="KL40" s="76">
        <v>131</v>
      </c>
      <c r="KM40" s="77">
        <v>158</v>
      </c>
    </row>
    <row r="41" spans="2:299" ht="32.25" customHeight="1" x14ac:dyDescent="0.2">
      <c r="C41" s="310" t="s">
        <v>126</v>
      </c>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6" width="9.6640625" style="1" bestFit="1" customWidth="1"/>
    <col min="7" max="7" width="9.109375" style="1" bestFit="1" customWidth="1"/>
    <col min="8"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F1" s="500">
        <f>第１表!F2</f>
        <v>4</v>
      </c>
      <c r="G1" s="246">
        <f>第１表!G2</f>
        <v>10</v>
      </c>
      <c r="H1" s="557">
        <f>IF(G1&lt;3,G1-2+12,G1-2)</f>
        <v>8</v>
      </c>
      <c r="I1" s="557"/>
    </row>
    <row r="2" spans="2:43" ht="24" customHeight="1" thickBot="1" x14ac:dyDescent="0.25">
      <c r="B2" s="20" t="s">
        <v>158</v>
      </c>
      <c r="F2" s="20" t="s">
        <v>140</v>
      </c>
    </row>
    <row r="3" spans="2:43" ht="24.75" customHeight="1" x14ac:dyDescent="0.2">
      <c r="B3" s="575"/>
      <c r="C3" s="578" t="s">
        <v>57</v>
      </c>
      <c r="D3" s="579"/>
      <c r="E3" s="579"/>
      <c r="F3" s="579"/>
      <c r="G3" s="579"/>
      <c r="H3" s="579"/>
      <c r="I3" s="579"/>
      <c r="J3" s="579"/>
      <c r="K3" s="579"/>
      <c r="L3" s="579"/>
      <c r="M3" s="578" t="s">
        <v>58</v>
      </c>
      <c r="N3" s="581"/>
      <c r="O3" s="581"/>
      <c r="P3" s="581"/>
      <c r="Q3" s="581"/>
      <c r="R3" s="581"/>
      <c r="S3" s="581"/>
      <c r="T3" s="581"/>
      <c r="U3" s="581"/>
      <c r="V3" s="581"/>
      <c r="W3" s="578" t="s">
        <v>59</v>
      </c>
      <c r="X3" s="579"/>
      <c r="Y3" s="579"/>
      <c r="Z3" s="579"/>
      <c r="AA3" s="579"/>
      <c r="AB3" s="579"/>
      <c r="AC3" s="579"/>
      <c r="AD3" s="579"/>
      <c r="AE3" s="579"/>
      <c r="AF3" s="579"/>
      <c r="AG3" s="607" t="s">
        <v>151</v>
      </c>
      <c r="AH3" s="579"/>
      <c r="AI3" s="579"/>
      <c r="AJ3" s="579"/>
      <c r="AK3" s="579"/>
      <c r="AL3" s="579"/>
      <c r="AM3" s="579"/>
      <c r="AN3" s="579"/>
      <c r="AO3" s="579"/>
      <c r="AP3" s="580"/>
    </row>
    <row r="4" spans="2:43" ht="24.75" customHeight="1" x14ac:dyDescent="0.2">
      <c r="B4" s="577"/>
      <c r="C4" s="583" t="s">
        <v>61</v>
      </c>
      <c r="D4" s="584"/>
      <c r="E4" s="585"/>
      <c r="F4" s="586" t="s">
        <v>62</v>
      </c>
      <c r="G4" s="587"/>
      <c r="H4" s="587"/>
      <c r="I4" s="587"/>
      <c r="J4" s="587"/>
      <c r="K4" s="588"/>
      <c r="L4" s="599" t="s">
        <v>52</v>
      </c>
      <c r="M4" s="583" t="s">
        <v>61</v>
      </c>
      <c r="N4" s="584"/>
      <c r="O4" s="585"/>
      <c r="P4" s="586" t="s">
        <v>62</v>
      </c>
      <c r="Q4" s="587"/>
      <c r="R4" s="587"/>
      <c r="S4" s="587"/>
      <c r="T4" s="587"/>
      <c r="U4" s="588"/>
      <c r="V4" s="589" t="s">
        <v>52</v>
      </c>
      <c r="W4" s="583" t="s">
        <v>61</v>
      </c>
      <c r="X4" s="584"/>
      <c r="Y4" s="585"/>
      <c r="Z4" s="586" t="s">
        <v>62</v>
      </c>
      <c r="AA4" s="587"/>
      <c r="AB4" s="587"/>
      <c r="AC4" s="587"/>
      <c r="AD4" s="587"/>
      <c r="AE4" s="588"/>
      <c r="AF4" s="599" t="s">
        <v>52</v>
      </c>
      <c r="AG4" s="583" t="s">
        <v>61</v>
      </c>
      <c r="AH4" s="584"/>
      <c r="AI4" s="585"/>
      <c r="AJ4" s="586" t="s">
        <v>62</v>
      </c>
      <c r="AK4" s="587"/>
      <c r="AL4" s="587"/>
      <c r="AM4" s="587"/>
      <c r="AN4" s="587"/>
      <c r="AO4" s="588"/>
      <c r="AP4" s="589" t="s">
        <v>52</v>
      </c>
    </row>
    <row r="5" spans="2:43" ht="24.75" customHeight="1" thickBot="1" x14ac:dyDescent="0.25">
      <c r="B5" s="362" t="s">
        <v>42</v>
      </c>
      <c r="C5" s="31" t="s">
        <v>43</v>
      </c>
      <c r="D5" s="32" t="s">
        <v>44</v>
      </c>
      <c r="E5" s="32" t="s">
        <v>45</v>
      </c>
      <c r="F5" s="33" t="s">
        <v>47</v>
      </c>
      <c r="G5" s="34" t="s">
        <v>48</v>
      </c>
      <c r="H5" s="34" t="s">
        <v>49</v>
      </c>
      <c r="I5" s="35" t="s">
        <v>50</v>
      </c>
      <c r="J5" s="32" t="s">
        <v>51</v>
      </c>
      <c r="K5" s="36" t="s">
        <v>95</v>
      </c>
      <c r="L5" s="598"/>
      <c r="M5" s="31" t="s">
        <v>43</v>
      </c>
      <c r="N5" s="32" t="s">
        <v>44</v>
      </c>
      <c r="O5" s="36" t="s">
        <v>45</v>
      </c>
      <c r="P5" s="15" t="s">
        <v>47</v>
      </c>
      <c r="Q5" s="34" t="s">
        <v>48</v>
      </c>
      <c r="R5" s="34" t="s">
        <v>49</v>
      </c>
      <c r="S5" s="35" t="s">
        <v>50</v>
      </c>
      <c r="T5" s="32" t="s">
        <v>51</v>
      </c>
      <c r="U5" s="36" t="s">
        <v>45</v>
      </c>
      <c r="V5" s="590"/>
      <c r="W5" s="31" t="s">
        <v>43</v>
      </c>
      <c r="X5" s="32" t="s">
        <v>44</v>
      </c>
      <c r="Y5" s="32" t="s">
        <v>45</v>
      </c>
      <c r="Z5" s="33" t="s">
        <v>47</v>
      </c>
      <c r="AA5" s="34" t="s">
        <v>48</v>
      </c>
      <c r="AB5" s="34" t="s">
        <v>49</v>
      </c>
      <c r="AC5" s="35" t="s">
        <v>50</v>
      </c>
      <c r="AD5" s="32" t="s">
        <v>51</v>
      </c>
      <c r="AE5" s="36" t="s">
        <v>45</v>
      </c>
      <c r="AF5" s="598"/>
      <c r="AG5" s="31" t="s">
        <v>43</v>
      </c>
      <c r="AH5" s="32" t="s">
        <v>44</v>
      </c>
      <c r="AI5" s="32" t="s">
        <v>45</v>
      </c>
      <c r="AJ5" s="33" t="s">
        <v>47</v>
      </c>
      <c r="AK5" s="34" t="s">
        <v>48</v>
      </c>
      <c r="AL5" s="34" t="s">
        <v>49</v>
      </c>
      <c r="AM5" s="35" t="s">
        <v>50</v>
      </c>
      <c r="AN5" s="32" t="s">
        <v>51</v>
      </c>
      <c r="AO5" s="36" t="s">
        <v>45</v>
      </c>
      <c r="AP5" s="590"/>
    </row>
    <row r="6" spans="2:43" ht="20.25" customHeight="1" x14ac:dyDescent="0.2">
      <c r="B6" s="361" t="s">
        <v>4</v>
      </c>
      <c r="C6" s="185">
        <v>0</v>
      </c>
      <c r="D6" s="186">
        <v>0</v>
      </c>
      <c r="E6" s="186">
        <v>0</v>
      </c>
      <c r="F6" s="187">
        <v>15</v>
      </c>
      <c r="G6" s="188">
        <v>56</v>
      </c>
      <c r="H6" s="188">
        <v>452</v>
      </c>
      <c r="I6" s="188">
        <v>647</v>
      </c>
      <c r="J6" s="186">
        <v>376</v>
      </c>
      <c r="K6" s="189">
        <v>1546</v>
      </c>
      <c r="L6" s="190">
        <v>1546</v>
      </c>
      <c r="M6" s="185">
        <v>0</v>
      </c>
      <c r="N6" s="186">
        <v>0</v>
      </c>
      <c r="O6" s="189">
        <v>0</v>
      </c>
      <c r="P6" s="192">
        <v>81</v>
      </c>
      <c r="Q6" s="188">
        <v>198</v>
      </c>
      <c r="R6" s="188">
        <v>269</v>
      </c>
      <c r="S6" s="188">
        <v>311</v>
      </c>
      <c r="T6" s="186">
        <v>173</v>
      </c>
      <c r="U6" s="189">
        <v>1032</v>
      </c>
      <c r="V6" s="193">
        <v>1032</v>
      </c>
      <c r="W6" s="192">
        <v>0</v>
      </c>
      <c r="X6" s="186">
        <v>0</v>
      </c>
      <c r="Y6" s="186">
        <v>0</v>
      </c>
      <c r="Z6" s="187">
        <v>0</v>
      </c>
      <c r="AA6" s="188">
        <v>0</v>
      </c>
      <c r="AB6" s="188">
        <v>2</v>
      </c>
      <c r="AC6" s="188">
        <v>10</v>
      </c>
      <c r="AD6" s="186">
        <v>15</v>
      </c>
      <c r="AE6" s="189">
        <v>27</v>
      </c>
      <c r="AF6" s="190">
        <v>27</v>
      </c>
      <c r="AG6" s="185">
        <v>0</v>
      </c>
      <c r="AH6" s="186">
        <v>0</v>
      </c>
      <c r="AI6" s="186">
        <v>0</v>
      </c>
      <c r="AJ6" s="187">
        <v>0</v>
      </c>
      <c r="AK6" s="188">
        <v>1</v>
      </c>
      <c r="AL6" s="188">
        <v>1</v>
      </c>
      <c r="AM6" s="188">
        <v>17</v>
      </c>
      <c r="AN6" s="186">
        <v>24</v>
      </c>
      <c r="AO6" s="189">
        <v>43</v>
      </c>
      <c r="AP6" s="191">
        <v>43</v>
      </c>
      <c r="AQ6" s="37"/>
    </row>
    <row r="7" spans="2:43" ht="20.25" customHeight="1" x14ac:dyDescent="0.2">
      <c r="B7" s="62" t="s">
        <v>5</v>
      </c>
      <c r="C7" s="194">
        <v>0</v>
      </c>
      <c r="D7" s="195">
        <v>0</v>
      </c>
      <c r="E7" s="195">
        <v>0</v>
      </c>
      <c r="F7" s="196">
        <v>8</v>
      </c>
      <c r="G7" s="197">
        <v>38</v>
      </c>
      <c r="H7" s="197">
        <v>238</v>
      </c>
      <c r="I7" s="197">
        <v>275</v>
      </c>
      <c r="J7" s="195">
        <v>177</v>
      </c>
      <c r="K7" s="198">
        <v>736</v>
      </c>
      <c r="L7" s="199">
        <v>736</v>
      </c>
      <c r="M7" s="194">
        <v>0</v>
      </c>
      <c r="N7" s="195">
        <v>0</v>
      </c>
      <c r="O7" s="198">
        <v>0</v>
      </c>
      <c r="P7" s="201">
        <v>32</v>
      </c>
      <c r="Q7" s="197">
        <v>104</v>
      </c>
      <c r="R7" s="197">
        <v>128</v>
      </c>
      <c r="S7" s="197">
        <v>154</v>
      </c>
      <c r="T7" s="195">
        <v>95</v>
      </c>
      <c r="U7" s="198">
        <v>513</v>
      </c>
      <c r="V7" s="202">
        <v>513</v>
      </c>
      <c r="W7" s="201">
        <v>0</v>
      </c>
      <c r="X7" s="195">
        <v>0</v>
      </c>
      <c r="Y7" s="195">
        <v>0</v>
      </c>
      <c r="Z7" s="196">
        <v>0</v>
      </c>
      <c r="AA7" s="197">
        <v>0</v>
      </c>
      <c r="AB7" s="197">
        <v>0</v>
      </c>
      <c r="AC7" s="197">
        <v>3</v>
      </c>
      <c r="AD7" s="195">
        <v>5</v>
      </c>
      <c r="AE7" s="198">
        <v>8</v>
      </c>
      <c r="AF7" s="199">
        <v>8</v>
      </c>
      <c r="AG7" s="194">
        <v>0</v>
      </c>
      <c r="AH7" s="195">
        <v>0</v>
      </c>
      <c r="AI7" s="195">
        <v>0</v>
      </c>
      <c r="AJ7" s="196">
        <v>0</v>
      </c>
      <c r="AK7" s="197">
        <v>0</v>
      </c>
      <c r="AL7" s="197">
        <v>1</v>
      </c>
      <c r="AM7" s="197">
        <v>4</v>
      </c>
      <c r="AN7" s="195">
        <v>8</v>
      </c>
      <c r="AO7" s="198">
        <v>13</v>
      </c>
      <c r="AP7" s="200">
        <v>13</v>
      </c>
      <c r="AQ7" s="37"/>
    </row>
    <row r="8" spans="2:43" ht="20.25" customHeight="1" x14ac:dyDescent="0.2">
      <c r="B8" s="62" t="s">
        <v>6</v>
      </c>
      <c r="C8" s="194">
        <v>0</v>
      </c>
      <c r="D8" s="195">
        <v>0</v>
      </c>
      <c r="E8" s="195">
        <v>0</v>
      </c>
      <c r="F8" s="196">
        <v>1</v>
      </c>
      <c r="G8" s="197">
        <v>6</v>
      </c>
      <c r="H8" s="197">
        <v>43</v>
      </c>
      <c r="I8" s="197">
        <v>53</v>
      </c>
      <c r="J8" s="195">
        <v>45</v>
      </c>
      <c r="K8" s="198">
        <v>148</v>
      </c>
      <c r="L8" s="199">
        <v>148</v>
      </c>
      <c r="M8" s="194">
        <v>0</v>
      </c>
      <c r="N8" s="195">
        <v>0</v>
      </c>
      <c r="O8" s="198">
        <v>0</v>
      </c>
      <c r="P8" s="201">
        <v>12</v>
      </c>
      <c r="Q8" s="197">
        <v>21</v>
      </c>
      <c r="R8" s="197">
        <v>29</v>
      </c>
      <c r="S8" s="197">
        <v>31</v>
      </c>
      <c r="T8" s="195">
        <v>23</v>
      </c>
      <c r="U8" s="198">
        <v>116</v>
      </c>
      <c r="V8" s="202">
        <v>116</v>
      </c>
      <c r="W8" s="201">
        <v>0</v>
      </c>
      <c r="X8" s="195">
        <v>0</v>
      </c>
      <c r="Y8" s="195">
        <v>0</v>
      </c>
      <c r="Z8" s="196">
        <v>0</v>
      </c>
      <c r="AA8" s="197">
        <v>0</v>
      </c>
      <c r="AB8" s="197">
        <v>2</v>
      </c>
      <c r="AC8" s="197">
        <v>6</v>
      </c>
      <c r="AD8" s="195">
        <v>9</v>
      </c>
      <c r="AE8" s="198">
        <v>17</v>
      </c>
      <c r="AF8" s="199">
        <v>17</v>
      </c>
      <c r="AG8" s="194">
        <v>0</v>
      </c>
      <c r="AH8" s="195">
        <v>0</v>
      </c>
      <c r="AI8" s="195">
        <v>0</v>
      </c>
      <c r="AJ8" s="196">
        <v>0</v>
      </c>
      <c r="AK8" s="197">
        <v>0</v>
      </c>
      <c r="AL8" s="197">
        <v>0</v>
      </c>
      <c r="AM8" s="197">
        <v>1</v>
      </c>
      <c r="AN8" s="195">
        <v>5</v>
      </c>
      <c r="AO8" s="198">
        <v>6</v>
      </c>
      <c r="AP8" s="200">
        <v>6</v>
      </c>
      <c r="AQ8" s="37"/>
    </row>
    <row r="9" spans="2:43" ht="20.25" customHeight="1" x14ac:dyDescent="0.2">
      <c r="B9" s="62" t="s">
        <v>14</v>
      </c>
      <c r="C9" s="194">
        <v>0</v>
      </c>
      <c r="D9" s="195">
        <v>0</v>
      </c>
      <c r="E9" s="195">
        <v>0</v>
      </c>
      <c r="F9" s="196">
        <v>1</v>
      </c>
      <c r="G9" s="197">
        <v>0</v>
      </c>
      <c r="H9" s="197">
        <v>30</v>
      </c>
      <c r="I9" s="197">
        <v>55</v>
      </c>
      <c r="J9" s="195">
        <v>28</v>
      </c>
      <c r="K9" s="198">
        <v>114</v>
      </c>
      <c r="L9" s="199">
        <v>114</v>
      </c>
      <c r="M9" s="194">
        <v>0</v>
      </c>
      <c r="N9" s="195">
        <v>0</v>
      </c>
      <c r="O9" s="198">
        <v>0</v>
      </c>
      <c r="P9" s="201">
        <v>3</v>
      </c>
      <c r="Q9" s="197">
        <v>5</v>
      </c>
      <c r="R9" s="197">
        <v>14</v>
      </c>
      <c r="S9" s="197">
        <v>17</v>
      </c>
      <c r="T9" s="195">
        <v>7</v>
      </c>
      <c r="U9" s="198">
        <v>46</v>
      </c>
      <c r="V9" s="202">
        <v>46</v>
      </c>
      <c r="W9" s="201">
        <v>0</v>
      </c>
      <c r="X9" s="195">
        <v>0</v>
      </c>
      <c r="Y9" s="195">
        <v>0</v>
      </c>
      <c r="Z9" s="196">
        <v>0</v>
      </c>
      <c r="AA9" s="197">
        <v>0</v>
      </c>
      <c r="AB9" s="197">
        <v>0</v>
      </c>
      <c r="AC9" s="197">
        <v>1</v>
      </c>
      <c r="AD9" s="195">
        <v>1</v>
      </c>
      <c r="AE9" s="198">
        <v>2</v>
      </c>
      <c r="AF9" s="199">
        <v>2</v>
      </c>
      <c r="AG9" s="194">
        <v>0</v>
      </c>
      <c r="AH9" s="195">
        <v>0</v>
      </c>
      <c r="AI9" s="195">
        <v>0</v>
      </c>
      <c r="AJ9" s="196">
        <v>0</v>
      </c>
      <c r="AK9" s="197">
        <v>0</v>
      </c>
      <c r="AL9" s="197">
        <v>0</v>
      </c>
      <c r="AM9" s="197">
        <v>4</v>
      </c>
      <c r="AN9" s="195">
        <v>3</v>
      </c>
      <c r="AO9" s="198">
        <v>7</v>
      </c>
      <c r="AP9" s="200">
        <v>7</v>
      </c>
      <c r="AQ9" s="37"/>
    </row>
    <row r="10" spans="2:43" ht="20.25" customHeight="1" x14ac:dyDescent="0.2">
      <c r="B10" s="62" t="s">
        <v>7</v>
      </c>
      <c r="C10" s="194">
        <v>0</v>
      </c>
      <c r="D10" s="195">
        <v>0</v>
      </c>
      <c r="E10" s="195">
        <v>0</v>
      </c>
      <c r="F10" s="196">
        <v>0</v>
      </c>
      <c r="G10" s="197">
        <v>4</v>
      </c>
      <c r="H10" s="197">
        <v>21</v>
      </c>
      <c r="I10" s="197">
        <v>55</v>
      </c>
      <c r="J10" s="195">
        <v>28</v>
      </c>
      <c r="K10" s="198">
        <v>108</v>
      </c>
      <c r="L10" s="199">
        <v>108</v>
      </c>
      <c r="M10" s="194">
        <v>0</v>
      </c>
      <c r="N10" s="195">
        <v>0</v>
      </c>
      <c r="O10" s="198">
        <v>0</v>
      </c>
      <c r="P10" s="201">
        <v>8</v>
      </c>
      <c r="Q10" s="197">
        <v>18</v>
      </c>
      <c r="R10" s="197">
        <v>10</v>
      </c>
      <c r="S10" s="197">
        <v>27</v>
      </c>
      <c r="T10" s="195">
        <v>10</v>
      </c>
      <c r="U10" s="198">
        <v>73</v>
      </c>
      <c r="V10" s="202">
        <v>73</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0.25" customHeight="1" x14ac:dyDescent="0.2">
      <c r="B11" s="62" t="s">
        <v>8</v>
      </c>
      <c r="C11" s="194">
        <v>0</v>
      </c>
      <c r="D11" s="195">
        <v>0</v>
      </c>
      <c r="E11" s="195">
        <v>0</v>
      </c>
      <c r="F11" s="196">
        <v>2</v>
      </c>
      <c r="G11" s="197">
        <v>3</v>
      </c>
      <c r="H11" s="197">
        <v>9</v>
      </c>
      <c r="I11" s="197">
        <v>7</v>
      </c>
      <c r="J11" s="195">
        <v>7</v>
      </c>
      <c r="K11" s="198">
        <v>28</v>
      </c>
      <c r="L11" s="199">
        <v>28</v>
      </c>
      <c r="M11" s="194">
        <v>0</v>
      </c>
      <c r="N11" s="195">
        <v>0</v>
      </c>
      <c r="O11" s="198">
        <v>0</v>
      </c>
      <c r="P11" s="201">
        <v>2</v>
      </c>
      <c r="Q11" s="197">
        <v>4</v>
      </c>
      <c r="R11" s="197">
        <v>8</v>
      </c>
      <c r="S11" s="197">
        <v>5</v>
      </c>
      <c r="T11" s="195">
        <v>2</v>
      </c>
      <c r="U11" s="198">
        <v>21</v>
      </c>
      <c r="V11" s="202">
        <v>21</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1</v>
      </c>
      <c r="AN11" s="195">
        <v>0</v>
      </c>
      <c r="AO11" s="198">
        <v>1</v>
      </c>
      <c r="AP11" s="200">
        <v>1</v>
      </c>
      <c r="AQ11" s="37"/>
    </row>
    <row r="12" spans="2:43" ht="20.25" customHeight="1" x14ac:dyDescent="0.2">
      <c r="B12" s="62" t="s">
        <v>9</v>
      </c>
      <c r="C12" s="194">
        <v>0</v>
      </c>
      <c r="D12" s="195">
        <v>0</v>
      </c>
      <c r="E12" s="195">
        <v>0</v>
      </c>
      <c r="F12" s="196">
        <v>0</v>
      </c>
      <c r="G12" s="197">
        <v>0</v>
      </c>
      <c r="H12" s="197">
        <v>17</v>
      </c>
      <c r="I12" s="197">
        <v>29</v>
      </c>
      <c r="J12" s="195">
        <v>10</v>
      </c>
      <c r="K12" s="198">
        <v>56</v>
      </c>
      <c r="L12" s="199">
        <v>56</v>
      </c>
      <c r="M12" s="194">
        <v>0</v>
      </c>
      <c r="N12" s="195">
        <v>0</v>
      </c>
      <c r="O12" s="198">
        <v>0</v>
      </c>
      <c r="P12" s="201">
        <v>2</v>
      </c>
      <c r="Q12" s="197">
        <v>7</v>
      </c>
      <c r="R12" s="197">
        <v>5</v>
      </c>
      <c r="S12" s="197">
        <v>5</v>
      </c>
      <c r="T12" s="195">
        <v>3</v>
      </c>
      <c r="U12" s="198">
        <v>22</v>
      </c>
      <c r="V12" s="202">
        <v>22</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1</v>
      </c>
      <c r="AN12" s="195">
        <v>0</v>
      </c>
      <c r="AO12" s="198">
        <v>1</v>
      </c>
      <c r="AP12" s="200">
        <v>1</v>
      </c>
      <c r="AQ12" s="37"/>
    </row>
    <row r="13" spans="2:43" ht="20.25" customHeight="1" x14ac:dyDescent="0.2">
      <c r="B13" s="62" t="s">
        <v>10</v>
      </c>
      <c r="C13" s="194">
        <v>0</v>
      </c>
      <c r="D13" s="195">
        <v>0</v>
      </c>
      <c r="E13" s="195">
        <v>0</v>
      </c>
      <c r="F13" s="196">
        <v>1</v>
      </c>
      <c r="G13" s="197">
        <v>0</v>
      </c>
      <c r="H13" s="197">
        <v>21</v>
      </c>
      <c r="I13" s="197">
        <v>35</v>
      </c>
      <c r="J13" s="195">
        <v>18</v>
      </c>
      <c r="K13" s="198">
        <v>75</v>
      </c>
      <c r="L13" s="199">
        <v>75</v>
      </c>
      <c r="M13" s="194">
        <v>0</v>
      </c>
      <c r="N13" s="195">
        <v>0</v>
      </c>
      <c r="O13" s="198">
        <v>0</v>
      </c>
      <c r="P13" s="201">
        <v>4</v>
      </c>
      <c r="Q13" s="197">
        <v>4</v>
      </c>
      <c r="R13" s="197">
        <v>10</v>
      </c>
      <c r="S13" s="197">
        <v>16</v>
      </c>
      <c r="T13" s="195">
        <v>5</v>
      </c>
      <c r="U13" s="198">
        <v>39</v>
      </c>
      <c r="V13" s="202">
        <v>39</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1</v>
      </c>
      <c r="AN13" s="195">
        <v>1</v>
      </c>
      <c r="AO13" s="198">
        <v>2</v>
      </c>
      <c r="AP13" s="200">
        <v>2</v>
      </c>
      <c r="AQ13" s="37"/>
    </row>
    <row r="14" spans="2:43" ht="20.25" customHeight="1" x14ac:dyDescent="0.2">
      <c r="B14" s="62" t="s">
        <v>11</v>
      </c>
      <c r="C14" s="194">
        <v>0</v>
      </c>
      <c r="D14" s="195">
        <v>0</v>
      </c>
      <c r="E14" s="195">
        <v>0</v>
      </c>
      <c r="F14" s="196">
        <v>0</v>
      </c>
      <c r="G14" s="197">
        <v>0</v>
      </c>
      <c r="H14" s="197">
        <v>6</v>
      </c>
      <c r="I14" s="197">
        <v>12</v>
      </c>
      <c r="J14" s="195">
        <v>6</v>
      </c>
      <c r="K14" s="198">
        <v>24</v>
      </c>
      <c r="L14" s="199">
        <v>24</v>
      </c>
      <c r="M14" s="194">
        <v>0</v>
      </c>
      <c r="N14" s="195">
        <v>0</v>
      </c>
      <c r="O14" s="198">
        <v>0</v>
      </c>
      <c r="P14" s="201">
        <v>1</v>
      </c>
      <c r="Q14" s="197">
        <v>3</v>
      </c>
      <c r="R14" s="197">
        <v>8</v>
      </c>
      <c r="S14" s="197">
        <v>3</v>
      </c>
      <c r="T14" s="195">
        <v>4</v>
      </c>
      <c r="U14" s="198">
        <v>19</v>
      </c>
      <c r="V14" s="202">
        <v>19</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1</v>
      </c>
      <c r="AN14" s="195">
        <v>0</v>
      </c>
      <c r="AO14" s="198">
        <v>1</v>
      </c>
      <c r="AP14" s="200">
        <v>1</v>
      </c>
      <c r="AQ14" s="37"/>
    </row>
    <row r="15" spans="2:43" ht="20.25" customHeight="1" x14ac:dyDescent="0.2">
      <c r="B15" s="62" t="s">
        <v>12</v>
      </c>
      <c r="C15" s="194">
        <v>0</v>
      </c>
      <c r="D15" s="195">
        <v>0</v>
      </c>
      <c r="E15" s="195">
        <v>0</v>
      </c>
      <c r="F15" s="196">
        <v>0</v>
      </c>
      <c r="G15" s="197">
        <v>0</v>
      </c>
      <c r="H15" s="197">
        <v>10</v>
      </c>
      <c r="I15" s="197">
        <v>11</v>
      </c>
      <c r="J15" s="195">
        <v>5</v>
      </c>
      <c r="K15" s="198">
        <v>26</v>
      </c>
      <c r="L15" s="199">
        <v>26</v>
      </c>
      <c r="M15" s="194">
        <v>0</v>
      </c>
      <c r="N15" s="195">
        <v>0</v>
      </c>
      <c r="O15" s="198">
        <v>0</v>
      </c>
      <c r="P15" s="201">
        <v>4</v>
      </c>
      <c r="Q15" s="197">
        <v>3</v>
      </c>
      <c r="R15" s="197">
        <v>6</v>
      </c>
      <c r="S15" s="197">
        <v>9</v>
      </c>
      <c r="T15" s="195">
        <v>3</v>
      </c>
      <c r="U15" s="198">
        <v>25</v>
      </c>
      <c r="V15" s="202">
        <v>25</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2</v>
      </c>
      <c r="AN15" s="195">
        <v>0</v>
      </c>
      <c r="AO15" s="198">
        <v>2</v>
      </c>
      <c r="AP15" s="200">
        <v>2</v>
      </c>
      <c r="AQ15" s="37"/>
    </row>
    <row r="16" spans="2:43" ht="20.25" customHeight="1" x14ac:dyDescent="0.2">
      <c r="B16" s="62" t="s">
        <v>13</v>
      </c>
      <c r="C16" s="194">
        <v>0</v>
      </c>
      <c r="D16" s="195">
        <v>0</v>
      </c>
      <c r="E16" s="195">
        <v>0</v>
      </c>
      <c r="F16" s="196">
        <v>1</v>
      </c>
      <c r="G16" s="197">
        <v>0</v>
      </c>
      <c r="H16" s="197">
        <v>2</v>
      </c>
      <c r="I16" s="197">
        <v>10</v>
      </c>
      <c r="J16" s="195">
        <v>6</v>
      </c>
      <c r="K16" s="198">
        <v>19</v>
      </c>
      <c r="L16" s="199">
        <v>19</v>
      </c>
      <c r="M16" s="194">
        <v>0</v>
      </c>
      <c r="N16" s="195">
        <v>0</v>
      </c>
      <c r="O16" s="198">
        <v>0</v>
      </c>
      <c r="P16" s="201">
        <v>1</v>
      </c>
      <c r="Q16" s="197">
        <v>4</v>
      </c>
      <c r="R16" s="197">
        <v>1</v>
      </c>
      <c r="S16" s="197">
        <v>3</v>
      </c>
      <c r="T16" s="195">
        <v>1</v>
      </c>
      <c r="U16" s="198">
        <v>10</v>
      </c>
      <c r="V16" s="202">
        <v>10</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0.25" customHeight="1" x14ac:dyDescent="0.2">
      <c r="B17" s="62" t="s">
        <v>15</v>
      </c>
      <c r="C17" s="194">
        <v>0</v>
      </c>
      <c r="D17" s="195">
        <v>0</v>
      </c>
      <c r="E17" s="195">
        <v>0</v>
      </c>
      <c r="F17" s="196">
        <v>0</v>
      </c>
      <c r="G17" s="197">
        <v>0</v>
      </c>
      <c r="H17" s="197">
        <v>3</v>
      </c>
      <c r="I17" s="197">
        <v>6</v>
      </c>
      <c r="J17" s="195">
        <v>0</v>
      </c>
      <c r="K17" s="198">
        <v>9</v>
      </c>
      <c r="L17" s="199">
        <v>9</v>
      </c>
      <c r="M17" s="194">
        <v>0</v>
      </c>
      <c r="N17" s="195">
        <v>0</v>
      </c>
      <c r="O17" s="198">
        <v>0</v>
      </c>
      <c r="P17" s="201">
        <v>1</v>
      </c>
      <c r="Q17" s="197">
        <v>1</v>
      </c>
      <c r="R17" s="197">
        <v>1</v>
      </c>
      <c r="S17" s="197">
        <v>2</v>
      </c>
      <c r="T17" s="195">
        <v>2</v>
      </c>
      <c r="U17" s="198">
        <v>7</v>
      </c>
      <c r="V17" s="202">
        <v>7</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0.25" customHeight="1" x14ac:dyDescent="0.2">
      <c r="B18" s="62" t="s">
        <v>16</v>
      </c>
      <c r="C18" s="194">
        <v>0</v>
      </c>
      <c r="D18" s="195">
        <v>0</v>
      </c>
      <c r="E18" s="195">
        <v>0</v>
      </c>
      <c r="F18" s="196">
        <v>0</v>
      </c>
      <c r="G18" s="197">
        <v>1</v>
      </c>
      <c r="H18" s="197">
        <v>4</v>
      </c>
      <c r="I18" s="197">
        <v>8</v>
      </c>
      <c r="J18" s="195">
        <v>6</v>
      </c>
      <c r="K18" s="198">
        <v>19</v>
      </c>
      <c r="L18" s="199">
        <v>19</v>
      </c>
      <c r="M18" s="194">
        <v>0</v>
      </c>
      <c r="N18" s="195">
        <v>0</v>
      </c>
      <c r="O18" s="198">
        <v>0</v>
      </c>
      <c r="P18" s="201">
        <v>0</v>
      </c>
      <c r="Q18" s="197">
        <v>5</v>
      </c>
      <c r="R18" s="197">
        <v>5</v>
      </c>
      <c r="S18" s="197">
        <v>3</v>
      </c>
      <c r="T18" s="195">
        <v>2</v>
      </c>
      <c r="U18" s="198">
        <v>15</v>
      </c>
      <c r="V18" s="202">
        <v>15</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1</v>
      </c>
      <c r="AO18" s="198">
        <v>1</v>
      </c>
      <c r="AP18" s="200">
        <v>1</v>
      </c>
      <c r="AQ18" s="37"/>
    </row>
    <row r="19" spans="2:43" ht="20.25" customHeight="1" x14ac:dyDescent="0.2">
      <c r="B19" s="62" t="s">
        <v>17</v>
      </c>
      <c r="C19" s="194">
        <v>0</v>
      </c>
      <c r="D19" s="195">
        <v>0</v>
      </c>
      <c r="E19" s="195">
        <v>0</v>
      </c>
      <c r="F19" s="196">
        <v>0</v>
      </c>
      <c r="G19" s="197">
        <v>1</v>
      </c>
      <c r="H19" s="197">
        <v>10</v>
      </c>
      <c r="I19" s="197">
        <v>14</v>
      </c>
      <c r="J19" s="195">
        <v>7</v>
      </c>
      <c r="K19" s="198">
        <v>32</v>
      </c>
      <c r="L19" s="199">
        <v>32</v>
      </c>
      <c r="M19" s="194">
        <v>0</v>
      </c>
      <c r="N19" s="195">
        <v>0</v>
      </c>
      <c r="O19" s="198">
        <v>0</v>
      </c>
      <c r="P19" s="201">
        <v>0</v>
      </c>
      <c r="Q19" s="197">
        <v>6</v>
      </c>
      <c r="R19" s="197">
        <v>11</v>
      </c>
      <c r="S19" s="197">
        <v>7</v>
      </c>
      <c r="T19" s="195">
        <v>5</v>
      </c>
      <c r="U19" s="198">
        <v>29</v>
      </c>
      <c r="V19" s="202">
        <v>29</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0.25" customHeight="1" x14ac:dyDescent="0.2">
      <c r="B20" s="62" t="s">
        <v>18</v>
      </c>
      <c r="C20" s="194">
        <v>0</v>
      </c>
      <c r="D20" s="195">
        <v>0</v>
      </c>
      <c r="E20" s="195">
        <v>0</v>
      </c>
      <c r="F20" s="196">
        <v>0</v>
      </c>
      <c r="G20" s="197">
        <v>0</v>
      </c>
      <c r="H20" s="197">
        <v>6</v>
      </c>
      <c r="I20" s="197">
        <v>22</v>
      </c>
      <c r="J20" s="195">
        <v>7</v>
      </c>
      <c r="K20" s="198">
        <v>35</v>
      </c>
      <c r="L20" s="199">
        <v>35</v>
      </c>
      <c r="M20" s="194">
        <v>0</v>
      </c>
      <c r="N20" s="195">
        <v>0</v>
      </c>
      <c r="O20" s="198">
        <v>0</v>
      </c>
      <c r="P20" s="201">
        <v>2</v>
      </c>
      <c r="Q20" s="197">
        <v>4</v>
      </c>
      <c r="R20" s="197">
        <v>3</v>
      </c>
      <c r="S20" s="197">
        <v>7</v>
      </c>
      <c r="T20" s="195">
        <v>3</v>
      </c>
      <c r="U20" s="198">
        <v>19</v>
      </c>
      <c r="V20" s="202">
        <v>19</v>
      </c>
      <c r="W20" s="201">
        <v>0</v>
      </c>
      <c r="X20" s="195">
        <v>0</v>
      </c>
      <c r="Y20" s="195">
        <v>0</v>
      </c>
      <c r="Z20" s="196">
        <v>0</v>
      </c>
      <c r="AA20" s="197">
        <v>0</v>
      </c>
      <c r="AB20" s="197">
        <v>0</v>
      </c>
      <c r="AC20" s="197">
        <v>0</v>
      </c>
      <c r="AD20" s="195">
        <v>0</v>
      </c>
      <c r="AE20" s="198">
        <v>0</v>
      </c>
      <c r="AF20" s="199">
        <v>0</v>
      </c>
      <c r="AG20" s="194">
        <v>0</v>
      </c>
      <c r="AH20" s="195">
        <v>0</v>
      </c>
      <c r="AI20" s="195">
        <v>0</v>
      </c>
      <c r="AJ20" s="196">
        <v>0</v>
      </c>
      <c r="AK20" s="197">
        <v>0</v>
      </c>
      <c r="AL20" s="197">
        <v>0</v>
      </c>
      <c r="AM20" s="197">
        <v>0</v>
      </c>
      <c r="AN20" s="195">
        <v>1</v>
      </c>
      <c r="AO20" s="198">
        <v>1</v>
      </c>
      <c r="AP20" s="200">
        <v>1</v>
      </c>
      <c r="AQ20" s="37"/>
    </row>
    <row r="21" spans="2:43" ht="20.25" customHeight="1" x14ac:dyDescent="0.2">
      <c r="B21" s="62" t="s">
        <v>19</v>
      </c>
      <c r="C21" s="194">
        <v>0</v>
      </c>
      <c r="D21" s="195">
        <v>0</v>
      </c>
      <c r="E21" s="195">
        <v>0</v>
      </c>
      <c r="F21" s="196">
        <v>0</v>
      </c>
      <c r="G21" s="197">
        <v>0</v>
      </c>
      <c r="H21" s="197">
        <v>3</v>
      </c>
      <c r="I21" s="197">
        <v>7</v>
      </c>
      <c r="J21" s="195">
        <v>3</v>
      </c>
      <c r="K21" s="198">
        <v>13</v>
      </c>
      <c r="L21" s="199">
        <v>13</v>
      </c>
      <c r="M21" s="194">
        <v>0</v>
      </c>
      <c r="N21" s="195">
        <v>0</v>
      </c>
      <c r="O21" s="198">
        <v>0</v>
      </c>
      <c r="P21" s="201">
        <v>2</v>
      </c>
      <c r="Q21" s="197">
        <v>2</v>
      </c>
      <c r="R21" s="197">
        <v>4</v>
      </c>
      <c r="S21" s="197">
        <v>1</v>
      </c>
      <c r="T21" s="195">
        <v>1</v>
      </c>
      <c r="U21" s="198">
        <v>10</v>
      </c>
      <c r="V21" s="202">
        <v>10</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0.25" customHeight="1" x14ac:dyDescent="0.2">
      <c r="B22" s="62" t="s">
        <v>20</v>
      </c>
      <c r="C22" s="194">
        <v>0</v>
      </c>
      <c r="D22" s="195">
        <v>0</v>
      </c>
      <c r="E22" s="195">
        <v>0</v>
      </c>
      <c r="F22" s="196">
        <v>0</v>
      </c>
      <c r="G22" s="197">
        <v>1</v>
      </c>
      <c r="H22" s="197">
        <v>7</v>
      </c>
      <c r="I22" s="197">
        <v>7</v>
      </c>
      <c r="J22" s="195">
        <v>5</v>
      </c>
      <c r="K22" s="198">
        <v>20</v>
      </c>
      <c r="L22" s="199">
        <v>20</v>
      </c>
      <c r="M22" s="194">
        <v>0</v>
      </c>
      <c r="N22" s="195">
        <v>0</v>
      </c>
      <c r="O22" s="198">
        <v>0</v>
      </c>
      <c r="P22" s="201">
        <v>2</v>
      </c>
      <c r="Q22" s="197">
        <v>1</v>
      </c>
      <c r="R22" s="197">
        <v>3</v>
      </c>
      <c r="S22" s="197">
        <v>1</v>
      </c>
      <c r="T22" s="195">
        <v>1</v>
      </c>
      <c r="U22" s="198">
        <v>8</v>
      </c>
      <c r="V22" s="202">
        <v>8</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2</v>
      </c>
      <c r="AO22" s="198">
        <v>2</v>
      </c>
      <c r="AP22" s="200">
        <v>2</v>
      </c>
      <c r="AQ22" s="37"/>
    </row>
    <row r="23" spans="2:43" ht="20.25" customHeight="1" x14ac:dyDescent="0.2">
      <c r="B23" s="62" t="s">
        <v>21</v>
      </c>
      <c r="C23" s="194">
        <v>0</v>
      </c>
      <c r="D23" s="195">
        <v>0</v>
      </c>
      <c r="E23" s="195">
        <v>0</v>
      </c>
      <c r="F23" s="196">
        <v>0</v>
      </c>
      <c r="G23" s="197">
        <v>0</v>
      </c>
      <c r="H23" s="197">
        <v>8</v>
      </c>
      <c r="I23" s="197">
        <v>10</v>
      </c>
      <c r="J23" s="195">
        <v>6</v>
      </c>
      <c r="K23" s="198">
        <v>24</v>
      </c>
      <c r="L23" s="199">
        <v>24</v>
      </c>
      <c r="M23" s="194">
        <v>0</v>
      </c>
      <c r="N23" s="195">
        <v>0</v>
      </c>
      <c r="O23" s="198">
        <v>0</v>
      </c>
      <c r="P23" s="201">
        <v>0</v>
      </c>
      <c r="Q23" s="197">
        <v>1</v>
      </c>
      <c r="R23" s="197">
        <v>1</v>
      </c>
      <c r="S23" s="197">
        <v>3</v>
      </c>
      <c r="T23" s="195">
        <v>0</v>
      </c>
      <c r="U23" s="198">
        <v>5</v>
      </c>
      <c r="V23" s="202">
        <v>5</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1</v>
      </c>
      <c r="AN23" s="195">
        <v>0</v>
      </c>
      <c r="AO23" s="198">
        <v>1</v>
      </c>
      <c r="AP23" s="200">
        <v>1</v>
      </c>
      <c r="AQ23" s="37"/>
    </row>
    <row r="24" spans="2:43" ht="20.25" customHeight="1" x14ac:dyDescent="0.2">
      <c r="B24" s="62" t="s">
        <v>22</v>
      </c>
      <c r="C24" s="194">
        <v>0</v>
      </c>
      <c r="D24" s="195">
        <v>0</v>
      </c>
      <c r="E24" s="195">
        <v>0</v>
      </c>
      <c r="F24" s="196">
        <v>0</v>
      </c>
      <c r="G24" s="197">
        <v>0</v>
      </c>
      <c r="H24" s="197">
        <v>2</v>
      </c>
      <c r="I24" s="197">
        <v>2</v>
      </c>
      <c r="J24" s="195">
        <v>1</v>
      </c>
      <c r="K24" s="198">
        <v>5</v>
      </c>
      <c r="L24" s="199">
        <v>5</v>
      </c>
      <c r="M24" s="194">
        <v>0</v>
      </c>
      <c r="N24" s="195">
        <v>0</v>
      </c>
      <c r="O24" s="198">
        <v>0</v>
      </c>
      <c r="P24" s="201">
        <v>0</v>
      </c>
      <c r="Q24" s="197">
        <v>0</v>
      </c>
      <c r="R24" s="197">
        <v>2</v>
      </c>
      <c r="S24" s="197">
        <v>2</v>
      </c>
      <c r="T24" s="195">
        <v>0</v>
      </c>
      <c r="U24" s="198">
        <v>4</v>
      </c>
      <c r="V24" s="202">
        <v>4</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0.25" customHeight="1" x14ac:dyDescent="0.2">
      <c r="B25" s="62" t="s">
        <v>23</v>
      </c>
      <c r="C25" s="194">
        <v>0</v>
      </c>
      <c r="D25" s="195">
        <v>0</v>
      </c>
      <c r="E25" s="195">
        <v>0</v>
      </c>
      <c r="F25" s="196">
        <v>1</v>
      </c>
      <c r="G25" s="197">
        <v>0</v>
      </c>
      <c r="H25" s="197">
        <v>1</v>
      </c>
      <c r="I25" s="197">
        <v>4</v>
      </c>
      <c r="J25" s="195">
        <v>1</v>
      </c>
      <c r="K25" s="198">
        <v>7</v>
      </c>
      <c r="L25" s="199">
        <v>7</v>
      </c>
      <c r="M25" s="194">
        <v>0</v>
      </c>
      <c r="N25" s="195">
        <v>0</v>
      </c>
      <c r="O25" s="198">
        <v>0</v>
      </c>
      <c r="P25" s="201">
        <v>2</v>
      </c>
      <c r="Q25" s="197">
        <v>1</v>
      </c>
      <c r="R25" s="197">
        <v>2</v>
      </c>
      <c r="S25" s="197">
        <v>2</v>
      </c>
      <c r="T25" s="195">
        <v>1</v>
      </c>
      <c r="U25" s="198">
        <v>8</v>
      </c>
      <c r="V25" s="202">
        <v>8</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0.25" customHeight="1" x14ac:dyDescent="0.2">
      <c r="B26" s="62" t="s">
        <v>24</v>
      </c>
      <c r="C26" s="194">
        <v>0</v>
      </c>
      <c r="D26" s="195">
        <v>0</v>
      </c>
      <c r="E26" s="195">
        <v>0</v>
      </c>
      <c r="F26" s="196">
        <v>0</v>
      </c>
      <c r="G26" s="197">
        <v>0</v>
      </c>
      <c r="H26" s="197">
        <v>0</v>
      </c>
      <c r="I26" s="197">
        <v>5</v>
      </c>
      <c r="J26" s="195">
        <v>2</v>
      </c>
      <c r="K26" s="198">
        <v>7</v>
      </c>
      <c r="L26" s="199">
        <v>7</v>
      </c>
      <c r="M26" s="194">
        <v>0</v>
      </c>
      <c r="N26" s="195">
        <v>0</v>
      </c>
      <c r="O26" s="198">
        <v>0</v>
      </c>
      <c r="P26" s="201">
        <v>1</v>
      </c>
      <c r="Q26" s="197">
        <v>0</v>
      </c>
      <c r="R26" s="197">
        <v>3</v>
      </c>
      <c r="S26" s="197">
        <v>4</v>
      </c>
      <c r="T26" s="195">
        <v>0</v>
      </c>
      <c r="U26" s="198">
        <v>8</v>
      </c>
      <c r="V26" s="202">
        <v>8</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0.25" customHeight="1" x14ac:dyDescent="0.2">
      <c r="B27" s="62" t="s">
        <v>25</v>
      </c>
      <c r="C27" s="194">
        <v>0</v>
      </c>
      <c r="D27" s="195">
        <v>0</v>
      </c>
      <c r="E27" s="195">
        <v>0</v>
      </c>
      <c r="F27" s="196">
        <v>0</v>
      </c>
      <c r="G27" s="197">
        <v>1</v>
      </c>
      <c r="H27" s="197">
        <v>6</v>
      </c>
      <c r="I27" s="197">
        <v>3</v>
      </c>
      <c r="J27" s="195">
        <v>0</v>
      </c>
      <c r="K27" s="198">
        <v>10</v>
      </c>
      <c r="L27" s="199">
        <v>10</v>
      </c>
      <c r="M27" s="194">
        <v>0</v>
      </c>
      <c r="N27" s="195">
        <v>0</v>
      </c>
      <c r="O27" s="198">
        <v>0</v>
      </c>
      <c r="P27" s="201">
        <v>0</v>
      </c>
      <c r="Q27" s="197">
        <v>0</v>
      </c>
      <c r="R27" s="197">
        <v>1</v>
      </c>
      <c r="S27" s="197">
        <v>0</v>
      </c>
      <c r="T27" s="195">
        <v>2</v>
      </c>
      <c r="U27" s="198">
        <v>3</v>
      </c>
      <c r="V27" s="202">
        <v>3</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0.25" customHeight="1" x14ac:dyDescent="0.2">
      <c r="B28" s="62" t="s">
        <v>26</v>
      </c>
      <c r="C28" s="194">
        <v>0</v>
      </c>
      <c r="D28" s="195">
        <v>0</v>
      </c>
      <c r="E28" s="195">
        <v>0</v>
      </c>
      <c r="F28" s="196">
        <v>0</v>
      </c>
      <c r="G28" s="197">
        <v>0</v>
      </c>
      <c r="H28" s="197">
        <v>0</v>
      </c>
      <c r="I28" s="197">
        <v>3</v>
      </c>
      <c r="J28" s="195">
        <v>0</v>
      </c>
      <c r="K28" s="198">
        <v>3</v>
      </c>
      <c r="L28" s="199">
        <v>3</v>
      </c>
      <c r="M28" s="194">
        <v>0</v>
      </c>
      <c r="N28" s="195">
        <v>0</v>
      </c>
      <c r="O28" s="198">
        <v>0</v>
      </c>
      <c r="P28" s="201">
        <v>0</v>
      </c>
      <c r="Q28" s="197">
        <v>0</v>
      </c>
      <c r="R28" s="197">
        <v>1</v>
      </c>
      <c r="S28" s="197">
        <v>2</v>
      </c>
      <c r="T28" s="195">
        <v>1</v>
      </c>
      <c r="U28" s="198">
        <v>4</v>
      </c>
      <c r="V28" s="202">
        <v>4</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0.25" customHeight="1" x14ac:dyDescent="0.2">
      <c r="B29" s="62" t="s">
        <v>27</v>
      </c>
      <c r="C29" s="194">
        <v>0</v>
      </c>
      <c r="D29" s="195">
        <v>0</v>
      </c>
      <c r="E29" s="195">
        <v>0</v>
      </c>
      <c r="F29" s="196">
        <v>0</v>
      </c>
      <c r="G29" s="197">
        <v>1</v>
      </c>
      <c r="H29" s="197">
        <v>1</v>
      </c>
      <c r="I29" s="197">
        <v>2</v>
      </c>
      <c r="J29" s="195">
        <v>2</v>
      </c>
      <c r="K29" s="198">
        <v>6</v>
      </c>
      <c r="L29" s="199">
        <v>6</v>
      </c>
      <c r="M29" s="194">
        <v>0</v>
      </c>
      <c r="N29" s="195">
        <v>0</v>
      </c>
      <c r="O29" s="198">
        <v>0</v>
      </c>
      <c r="P29" s="201">
        <v>0</v>
      </c>
      <c r="Q29" s="197">
        <v>1</v>
      </c>
      <c r="R29" s="197">
        <v>5</v>
      </c>
      <c r="S29" s="197">
        <v>2</v>
      </c>
      <c r="T29" s="195">
        <v>1</v>
      </c>
      <c r="U29" s="198">
        <v>9</v>
      </c>
      <c r="V29" s="202">
        <v>9</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0.25"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0</v>
      </c>
      <c r="S30" s="197">
        <v>2</v>
      </c>
      <c r="T30" s="195">
        <v>0</v>
      </c>
      <c r="U30" s="198">
        <v>3</v>
      </c>
      <c r="V30" s="202">
        <v>3</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0.25" customHeight="1" x14ac:dyDescent="0.2">
      <c r="B31" s="62" t="s">
        <v>29</v>
      </c>
      <c r="C31" s="194">
        <v>0</v>
      </c>
      <c r="D31" s="195">
        <v>0</v>
      </c>
      <c r="E31" s="195">
        <v>0</v>
      </c>
      <c r="F31" s="196">
        <v>0</v>
      </c>
      <c r="G31" s="197">
        <v>0</v>
      </c>
      <c r="H31" s="197">
        <v>0</v>
      </c>
      <c r="I31" s="197">
        <v>0</v>
      </c>
      <c r="J31" s="195">
        <v>2</v>
      </c>
      <c r="K31" s="198">
        <v>2</v>
      </c>
      <c r="L31" s="199">
        <v>2</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0.25" customHeight="1" x14ac:dyDescent="0.2">
      <c r="B32" s="62" t="s">
        <v>30</v>
      </c>
      <c r="C32" s="194">
        <v>0</v>
      </c>
      <c r="D32" s="195">
        <v>0</v>
      </c>
      <c r="E32" s="195">
        <v>0</v>
      </c>
      <c r="F32" s="196">
        <v>0</v>
      </c>
      <c r="G32" s="197">
        <v>0</v>
      </c>
      <c r="H32" s="197">
        <v>0</v>
      </c>
      <c r="I32" s="197">
        <v>2</v>
      </c>
      <c r="J32" s="195">
        <v>0</v>
      </c>
      <c r="K32" s="198">
        <v>2</v>
      </c>
      <c r="L32" s="199">
        <v>2</v>
      </c>
      <c r="M32" s="194">
        <v>0</v>
      </c>
      <c r="N32" s="195">
        <v>0</v>
      </c>
      <c r="O32" s="198">
        <v>0</v>
      </c>
      <c r="P32" s="201">
        <v>0</v>
      </c>
      <c r="Q32" s="197">
        <v>0</v>
      </c>
      <c r="R32" s="197">
        <v>2</v>
      </c>
      <c r="S32" s="197">
        <v>2</v>
      </c>
      <c r="T32" s="195">
        <v>1</v>
      </c>
      <c r="U32" s="198">
        <v>5</v>
      </c>
      <c r="V32" s="202">
        <v>5</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0.25" customHeight="1" x14ac:dyDescent="0.2">
      <c r="B33" s="62" t="s">
        <v>31</v>
      </c>
      <c r="C33" s="194">
        <v>0</v>
      </c>
      <c r="D33" s="195">
        <v>0</v>
      </c>
      <c r="E33" s="195">
        <v>0</v>
      </c>
      <c r="F33" s="196">
        <v>0</v>
      </c>
      <c r="G33" s="197">
        <v>0</v>
      </c>
      <c r="H33" s="197">
        <v>2</v>
      </c>
      <c r="I33" s="197">
        <v>1</v>
      </c>
      <c r="J33" s="195">
        <v>0</v>
      </c>
      <c r="K33" s="198">
        <v>3</v>
      </c>
      <c r="L33" s="199">
        <v>3</v>
      </c>
      <c r="M33" s="194">
        <v>0</v>
      </c>
      <c r="N33" s="195">
        <v>0</v>
      </c>
      <c r="O33" s="198">
        <v>0</v>
      </c>
      <c r="P33" s="201">
        <v>0</v>
      </c>
      <c r="Q33" s="197">
        <v>1</v>
      </c>
      <c r="R33" s="197">
        <v>0</v>
      </c>
      <c r="S33" s="197">
        <v>0</v>
      </c>
      <c r="T33" s="195">
        <v>0</v>
      </c>
      <c r="U33" s="198">
        <v>1</v>
      </c>
      <c r="V33" s="202">
        <v>1</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0.25" customHeight="1" x14ac:dyDescent="0.2">
      <c r="B34" s="62" t="s">
        <v>32</v>
      </c>
      <c r="C34" s="194">
        <v>0</v>
      </c>
      <c r="D34" s="195">
        <v>0</v>
      </c>
      <c r="E34" s="195">
        <v>0</v>
      </c>
      <c r="F34" s="196">
        <v>0</v>
      </c>
      <c r="G34" s="197">
        <v>0</v>
      </c>
      <c r="H34" s="197">
        <v>0</v>
      </c>
      <c r="I34" s="197">
        <v>2</v>
      </c>
      <c r="J34" s="195">
        <v>1</v>
      </c>
      <c r="K34" s="198">
        <v>3</v>
      </c>
      <c r="L34" s="199">
        <v>3</v>
      </c>
      <c r="M34" s="194">
        <v>0</v>
      </c>
      <c r="N34" s="195">
        <v>0</v>
      </c>
      <c r="O34" s="198">
        <v>0</v>
      </c>
      <c r="P34" s="201">
        <v>0</v>
      </c>
      <c r="Q34" s="197">
        <v>0</v>
      </c>
      <c r="R34" s="197">
        <v>2</v>
      </c>
      <c r="S34" s="197">
        <v>1</v>
      </c>
      <c r="T34" s="195">
        <v>0</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0.25"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0</v>
      </c>
      <c r="AM35" s="197">
        <v>0</v>
      </c>
      <c r="AN35" s="195">
        <v>1</v>
      </c>
      <c r="AO35" s="198">
        <v>2</v>
      </c>
      <c r="AP35" s="200">
        <v>2</v>
      </c>
      <c r="AQ35" s="37"/>
    </row>
    <row r="36" spans="2:43" ht="20.25"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1</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0.25" customHeight="1" x14ac:dyDescent="0.2">
      <c r="B37" s="62" t="s">
        <v>35</v>
      </c>
      <c r="C37" s="194">
        <v>0</v>
      </c>
      <c r="D37" s="195">
        <v>0</v>
      </c>
      <c r="E37" s="195">
        <v>0</v>
      </c>
      <c r="F37" s="196">
        <v>0</v>
      </c>
      <c r="G37" s="197">
        <v>0</v>
      </c>
      <c r="H37" s="197">
        <v>0</v>
      </c>
      <c r="I37" s="197">
        <v>2</v>
      </c>
      <c r="J37" s="195">
        <v>1</v>
      </c>
      <c r="K37" s="198">
        <v>3</v>
      </c>
      <c r="L37" s="199">
        <v>3</v>
      </c>
      <c r="M37" s="194">
        <v>0</v>
      </c>
      <c r="N37" s="195">
        <v>0</v>
      </c>
      <c r="O37" s="198">
        <v>0</v>
      </c>
      <c r="P37" s="201">
        <v>1</v>
      </c>
      <c r="Q37" s="197">
        <v>0</v>
      </c>
      <c r="R37" s="197">
        <v>1</v>
      </c>
      <c r="S37" s="197">
        <v>0</v>
      </c>
      <c r="T37" s="195">
        <v>0</v>
      </c>
      <c r="U37" s="198">
        <v>2</v>
      </c>
      <c r="V37" s="202">
        <v>2</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0.25" customHeight="1" x14ac:dyDescent="0.2">
      <c r="B38" s="62" t="s">
        <v>36</v>
      </c>
      <c r="C38" s="194">
        <v>0</v>
      </c>
      <c r="D38" s="195">
        <v>0</v>
      </c>
      <c r="E38" s="195">
        <v>0</v>
      </c>
      <c r="F38" s="196">
        <v>0</v>
      </c>
      <c r="G38" s="197">
        <v>0</v>
      </c>
      <c r="H38" s="197">
        <v>0</v>
      </c>
      <c r="I38" s="197">
        <v>3</v>
      </c>
      <c r="J38" s="195">
        <v>2</v>
      </c>
      <c r="K38" s="198">
        <v>5</v>
      </c>
      <c r="L38" s="199">
        <v>5</v>
      </c>
      <c r="M38" s="194">
        <v>0</v>
      </c>
      <c r="N38" s="195">
        <v>0</v>
      </c>
      <c r="O38" s="198">
        <v>0</v>
      </c>
      <c r="P38" s="201">
        <v>1</v>
      </c>
      <c r="Q38" s="197">
        <v>1</v>
      </c>
      <c r="R38" s="197">
        <v>2</v>
      </c>
      <c r="S38" s="197">
        <v>0</v>
      </c>
      <c r="T38" s="195">
        <v>0</v>
      </c>
      <c r="U38" s="198">
        <v>4</v>
      </c>
      <c r="V38" s="202">
        <v>4</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0.25" customHeight="1" thickBot="1" x14ac:dyDescent="0.25">
      <c r="B39" s="63" t="s">
        <v>37</v>
      </c>
      <c r="C39" s="203">
        <v>0</v>
      </c>
      <c r="D39" s="204">
        <v>0</v>
      </c>
      <c r="E39" s="204">
        <v>0</v>
      </c>
      <c r="F39" s="205">
        <v>0</v>
      </c>
      <c r="G39" s="206">
        <v>0</v>
      </c>
      <c r="H39" s="206">
        <v>1</v>
      </c>
      <c r="I39" s="206">
        <v>1</v>
      </c>
      <c r="J39" s="204">
        <v>0</v>
      </c>
      <c r="K39" s="207">
        <v>2</v>
      </c>
      <c r="L39" s="208">
        <v>2</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H1:I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6" width="9.6640625" style="1" bestFit="1" customWidth="1"/>
    <col min="7"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F1" s="500">
        <f>第１表!F2</f>
        <v>4</v>
      </c>
      <c r="G1" s="502">
        <f>第１表!G2</f>
        <v>10</v>
      </c>
      <c r="H1" s="609">
        <f>IF(G1&lt;3,G1-2+12,G1-2)</f>
        <v>8</v>
      </c>
      <c r="I1" s="609"/>
      <c r="J1" s="503"/>
    </row>
    <row r="2" spans="2:43" ht="24" customHeight="1" thickBot="1" x14ac:dyDescent="0.25">
      <c r="B2" s="20" t="s">
        <v>159</v>
      </c>
      <c r="F2" s="20" t="s">
        <v>140</v>
      </c>
    </row>
    <row r="3" spans="2:43" ht="24.75" customHeight="1" x14ac:dyDescent="0.2">
      <c r="B3" s="575"/>
      <c r="C3" s="578" t="s">
        <v>57</v>
      </c>
      <c r="D3" s="579"/>
      <c r="E3" s="579"/>
      <c r="F3" s="579"/>
      <c r="G3" s="579"/>
      <c r="H3" s="579"/>
      <c r="I3" s="579"/>
      <c r="J3" s="579"/>
      <c r="K3" s="579"/>
      <c r="L3" s="579"/>
      <c r="M3" s="578" t="s">
        <v>58</v>
      </c>
      <c r="N3" s="581"/>
      <c r="O3" s="581"/>
      <c r="P3" s="581"/>
      <c r="Q3" s="581"/>
      <c r="R3" s="581"/>
      <c r="S3" s="581"/>
      <c r="T3" s="581"/>
      <c r="U3" s="581"/>
      <c r="V3" s="581"/>
      <c r="W3" s="578" t="s">
        <v>59</v>
      </c>
      <c r="X3" s="579"/>
      <c r="Y3" s="579"/>
      <c r="Z3" s="579"/>
      <c r="AA3" s="579"/>
      <c r="AB3" s="579"/>
      <c r="AC3" s="579"/>
      <c r="AD3" s="579"/>
      <c r="AE3" s="579"/>
      <c r="AF3" s="579"/>
      <c r="AG3" s="607" t="s">
        <v>151</v>
      </c>
      <c r="AH3" s="579"/>
      <c r="AI3" s="579"/>
      <c r="AJ3" s="579"/>
      <c r="AK3" s="579"/>
      <c r="AL3" s="579"/>
      <c r="AM3" s="579"/>
      <c r="AN3" s="579"/>
      <c r="AO3" s="579"/>
      <c r="AP3" s="580"/>
    </row>
    <row r="4" spans="2:43" ht="24.75" customHeight="1" x14ac:dyDescent="0.2">
      <c r="B4" s="577"/>
      <c r="C4" s="583" t="s">
        <v>61</v>
      </c>
      <c r="D4" s="584"/>
      <c r="E4" s="585"/>
      <c r="F4" s="586" t="s">
        <v>62</v>
      </c>
      <c r="G4" s="587"/>
      <c r="H4" s="587"/>
      <c r="I4" s="587"/>
      <c r="J4" s="587"/>
      <c r="K4" s="588"/>
      <c r="L4" s="599" t="s">
        <v>52</v>
      </c>
      <c r="M4" s="583" t="s">
        <v>61</v>
      </c>
      <c r="N4" s="584"/>
      <c r="O4" s="585"/>
      <c r="P4" s="586" t="s">
        <v>62</v>
      </c>
      <c r="Q4" s="587"/>
      <c r="R4" s="587"/>
      <c r="S4" s="587"/>
      <c r="T4" s="587"/>
      <c r="U4" s="588"/>
      <c r="V4" s="589" t="s">
        <v>52</v>
      </c>
      <c r="W4" s="583" t="s">
        <v>61</v>
      </c>
      <c r="X4" s="584"/>
      <c r="Y4" s="585"/>
      <c r="Z4" s="586" t="s">
        <v>62</v>
      </c>
      <c r="AA4" s="587"/>
      <c r="AB4" s="587"/>
      <c r="AC4" s="587"/>
      <c r="AD4" s="587"/>
      <c r="AE4" s="588"/>
      <c r="AF4" s="599" t="s">
        <v>52</v>
      </c>
      <c r="AG4" s="583" t="s">
        <v>61</v>
      </c>
      <c r="AH4" s="584"/>
      <c r="AI4" s="585"/>
      <c r="AJ4" s="586" t="s">
        <v>62</v>
      </c>
      <c r="AK4" s="587"/>
      <c r="AL4" s="587"/>
      <c r="AM4" s="587"/>
      <c r="AN4" s="587"/>
      <c r="AO4" s="588"/>
      <c r="AP4" s="589" t="s">
        <v>52</v>
      </c>
    </row>
    <row r="5" spans="2:43" ht="24.75" customHeight="1" thickBot="1" x14ac:dyDescent="0.25">
      <c r="B5" s="364" t="s">
        <v>42</v>
      </c>
      <c r="C5" s="31" t="s">
        <v>43</v>
      </c>
      <c r="D5" s="32" t="s">
        <v>44</v>
      </c>
      <c r="E5" s="32" t="s">
        <v>45</v>
      </c>
      <c r="F5" s="33" t="s">
        <v>47</v>
      </c>
      <c r="G5" s="34" t="s">
        <v>48</v>
      </c>
      <c r="H5" s="34" t="s">
        <v>49</v>
      </c>
      <c r="I5" s="35" t="s">
        <v>50</v>
      </c>
      <c r="J5" s="32" t="s">
        <v>51</v>
      </c>
      <c r="K5" s="36" t="s">
        <v>95</v>
      </c>
      <c r="L5" s="598"/>
      <c r="M5" s="31" t="s">
        <v>43</v>
      </c>
      <c r="N5" s="32" t="s">
        <v>44</v>
      </c>
      <c r="O5" s="36" t="s">
        <v>45</v>
      </c>
      <c r="P5" s="15" t="s">
        <v>47</v>
      </c>
      <c r="Q5" s="34" t="s">
        <v>48</v>
      </c>
      <c r="R5" s="34" t="s">
        <v>49</v>
      </c>
      <c r="S5" s="35" t="s">
        <v>50</v>
      </c>
      <c r="T5" s="32" t="s">
        <v>51</v>
      </c>
      <c r="U5" s="36" t="s">
        <v>45</v>
      </c>
      <c r="V5" s="590"/>
      <c r="W5" s="31" t="s">
        <v>43</v>
      </c>
      <c r="X5" s="32" t="s">
        <v>44</v>
      </c>
      <c r="Y5" s="32" t="s">
        <v>45</v>
      </c>
      <c r="Z5" s="33" t="s">
        <v>47</v>
      </c>
      <c r="AA5" s="34" t="s">
        <v>48</v>
      </c>
      <c r="AB5" s="34" t="s">
        <v>49</v>
      </c>
      <c r="AC5" s="35" t="s">
        <v>50</v>
      </c>
      <c r="AD5" s="32" t="s">
        <v>51</v>
      </c>
      <c r="AE5" s="36" t="s">
        <v>45</v>
      </c>
      <c r="AF5" s="598"/>
      <c r="AG5" s="31" t="s">
        <v>43</v>
      </c>
      <c r="AH5" s="32" t="s">
        <v>44</v>
      </c>
      <c r="AI5" s="32" t="s">
        <v>45</v>
      </c>
      <c r="AJ5" s="33" t="s">
        <v>47</v>
      </c>
      <c r="AK5" s="34" t="s">
        <v>48</v>
      </c>
      <c r="AL5" s="34" t="s">
        <v>49</v>
      </c>
      <c r="AM5" s="35" t="s">
        <v>50</v>
      </c>
      <c r="AN5" s="32" t="s">
        <v>51</v>
      </c>
      <c r="AO5" s="36" t="s">
        <v>45</v>
      </c>
      <c r="AP5" s="590"/>
    </row>
    <row r="6" spans="2:43" ht="20.25" customHeight="1" x14ac:dyDescent="0.2">
      <c r="B6" s="363" t="s">
        <v>4</v>
      </c>
      <c r="C6" s="185">
        <v>0</v>
      </c>
      <c r="D6" s="186">
        <v>0</v>
      </c>
      <c r="E6" s="186">
        <v>0</v>
      </c>
      <c r="F6" s="187">
        <v>4</v>
      </c>
      <c r="G6" s="188">
        <v>26</v>
      </c>
      <c r="H6" s="188">
        <v>238</v>
      </c>
      <c r="I6" s="188">
        <v>408</v>
      </c>
      <c r="J6" s="186">
        <v>286</v>
      </c>
      <c r="K6" s="189">
        <v>962</v>
      </c>
      <c r="L6" s="190">
        <v>962</v>
      </c>
      <c r="M6" s="185">
        <v>0</v>
      </c>
      <c r="N6" s="186">
        <v>0</v>
      </c>
      <c r="O6" s="189">
        <v>0</v>
      </c>
      <c r="P6" s="192">
        <v>48</v>
      </c>
      <c r="Q6" s="188">
        <v>118</v>
      </c>
      <c r="R6" s="188">
        <v>190</v>
      </c>
      <c r="S6" s="188">
        <v>270</v>
      </c>
      <c r="T6" s="186">
        <v>119</v>
      </c>
      <c r="U6" s="189">
        <v>745</v>
      </c>
      <c r="V6" s="193">
        <v>745</v>
      </c>
      <c r="W6" s="192">
        <v>0</v>
      </c>
      <c r="X6" s="186">
        <v>0</v>
      </c>
      <c r="Y6" s="186">
        <v>0</v>
      </c>
      <c r="Z6" s="187">
        <v>0</v>
      </c>
      <c r="AA6" s="188">
        <v>0</v>
      </c>
      <c r="AB6" s="188">
        <v>1</v>
      </c>
      <c r="AC6" s="188">
        <v>12</v>
      </c>
      <c r="AD6" s="186">
        <v>17</v>
      </c>
      <c r="AE6" s="189">
        <v>30</v>
      </c>
      <c r="AF6" s="190">
        <v>30</v>
      </c>
      <c r="AG6" s="185">
        <v>0</v>
      </c>
      <c r="AH6" s="186">
        <v>0</v>
      </c>
      <c r="AI6" s="186">
        <v>0</v>
      </c>
      <c r="AJ6" s="187">
        <v>0</v>
      </c>
      <c r="AK6" s="188">
        <v>1</v>
      </c>
      <c r="AL6" s="188">
        <v>2</v>
      </c>
      <c r="AM6" s="188">
        <v>12</v>
      </c>
      <c r="AN6" s="186">
        <v>18</v>
      </c>
      <c r="AO6" s="189">
        <v>33</v>
      </c>
      <c r="AP6" s="191">
        <v>33</v>
      </c>
      <c r="AQ6" s="37"/>
    </row>
    <row r="7" spans="2:43" ht="20.25" customHeight="1" x14ac:dyDescent="0.2">
      <c r="B7" s="62" t="s">
        <v>5</v>
      </c>
      <c r="C7" s="194">
        <v>0</v>
      </c>
      <c r="D7" s="195">
        <v>0</v>
      </c>
      <c r="E7" s="195">
        <v>0</v>
      </c>
      <c r="F7" s="196">
        <v>2</v>
      </c>
      <c r="G7" s="197">
        <v>17</v>
      </c>
      <c r="H7" s="197">
        <v>116</v>
      </c>
      <c r="I7" s="197">
        <v>180</v>
      </c>
      <c r="J7" s="195">
        <v>137</v>
      </c>
      <c r="K7" s="198">
        <v>452</v>
      </c>
      <c r="L7" s="199">
        <v>452</v>
      </c>
      <c r="M7" s="194">
        <v>0</v>
      </c>
      <c r="N7" s="195">
        <v>0</v>
      </c>
      <c r="O7" s="198">
        <v>0</v>
      </c>
      <c r="P7" s="201">
        <v>20</v>
      </c>
      <c r="Q7" s="197">
        <v>63</v>
      </c>
      <c r="R7" s="197">
        <v>83</v>
      </c>
      <c r="S7" s="197">
        <v>136</v>
      </c>
      <c r="T7" s="195">
        <v>64</v>
      </c>
      <c r="U7" s="198">
        <v>366</v>
      </c>
      <c r="V7" s="202">
        <v>366</v>
      </c>
      <c r="W7" s="201">
        <v>0</v>
      </c>
      <c r="X7" s="195">
        <v>0</v>
      </c>
      <c r="Y7" s="195">
        <v>0</v>
      </c>
      <c r="Z7" s="196">
        <v>0</v>
      </c>
      <c r="AA7" s="197">
        <v>0</v>
      </c>
      <c r="AB7" s="197">
        <v>1</v>
      </c>
      <c r="AC7" s="197">
        <v>4</v>
      </c>
      <c r="AD7" s="195">
        <v>6</v>
      </c>
      <c r="AE7" s="198">
        <v>11</v>
      </c>
      <c r="AF7" s="199">
        <v>11</v>
      </c>
      <c r="AG7" s="194">
        <v>0</v>
      </c>
      <c r="AH7" s="195">
        <v>0</v>
      </c>
      <c r="AI7" s="195">
        <v>0</v>
      </c>
      <c r="AJ7" s="196">
        <v>0</v>
      </c>
      <c r="AK7" s="197">
        <v>1</v>
      </c>
      <c r="AL7" s="197">
        <v>1</v>
      </c>
      <c r="AM7" s="197">
        <v>4</v>
      </c>
      <c r="AN7" s="195">
        <v>8</v>
      </c>
      <c r="AO7" s="198">
        <v>14</v>
      </c>
      <c r="AP7" s="200">
        <v>14</v>
      </c>
      <c r="AQ7" s="37"/>
    </row>
    <row r="8" spans="2:43" ht="20.25" customHeight="1" x14ac:dyDescent="0.2">
      <c r="B8" s="62" t="s">
        <v>6</v>
      </c>
      <c r="C8" s="194">
        <v>0</v>
      </c>
      <c r="D8" s="195">
        <v>0</v>
      </c>
      <c r="E8" s="195">
        <v>0</v>
      </c>
      <c r="F8" s="196">
        <v>0</v>
      </c>
      <c r="G8" s="197">
        <v>2</v>
      </c>
      <c r="H8" s="197">
        <v>33</v>
      </c>
      <c r="I8" s="197">
        <v>57</v>
      </c>
      <c r="J8" s="195">
        <v>38</v>
      </c>
      <c r="K8" s="198">
        <v>130</v>
      </c>
      <c r="L8" s="199">
        <v>130</v>
      </c>
      <c r="M8" s="194">
        <v>0</v>
      </c>
      <c r="N8" s="195">
        <v>0</v>
      </c>
      <c r="O8" s="198">
        <v>0</v>
      </c>
      <c r="P8" s="201">
        <v>9</v>
      </c>
      <c r="Q8" s="197">
        <v>12</v>
      </c>
      <c r="R8" s="197">
        <v>26</v>
      </c>
      <c r="S8" s="197">
        <v>40</v>
      </c>
      <c r="T8" s="195">
        <v>16</v>
      </c>
      <c r="U8" s="198">
        <v>103</v>
      </c>
      <c r="V8" s="202">
        <v>103</v>
      </c>
      <c r="W8" s="201">
        <v>0</v>
      </c>
      <c r="X8" s="195">
        <v>0</v>
      </c>
      <c r="Y8" s="195">
        <v>0</v>
      </c>
      <c r="Z8" s="196">
        <v>0</v>
      </c>
      <c r="AA8" s="197">
        <v>0</v>
      </c>
      <c r="AB8" s="197">
        <v>0</v>
      </c>
      <c r="AC8" s="197">
        <v>8</v>
      </c>
      <c r="AD8" s="195">
        <v>8</v>
      </c>
      <c r="AE8" s="198">
        <v>16</v>
      </c>
      <c r="AF8" s="199">
        <v>16</v>
      </c>
      <c r="AG8" s="194">
        <v>0</v>
      </c>
      <c r="AH8" s="195">
        <v>0</v>
      </c>
      <c r="AI8" s="195">
        <v>0</v>
      </c>
      <c r="AJ8" s="196">
        <v>0</v>
      </c>
      <c r="AK8" s="197">
        <v>0</v>
      </c>
      <c r="AL8" s="197">
        <v>0</v>
      </c>
      <c r="AM8" s="197">
        <v>1</v>
      </c>
      <c r="AN8" s="195">
        <v>3</v>
      </c>
      <c r="AO8" s="198">
        <v>4</v>
      </c>
      <c r="AP8" s="200">
        <v>4</v>
      </c>
      <c r="AQ8" s="37"/>
    </row>
    <row r="9" spans="2:43" ht="20.25" customHeight="1" x14ac:dyDescent="0.2">
      <c r="B9" s="62" t="s">
        <v>14</v>
      </c>
      <c r="C9" s="194">
        <v>0</v>
      </c>
      <c r="D9" s="195">
        <v>0</v>
      </c>
      <c r="E9" s="195">
        <v>0</v>
      </c>
      <c r="F9" s="196">
        <v>0</v>
      </c>
      <c r="G9" s="197">
        <v>0</v>
      </c>
      <c r="H9" s="197">
        <v>15</v>
      </c>
      <c r="I9" s="197">
        <v>29</v>
      </c>
      <c r="J9" s="195">
        <v>19</v>
      </c>
      <c r="K9" s="198">
        <v>63</v>
      </c>
      <c r="L9" s="199">
        <v>63</v>
      </c>
      <c r="M9" s="194">
        <v>0</v>
      </c>
      <c r="N9" s="195">
        <v>0</v>
      </c>
      <c r="O9" s="198">
        <v>0</v>
      </c>
      <c r="P9" s="201">
        <v>2</v>
      </c>
      <c r="Q9" s="197">
        <v>10</v>
      </c>
      <c r="R9" s="197">
        <v>9</v>
      </c>
      <c r="S9" s="197">
        <v>17</v>
      </c>
      <c r="T9" s="195">
        <v>2</v>
      </c>
      <c r="U9" s="198">
        <v>40</v>
      </c>
      <c r="V9" s="202">
        <v>40</v>
      </c>
      <c r="W9" s="201">
        <v>0</v>
      </c>
      <c r="X9" s="195">
        <v>0</v>
      </c>
      <c r="Y9" s="195">
        <v>0</v>
      </c>
      <c r="Z9" s="196">
        <v>0</v>
      </c>
      <c r="AA9" s="197">
        <v>0</v>
      </c>
      <c r="AB9" s="197">
        <v>0</v>
      </c>
      <c r="AC9" s="197">
        <v>0</v>
      </c>
      <c r="AD9" s="195">
        <v>2</v>
      </c>
      <c r="AE9" s="198">
        <v>2</v>
      </c>
      <c r="AF9" s="199">
        <v>2</v>
      </c>
      <c r="AG9" s="194">
        <v>0</v>
      </c>
      <c r="AH9" s="195">
        <v>0</v>
      </c>
      <c r="AI9" s="195">
        <v>0</v>
      </c>
      <c r="AJ9" s="196">
        <v>0</v>
      </c>
      <c r="AK9" s="197">
        <v>0</v>
      </c>
      <c r="AL9" s="197">
        <v>0</v>
      </c>
      <c r="AM9" s="197">
        <v>2</v>
      </c>
      <c r="AN9" s="195">
        <v>1</v>
      </c>
      <c r="AO9" s="198">
        <v>3</v>
      </c>
      <c r="AP9" s="200">
        <v>3</v>
      </c>
      <c r="AQ9" s="37"/>
    </row>
    <row r="10" spans="2:43" ht="20.25" customHeight="1" x14ac:dyDescent="0.2">
      <c r="B10" s="62" t="s">
        <v>7</v>
      </c>
      <c r="C10" s="194">
        <v>0</v>
      </c>
      <c r="D10" s="195">
        <v>0</v>
      </c>
      <c r="E10" s="195">
        <v>0</v>
      </c>
      <c r="F10" s="196">
        <v>0</v>
      </c>
      <c r="G10" s="197">
        <v>0</v>
      </c>
      <c r="H10" s="197">
        <v>4</v>
      </c>
      <c r="I10" s="197">
        <v>23</v>
      </c>
      <c r="J10" s="195">
        <v>11</v>
      </c>
      <c r="K10" s="198">
        <v>38</v>
      </c>
      <c r="L10" s="199">
        <v>38</v>
      </c>
      <c r="M10" s="194">
        <v>0</v>
      </c>
      <c r="N10" s="195">
        <v>0</v>
      </c>
      <c r="O10" s="198">
        <v>0</v>
      </c>
      <c r="P10" s="201">
        <v>0</v>
      </c>
      <c r="Q10" s="197">
        <v>5</v>
      </c>
      <c r="R10" s="197">
        <v>4</v>
      </c>
      <c r="S10" s="197">
        <v>5</v>
      </c>
      <c r="T10" s="195">
        <v>2</v>
      </c>
      <c r="U10" s="198">
        <v>16</v>
      </c>
      <c r="V10" s="202">
        <v>16</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0.25" customHeight="1" x14ac:dyDescent="0.2">
      <c r="B11" s="62" t="s">
        <v>8</v>
      </c>
      <c r="C11" s="194">
        <v>0</v>
      </c>
      <c r="D11" s="195">
        <v>0</v>
      </c>
      <c r="E11" s="195">
        <v>0</v>
      </c>
      <c r="F11" s="196">
        <v>1</v>
      </c>
      <c r="G11" s="197">
        <v>3</v>
      </c>
      <c r="H11" s="197">
        <v>3</v>
      </c>
      <c r="I11" s="197">
        <v>9</v>
      </c>
      <c r="J11" s="195">
        <v>6</v>
      </c>
      <c r="K11" s="198">
        <v>22</v>
      </c>
      <c r="L11" s="199">
        <v>22</v>
      </c>
      <c r="M11" s="194">
        <v>0</v>
      </c>
      <c r="N11" s="195">
        <v>0</v>
      </c>
      <c r="O11" s="198">
        <v>0</v>
      </c>
      <c r="P11" s="201">
        <v>0</v>
      </c>
      <c r="Q11" s="197">
        <v>3</v>
      </c>
      <c r="R11" s="197">
        <v>5</v>
      </c>
      <c r="S11" s="197">
        <v>7</v>
      </c>
      <c r="T11" s="195">
        <v>2</v>
      </c>
      <c r="U11" s="198">
        <v>17</v>
      </c>
      <c r="V11" s="202">
        <v>17</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1</v>
      </c>
      <c r="AN11" s="195">
        <v>0</v>
      </c>
      <c r="AO11" s="198">
        <v>1</v>
      </c>
      <c r="AP11" s="200">
        <v>1</v>
      </c>
      <c r="AQ11" s="37"/>
    </row>
    <row r="12" spans="2:43" ht="20.25" customHeight="1" x14ac:dyDescent="0.2">
      <c r="B12" s="62" t="s">
        <v>9</v>
      </c>
      <c r="C12" s="194">
        <v>0</v>
      </c>
      <c r="D12" s="195">
        <v>0</v>
      </c>
      <c r="E12" s="195">
        <v>0</v>
      </c>
      <c r="F12" s="196">
        <v>0</v>
      </c>
      <c r="G12" s="197">
        <v>0</v>
      </c>
      <c r="H12" s="197">
        <v>3</v>
      </c>
      <c r="I12" s="197">
        <v>17</v>
      </c>
      <c r="J12" s="195">
        <v>11</v>
      </c>
      <c r="K12" s="198">
        <v>31</v>
      </c>
      <c r="L12" s="199">
        <v>31</v>
      </c>
      <c r="M12" s="194">
        <v>0</v>
      </c>
      <c r="N12" s="195">
        <v>0</v>
      </c>
      <c r="O12" s="198">
        <v>0</v>
      </c>
      <c r="P12" s="201">
        <v>0</v>
      </c>
      <c r="Q12" s="197">
        <v>1</v>
      </c>
      <c r="R12" s="197">
        <v>7</v>
      </c>
      <c r="S12" s="197">
        <v>6</v>
      </c>
      <c r="T12" s="195">
        <v>7</v>
      </c>
      <c r="U12" s="198">
        <v>21</v>
      </c>
      <c r="V12" s="202">
        <v>21</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0</v>
      </c>
      <c r="AO12" s="198">
        <v>0</v>
      </c>
      <c r="AP12" s="200">
        <v>0</v>
      </c>
      <c r="AQ12" s="37"/>
    </row>
    <row r="13" spans="2:43" ht="20.25" customHeight="1" x14ac:dyDescent="0.2">
      <c r="B13" s="62" t="s">
        <v>10</v>
      </c>
      <c r="C13" s="194">
        <v>0</v>
      </c>
      <c r="D13" s="195">
        <v>0</v>
      </c>
      <c r="E13" s="195">
        <v>0</v>
      </c>
      <c r="F13" s="196">
        <v>0</v>
      </c>
      <c r="G13" s="197">
        <v>1</v>
      </c>
      <c r="H13" s="197">
        <v>14</v>
      </c>
      <c r="I13" s="197">
        <v>13</v>
      </c>
      <c r="J13" s="195">
        <v>16</v>
      </c>
      <c r="K13" s="198">
        <v>44</v>
      </c>
      <c r="L13" s="199">
        <v>44</v>
      </c>
      <c r="M13" s="194">
        <v>0</v>
      </c>
      <c r="N13" s="195">
        <v>0</v>
      </c>
      <c r="O13" s="198">
        <v>0</v>
      </c>
      <c r="P13" s="201">
        <v>0</v>
      </c>
      <c r="Q13" s="197">
        <v>2</v>
      </c>
      <c r="R13" s="197">
        <v>11</v>
      </c>
      <c r="S13" s="197">
        <v>4</v>
      </c>
      <c r="T13" s="195">
        <v>3</v>
      </c>
      <c r="U13" s="198">
        <v>20</v>
      </c>
      <c r="V13" s="202">
        <v>20</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1</v>
      </c>
      <c r="AO13" s="198">
        <v>1</v>
      </c>
      <c r="AP13" s="200">
        <v>1</v>
      </c>
      <c r="AQ13" s="37"/>
    </row>
    <row r="14" spans="2:43" ht="20.25" customHeight="1" x14ac:dyDescent="0.2">
      <c r="B14" s="62" t="s">
        <v>11</v>
      </c>
      <c r="C14" s="194">
        <v>0</v>
      </c>
      <c r="D14" s="195">
        <v>0</v>
      </c>
      <c r="E14" s="195">
        <v>0</v>
      </c>
      <c r="F14" s="196">
        <v>0</v>
      </c>
      <c r="G14" s="197">
        <v>0</v>
      </c>
      <c r="H14" s="197">
        <v>2</v>
      </c>
      <c r="I14" s="197">
        <v>8</v>
      </c>
      <c r="J14" s="195">
        <v>6</v>
      </c>
      <c r="K14" s="198">
        <v>16</v>
      </c>
      <c r="L14" s="199">
        <v>16</v>
      </c>
      <c r="M14" s="194">
        <v>0</v>
      </c>
      <c r="N14" s="195">
        <v>0</v>
      </c>
      <c r="O14" s="198">
        <v>0</v>
      </c>
      <c r="P14" s="201">
        <v>3</v>
      </c>
      <c r="Q14" s="197">
        <v>0</v>
      </c>
      <c r="R14" s="197">
        <v>3</v>
      </c>
      <c r="S14" s="197">
        <v>6</v>
      </c>
      <c r="T14" s="195">
        <v>1</v>
      </c>
      <c r="U14" s="198">
        <v>13</v>
      </c>
      <c r="V14" s="202">
        <v>13</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1</v>
      </c>
      <c r="AM14" s="197">
        <v>0</v>
      </c>
      <c r="AN14" s="195">
        <v>0</v>
      </c>
      <c r="AO14" s="198">
        <v>1</v>
      </c>
      <c r="AP14" s="200">
        <v>1</v>
      </c>
      <c r="AQ14" s="37"/>
    </row>
    <row r="15" spans="2:43" ht="20.25" customHeight="1" x14ac:dyDescent="0.2">
      <c r="B15" s="62" t="s">
        <v>12</v>
      </c>
      <c r="C15" s="194">
        <v>0</v>
      </c>
      <c r="D15" s="195">
        <v>0</v>
      </c>
      <c r="E15" s="195">
        <v>0</v>
      </c>
      <c r="F15" s="196">
        <v>0</v>
      </c>
      <c r="G15" s="197">
        <v>0</v>
      </c>
      <c r="H15" s="197">
        <v>5</v>
      </c>
      <c r="I15" s="197">
        <v>10</v>
      </c>
      <c r="J15" s="195">
        <v>4</v>
      </c>
      <c r="K15" s="198">
        <v>19</v>
      </c>
      <c r="L15" s="199">
        <v>19</v>
      </c>
      <c r="M15" s="194">
        <v>0</v>
      </c>
      <c r="N15" s="195">
        <v>0</v>
      </c>
      <c r="O15" s="198">
        <v>0</v>
      </c>
      <c r="P15" s="201">
        <v>0</v>
      </c>
      <c r="Q15" s="197">
        <v>3</v>
      </c>
      <c r="R15" s="197">
        <v>6</v>
      </c>
      <c r="S15" s="197">
        <v>12</v>
      </c>
      <c r="T15" s="195">
        <v>2</v>
      </c>
      <c r="U15" s="198">
        <v>23</v>
      </c>
      <c r="V15" s="202">
        <v>23</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0.25" customHeight="1" x14ac:dyDescent="0.2">
      <c r="B16" s="62" t="s">
        <v>13</v>
      </c>
      <c r="C16" s="194">
        <v>0</v>
      </c>
      <c r="D16" s="195">
        <v>0</v>
      </c>
      <c r="E16" s="195">
        <v>0</v>
      </c>
      <c r="F16" s="196">
        <v>0</v>
      </c>
      <c r="G16" s="197">
        <v>0</v>
      </c>
      <c r="H16" s="197">
        <v>4</v>
      </c>
      <c r="I16" s="197">
        <v>3</v>
      </c>
      <c r="J16" s="195">
        <v>4</v>
      </c>
      <c r="K16" s="198">
        <v>11</v>
      </c>
      <c r="L16" s="199">
        <v>11</v>
      </c>
      <c r="M16" s="194">
        <v>0</v>
      </c>
      <c r="N16" s="195">
        <v>0</v>
      </c>
      <c r="O16" s="198">
        <v>0</v>
      </c>
      <c r="P16" s="201">
        <v>0</v>
      </c>
      <c r="Q16" s="197">
        <v>0</v>
      </c>
      <c r="R16" s="197">
        <v>1</v>
      </c>
      <c r="S16" s="197">
        <v>3</v>
      </c>
      <c r="T16" s="195">
        <v>1</v>
      </c>
      <c r="U16" s="198">
        <v>5</v>
      </c>
      <c r="V16" s="202">
        <v>5</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0.25" customHeight="1" x14ac:dyDescent="0.2">
      <c r="B17" s="62" t="s">
        <v>15</v>
      </c>
      <c r="C17" s="194">
        <v>0</v>
      </c>
      <c r="D17" s="195">
        <v>0</v>
      </c>
      <c r="E17" s="195">
        <v>0</v>
      </c>
      <c r="F17" s="196">
        <v>0</v>
      </c>
      <c r="G17" s="197">
        <v>0</v>
      </c>
      <c r="H17" s="197">
        <v>1</v>
      </c>
      <c r="I17" s="197">
        <v>0</v>
      </c>
      <c r="J17" s="195">
        <v>1</v>
      </c>
      <c r="K17" s="198">
        <v>2</v>
      </c>
      <c r="L17" s="199">
        <v>2</v>
      </c>
      <c r="M17" s="194">
        <v>0</v>
      </c>
      <c r="N17" s="195">
        <v>0</v>
      </c>
      <c r="O17" s="198">
        <v>0</v>
      </c>
      <c r="P17" s="201">
        <v>0</v>
      </c>
      <c r="Q17" s="197">
        <v>0</v>
      </c>
      <c r="R17" s="197">
        <v>1</v>
      </c>
      <c r="S17" s="197">
        <v>1</v>
      </c>
      <c r="T17" s="195">
        <v>0</v>
      </c>
      <c r="U17" s="198">
        <v>2</v>
      </c>
      <c r="V17" s="202">
        <v>2</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0.25" customHeight="1" x14ac:dyDescent="0.2">
      <c r="B18" s="62" t="s">
        <v>16</v>
      </c>
      <c r="C18" s="194">
        <v>0</v>
      </c>
      <c r="D18" s="195">
        <v>0</v>
      </c>
      <c r="E18" s="195">
        <v>0</v>
      </c>
      <c r="F18" s="196">
        <v>0</v>
      </c>
      <c r="G18" s="197">
        <v>0</v>
      </c>
      <c r="H18" s="197">
        <v>7</v>
      </c>
      <c r="I18" s="197">
        <v>7</v>
      </c>
      <c r="J18" s="195">
        <v>4</v>
      </c>
      <c r="K18" s="198">
        <v>18</v>
      </c>
      <c r="L18" s="199">
        <v>18</v>
      </c>
      <c r="M18" s="194">
        <v>0</v>
      </c>
      <c r="N18" s="195">
        <v>0</v>
      </c>
      <c r="O18" s="198">
        <v>0</v>
      </c>
      <c r="P18" s="201">
        <v>3</v>
      </c>
      <c r="Q18" s="197">
        <v>2</v>
      </c>
      <c r="R18" s="197">
        <v>3</v>
      </c>
      <c r="S18" s="197">
        <v>8</v>
      </c>
      <c r="T18" s="195">
        <v>4</v>
      </c>
      <c r="U18" s="198">
        <v>20</v>
      </c>
      <c r="V18" s="202">
        <v>20</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2</v>
      </c>
      <c r="AN18" s="195">
        <v>0</v>
      </c>
      <c r="AO18" s="198">
        <v>2</v>
      </c>
      <c r="AP18" s="200">
        <v>2</v>
      </c>
      <c r="AQ18" s="37"/>
    </row>
    <row r="19" spans="2:43" ht="20.25" customHeight="1" x14ac:dyDescent="0.2">
      <c r="B19" s="62" t="s">
        <v>17</v>
      </c>
      <c r="C19" s="194">
        <v>0</v>
      </c>
      <c r="D19" s="195">
        <v>0</v>
      </c>
      <c r="E19" s="195">
        <v>0</v>
      </c>
      <c r="F19" s="196">
        <v>1</v>
      </c>
      <c r="G19" s="197">
        <v>1</v>
      </c>
      <c r="H19" s="197">
        <v>8</v>
      </c>
      <c r="I19" s="197">
        <v>5</v>
      </c>
      <c r="J19" s="195">
        <v>5</v>
      </c>
      <c r="K19" s="198">
        <v>20</v>
      </c>
      <c r="L19" s="199">
        <v>20</v>
      </c>
      <c r="M19" s="194">
        <v>0</v>
      </c>
      <c r="N19" s="195">
        <v>0</v>
      </c>
      <c r="O19" s="198">
        <v>0</v>
      </c>
      <c r="P19" s="201">
        <v>2</v>
      </c>
      <c r="Q19" s="197">
        <v>7</v>
      </c>
      <c r="R19" s="197">
        <v>7</v>
      </c>
      <c r="S19" s="197">
        <v>7</v>
      </c>
      <c r="T19" s="195">
        <v>3</v>
      </c>
      <c r="U19" s="198">
        <v>26</v>
      </c>
      <c r="V19" s="202">
        <v>26</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0</v>
      </c>
      <c r="AO19" s="198">
        <v>0</v>
      </c>
      <c r="AP19" s="200">
        <v>0</v>
      </c>
      <c r="AQ19" s="37"/>
    </row>
    <row r="20" spans="2:43" ht="20.25" customHeight="1" x14ac:dyDescent="0.2">
      <c r="B20" s="62" t="s">
        <v>18</v>
      </c>
      <c r="C20" s="194">
        <v>0</v>
      </c>
      <c r="D20" s="195">
        <v>0</v>
      </c>
      <c r="E20" s="195">
        <v>0</v>
      </c>
      <c r="F20" s="196">
        <v>0</v>
      </c>
      <c r="G20" s="197">
        <v>1</v>
      </c>
      <c r="H20" s="197">
        <v>9</v>
      </c>
      <c r="I20" s="197">
        <v>13</v>
      </c>
      <c r="J20" s="195">
        <v>6</v>
      </c>
      <c r="K20" s="198">
        <v>29</v>
      </c>
      <c r="L20" s="199">
        <v>29</v>
      </c>
      <c r="M20" s="194">
        <v>0</v>
      </c>
      <c r="N20" s="195">
        <v>0</v>
      </c>
      <c r="O20" s="198">
        <v>0</v>
      </c>
      <c r="P20" s="201">
        <v>5</v>
      </c>
      <c r="Q20" s="197">
        <v>2</v>
      </c>
      <c r="R20" s="197">
        <v>4</v>
      </c>
      <c r="S20" s="197">
        <v>3</v>
      </c>
      <c r="T20" s="195">
        <v>2</v>
      </c>
      <c r="U20" s="198">
        <v>16</v>
      </c>
      <c r="V20" s="202">
        <v>16</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0.25" customHeight="1" x14ac:dyDescent="0.2">
      <c r="B21" s="62" t="s">
        <v>19</v>
      </c>
      <c r="C21" s="194">
        <v>0</v>
      </c>
      <c r="D21" s="195">
        <v>0</v>
      </c>
      <c r="E21" s="195">
        <v>0</v>
      </c>
      <c r="F21" s="196">
        <v>0</v>
      </c>
      <c r="G21" s="197">
        <v>0</v>
      </c>
      <c r="H21" s="197">
        <v>2</v>
      </c>
      <c r="I21" s="197">
        <v>4</v>
      </c>
      <c r="J21" s="195">
        <v>3</v>
      </c>
      <c r="K21" s="198">
        <v>9</v>
      </c>
      <c r="L21" s="199">
        <v>9</v>
      </c>
      <c r="M21" s="194">
        <v>0</v>
      </c>
      <c r="N21" s="195">
        <v>0</v>
      </c>
      <c r="O21" s="198">
        <v>0</v>
      </c>
      <c r="P21" s="201">
        <v>0</v>
      </c>
      <c r="Q21" s="197">
        <v>3</v>
      </c>
      <c r="R21" s="197">
        <v>3</v>
      </c>
      <c r="S21" s="197">
        <v>3</v>
      </c>
      <c r="T21" s="195">
        <v>1</v>
      </c>
      <c r="U21" s="198">
        <v>10</v>
      </c>
      <c r="V21" s="202">
        <v>10</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0.25" customHeight="1" x14ac:dyDescent="0.2">
      <c r="B22" s="62" t="s">
        <v>20</v>
      </c>
      <c r="C22" s="194">
        <v>0</v>
      </c>
      <c r="D22" s="195">
        <v>0</v>
      </c>
      <c r="E22" s="195">
        <v>0</v>
      </c>
      <c r="F22" s="196">
        <v>0</v>
      </c>
      <c r="G22" s="197">
        <v>1</v>
      </c>
      <c r="H22" s="197">
        <v>3</v>
      </c>
      <c r="I22" s="197">
        <v>6</v>
      </c>
      <c r="J22" s="195">
        <v>3</v>
      </c>
      <c r="K22" s="198">
        <v>13</v>
      </c>
      <c r="L22" s="199">
        <v>13</v>
      </c>
      <c r="M22" s="194">
        <v>0</v>
      </c>
      <c r="N22" s="195">
        <v>0</v>
      </c>
      <c r="O22" s="198">
        <v>0</v>
      </c>
      <c r="P22" s="201">
        <v>0</v>
      </c>
      <c r="Q22" s="197">
        <v>2</v>
      </c>
      <c r="R22" s="197">
        <v>4</v>
      </c>
      <c r="S22" s="197">
        <v>3</v>
      </c>
      <c r="T22" s="195">
        <v>0</v>
      </c>
      <c r="U22" s="198">
        <v>9</v>
      </c>
      <c r="V22" s="202">
        <v>9</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0.25" customHeight="1" x14ac:dyDescent="0.2">
      <c r="B23" s="62" t="s">
        <v>21</v>
      </c>
      <c r="C23" s="194">
        <v>0</v>
      </c>
      <c r="D23" s="195">
        <v>0</v>
      </c>
      <c r="E23" s="195">
        <v>0</v>
      </c>
      <c r="F23" s="196">
        <v>0</v>
      </c>
      <c r="G23" s="197">
        <v>0</v>
      </c>
      <c r="H23" s="197">
        <v>1</v>
      </c>
      <c r="I23" s="197">
        <v>2</v>
      </c>
      <c r="J23" s="195">
        <v>4</v>
      </c>
      <c r="K23" s="198">
        <v>7</v>
      </c>
      <c r="L23" s="199">
        <v>7</v>
      </c>
      <c r="M23" s="194">
        <v>0</v>
      </c>
      <c r="N23" s="195">
        <v>0</v>
      </c>
      <c r="O23" s="198">
        <v>0</v>
      </c>
      <c r="P23" s="201">
        <v>0</v>
      </c>
      <c r="Q23" s="197">
        <v>2</v>
      </c>
      <c r="R23" s="197">
        <v>2</v>
      </c>
      <c r="S23" s="197">
        <v>1</v>
      </c>
      <c r="T23" s="195">
        <v>2</v>
      </c>
      <c r="U23" s="198">
        <v>7</v>
      </c>
      <c r="V23" s="202">
        <v>7</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1</v>
      </c>
      <c r="AO23" s="198">
        <v>1</v>
      </c>
      <c r="AP23" s="200">
        <v>1</v>
      </c>
      <c r="AQ23" s="37"/>
    </row>
    <row r="24" spans="2:43" ht="20.25" customHeight="1" x14ac:dyDescent="0.2">
      <c r="B24" s="62" t="s">
        <v>22</v>
      </c>
      <c r="C24" s="194">
        <v>0</v>
      </c>
      <c r="D24" s="195">
        <v>0</v>
      </c>
      <c r="E24" s="195">
        <v>0</v>
      </c>
      <c r="F24" s="196">
        <v>0</v>
      </c>
      <c r="G24" s="197">
        <v>0</v>
      </c>
      <c r="H24" s="197">
        <v>0</v>
      </c>
      <c r="I24" s="197">
        <v>0</v>
      </c>
      <c r="J24" s="195">
        <v>0</v>
      </c>
      <c r="K24" s="198">
        <v>0</v>
      </c>
      <c r="L24" s="199">
        <v>0</v>
      </c>
      <c r="M24" s="194">
        <v>0</v>
      </c>
      <c r="N24" s="195">
        <v>0</v>
      </c>
      <c r="O24" s="198">
        <v>0</v>
      </c>
      <c r="P24" s="201">
        <v>0</v>
      </c>
      <c r="Q24" s="197">
        <v>0</v>
      </c>
      <c r="R24" s="197">
        <v>4</v>
      </c>
      <c r="S24" s="197">
        <v>0</v>
      </c>
      <c r="T24" s="195">
        <v>0</v>
      </c>
      <c r="U24" s="198">
        <v>4</v>
      </c>
      <c r="V24" s="202">
        <v>4</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0.25" customHeight="1" x14ac:dyDescent="0.2">
      <c r="B25" s="62" t="s">
        <v>23</v>
      </c>
      <c r="C25" s="194">
        <v>0</v>
      </c>
      <c r="D25" s="195">
        <v>0</v>
      </c>
      <c r="E25" s="195">
        <v>0</v>
      </c>
      <c r="F25" s="196">
        <v>0</v>
      </c>
      <c r="G25" s="197">
        <v>0</v>
      </c>
      <c r="H25" s="197">
        <v>1</v>
      </c>
      <c r="I25" s="197">
        <v>5</v>
      </c>
      <c r="J25" s="195">
        <v>0</v>
      </c>
      <c r="K25" s="198">
        <v>6</v>
      </c>
      <c r="L25" s="199">
        <v>6</v>
      </c>
      <c r="M25" s="194">
        <v>0</v>
      </c>
      <c r="N25" s="195">
        <v>0</v>
      </c>
      <c r="O25" s="198">
        <v>0</v>
      </c>
      <c r="P25" s="201">
        <v>0</v>
      </c>
      <c r="Q25" s="197">
        <v>0</v>
      </c>
      <c r="R25" s="197">
        <v>1</v>
      </c>
      <c r="S25" s="197">
        <v>2</v>
      </c>
      <c r="T25" s="195">
        <v>3</v>
      </c>
      <c r="U25" s="198">
        <v>6</v>
      </c>
      <c r="V25" s="202">
        <v>6</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1</v>
      </c>
      <c r="AO25" s="198">
        <v>1</v>
      </c>
      <c r="AP25" s="200">
        <v>1</v>
      </c>
      <c r="AQ25" s="37"/>
    </row>
    <row r="26" spans="2:43" ht="20.25" customHeight="1" x14ac:dyDescent="0.2">
      <c r="B26" s="62" t="s">
        <v>24</v>
      </c>
      <c r="C26" s="194">
        <v>0</v>
      </c>
      <c r="D26" s="195">
        <v>0</v>
      </c>
      <c r="E26" s="195">
        <v>0</v>
      </c>
      <c r="F26" s="196">
        <v>0</v>
      </c>
      <c r="G26" s="197">
        <v>0</v>
      </c>
      <c r="H26" s="197">
        <v>1</v>
      </c>
      <c r="I26" s="197">
        <v>3</v>
      </c>
      <c r="J26" s="195">
        <v>2</v>
      </c>
      <c r="K26" s="198">
        <v>6</v>
      </c>
      <c r="L26" s="199">
        <v>6</v>
      </c>
      <c r="M26" s="194">
        <v>0</v>
      </c>
      <c r="N26" s="195">
        <v>0</v>
      </c>
      <c r="O26" s="198">
        <v>0</v>
      </c>
      <c r="P26" s="201">
        <v>0</v>
      </c>
      <c r="Q26" s="197">
        <v>0</v>
      </c>
      <c r="R26" s="197">
        <v>1</v>
      </c>
      <c r="S26" s="197">
        <v>1</v>
      </c>
      <c r="T26" s="195">
        <v>1</v>
      </c>
      <c r="U26" s="198">
        <v>3</v>
      </c>
      <c r="V26" s="202">
        <v>3</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0.25" customHeight="1" x14ac:dyDescent="0.2">
      <c r="B27" s="62" t="s">
        <v>25</v>
      </c>
      <c r="C27" s="194">
        <v>0</v>
      </c>
      <c r="D27" s="195">
        <v>0</v>
      </c>
      <c r="E27" s="195">
        <v>0</v>
      </c>
      <c r="F27" s="196">
        <v>0</v>
      </c>
      <c r="G27" s="197">
        <v>0</v>
      </c>
      <c r="H27" s="197">
        <v>1</v>
      </c>
      <c r="I27" s="197">
        <v>1</v>
      </c>
      <c r="J27" s="195">
        <v>1</v>
      </c>
      <c r="K27" s="198">
        <v>3</v>
      </c>
      <c r="L27" s="199">
        <v>3</v>
      </c>
      <c r="M27" s="194">
        <v>0</v>
      </c>
      <c r="N27" s="195">
        <v>0</v>
      </c>
      <c r="O27" s="198">
        <v>0</v>
      </c>
      <c r="P27" s="201">
        <v>0</v>
      </c>
      <c r="Q27" s="197">
        <v>0</v>
      </c>
      <c r="R27" s="197">
        <v>0</v>
      </c>
      <c r="S27" s="197">
        <v>1</v>
      </c>
      <c r="T27" s="195">
        <v>0</v>
      </c>
      <c r="U27" s="198">
        <v>1</v>
      </c>
      <c r="V27" s="202">
        <v>1</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0.25" customHeight="1" x14ac:dyDescent="0.2">
      <c r="B28" s="62" t="s">
        <v>26</v>
      </c>
      <c r="C28" s="194">
        <v>0</v>
      </c>
      <c r="D28" s="195">
        <v>0</v>
      </c>
      <c r="E28" s="195">
        <v>0</v>
      </c>
      <c r="F28" s="196">
        <v>0</v>
      </c>
      <c r="G28" s="197">
        <v>0</v>
      </c>
      <c r="H28" s="197">
        <v>0</v>
      </c>
      <c r="I28" s="197">
        <v>2</v>
      </c>
      <c r="J28" s="195">
        <v>1</v>
      </c>
      <c r="K28" s="198">
        <v>3</v>
      </c>
      <c r="L28" s="199">
        <v>3</v>
      </c>
      <c r="M28" s="194">
        <v>0</v>
      </c>
      <c r="N28" s="195">
        <v>0</v>
      </c>
      <c r="O28" s="198">
        <v>0</v>
      </c>
      <c r="P28" s="201">
        <v>1</v>
      </c>
      <c r="Q28" s="197">
        <v>0</v>
      </c>
      <c r="R28" s="197">
        <v>0</v>
      </c>
      <c r="S28" s="197">
        <v>0</v>
      </c>
      <c r="T28" s="195">
        <v>0</v>
      </c>
      <c r="U28" s="198">
        <v>1</v>
      </c>
      <c r="V28" s="202">
        <v>1</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0.25" customHeight="1" x14ac:dyDescent="0.2">
      <c r="B29" s="62" t="s">
        <v>27</v>
      </c>
      <c r="C29" s="194">
        <v>0</v>
      </c>
      <c r="D29" s="195">
        <v>0</v>
      </c>
      <c r="E29" s="195">
        <v>0</v>
      </c>
      <c r="F29" s="196">
        <v>0</v>
      </c>
      <c r="G29" s="197">
        <v>0</v>
      </c>
      <c r="H29" s="197">
        <v>1</v>
      </c>
      <c r="I29" s="197">
        <v>2</v>
      </c>
      <c r="J29" s="195">
        <v>1</v>
      </c>
      <c r="K29" s="198">
        <v>4</v>
      </c>
      <c r="L29" s="199">
        <v>4</v>
      </c>
      <c r="M29" s="194">
        <v>0</v>
      </c>
      <c r="N29" s="195">
        <v>0</v>
      </c>
      <c r="O29" s="198">
        <v>0</v>
      </c>
      <c r="P29" s="201">
        <v>0</v>
      </c>
      <c r="Q29" s="197">
        <v>0</v>
      </c>
      <c r="R29" s="197">
        <v>0</v>
      </c>
      <c r="S29" s="197">
        <v>0</v>
      </c>
      <c r="T29" s="195">
        <v>0</v>
      </c>
      <c r="U29" s="198">
        <v>0</v>
      </c>
      <c r="V29" s="202">
        <v>0</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0.25"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0</v>
      </c>
      <c r="R30" s="197">
        <v>0</v>
      </c>
      <c r="S30" s="197">
        <v>0</v>
      </c>
      <c r="T30" s="195">
        <v>1</v>
      </c>
      <c r="U30" s="198">
        <v>1</v>
      </c>
      <c r="V30" s="202">
        <v>1</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0.25" customHeight="1" x14ac:dyDescent="0.2">
      <c r="B31" s="62" t="s">
        <v>29</v>
      </c>
      <c r="C31" s="194">
        <v>0</v>
      </c>
      <c r="D31" s="195">
        <v>0</v>
      </c>
      <c r="E31" s="195">
        <v>0</v>
      </c>
      <c r="F31" s="196">
        <v>0</v>
      </c>
      <c r="G31" s="197">
        <v>0</v>
      </c>
      <c r="H31" s="197">
        <v>1</v>
      </c>
      <c r="I31" s="197">
        <v>0</v>
      </c>
      <c r="J31" s="195">
        <v>0</v>
      </c>
      <c r="K31" s="198">
        <v>1</v>
      </c>
      <c r="L31" s="199">
        <v>1</v>
      </c>
      <c r="M31" s="194">
        <v>0</v>
      </c>
      <c r="N31" s="195">
        <v>0</v>
      </c>
      <c r="O31" s="198">
        <v>0</v>
      </c>
      <c r="P31" s="201">
        <v>0</v>
      </c>
      <c r="Q31" s="197">
        <v>0</v>
      </c>
      <c r="R31" s="197">
        <v>1</v>
      </c>
      <c r="S31" s="197">
        <v>1</v>
      </c>
      <c r="T31" s="195">
        <v>0</v>
      </c>
      <c r="U31" s="198">
        <v>2</v>
      </c>
      <c r="V31" s="202">
        <v>2</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0.25" customHeight="1" x14ac:dyDescent="0.2">
      <c r="B32" s="62" t="s">
        <v>30</v>
      </c>
      <c r="C32" s="194">
        <v>0</v>
      </c>
      <c r="D32" s="195">
        <v>0</v>
      </c>
      <c r="E32" s="195">
        <v>0</v>
      </c>
      <c r="F32" s="196">
        <v>0</v>
      </c>
      <c r="G32" s="197">
        <v>0</v>
      </c>
      <c r="H32" s="197">
        <v>1</v>
      </c>
      <c r="I32" s="197">
        <v>1</v>
      </c>
      <c r="J32" s="195">
        <v>0</v>
      </c>
      <c r="K32" s="198">
        <v>2</v>
      </c>
      <c r="L32" s="199">
        <v>2</v>
      </c>
      <c r="M32" s="194">
        <v>0</v>
      </c>
      <c r="N32" s="195">
        <v>0</v>
      </c>
      <c r="O32" s="198">
        <v>0</v>
      </c>
      <c r="P32" s="201">
        <v>1</v>
      </c>
      <c r="Q32" s="197">
        <v>0</v>
      </c>
      <c r="R32" s="197">
        <v>0</v>
      </c>
      <c r="S32" s="197">
        <v>1</v>
      </c>
      <c r="T32" s="195">
        <v>1</v>
      </c>
      <c r="U32" s="198">
        <v>3</v>
      </c>
      <c r="V32" s="202">
        <v>3</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0.25" customHeight="1" x14ac:dyDescent="0.2">
      <c r="B33" s="62" t="s">
        <v>31</v>
      </c>
      <c r="C33" s="194">
        <v>0</v>
      </c>
      <c r="D33" s="195">
        <v>0</v>
      </c>
      <c r="E33" s="195">
        <v>0</v>
      </c>
      <c r="F33" s="196">
        <v>0</v>
      </c>
      <c r="G33" s="197">
        <v>0</v>
      </c>
      <c r="H33" s="197">
        <v>2</v>
      </c>
      <c r="I33" s="197">
        <v>1</v>
      </c>
      <c r="J33" s="195">
        <v>0</v>
      </c>
      <c r="K33" s="198">
        <v>3</v>
      </c>
      <c r="L33" s="199">
        <v>3</v>
      </c>
      <c r="M33" s="194">
        <v>0</v>
      </c>
      <c r="N33" s="195">
        <v>0</v>
      </c>
      <c r="O33" s="198">
        <v>0</v>
      </c>
      <c r="P33" s="201">
        <v>0</v>
      </c>
      <c r="Q33" s="197">
        <v>0</v>
      </c>
      <c r="R33" s="197">
        <v>0</v>
      </c>
      <c r="S33" s="197">
        <v>0</v>
      </c>
      <c r="T33" s="195">
        <v>0</v>
      </c>
      <c r="U33" s="198">
        <v>0</v>
      </c>
      <c r="V33" s="202">
        <v>0</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0.25" customHeight="1" x14ac:dyDescent="0.2">
      <c r="B34" s="62" t="s">
        <v>32</v>
      </c>
      <c r="C34" s="194">
        <v>0</v>
      </c>
      <c r="D34" s="195">
        <v>0</v>
      </c>
      <c r="E34" s="195">
        <v>0</v>
      </c>
      <c r="F34" s="196">
        <v>0</v>
      </c>
      <c r="G34" s="197">
        <v>0</v>
      </c>
      <c r="H34" s="197">
        <v>0</v>
      </c>
      <c r="I34" s="197">
        <v>1</v>
      </c>
      <c r="J34" s="195">
        <v>1</v>
      </c>
      <c r="K34" s="198">
        <v>2</v>
      </c>
      <c r="L34" s="199">
        <v>2</v>
      </c>
      <c r="M34" s="194">
        <v>0</v>
      </c>
      <c r="N34" s="195">
        <v>0</v>
      </c>
      <c r="O34" s="198">
        <v>0</v>
      </c>
      <c r="P34" s="201">
        <v>0</v>
      </c>
      <c r="Q34" s="197">
        <v>0</v>
      </c>
      <c r="R34" s="197">
        <v>0</v>
      </c>
      <c r="S34" s="197">
        <v>0</v>
      </c>
      <c r="T34" s="195">
        <v>1</v>
      </c>
      <c r="U34" s="198">
        <v>1</v>
      </c>
      <c r="V34" s="202">
        <v>1</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0.25" customHeight="1" x14ac:dyDescent="0.2">
      <c r="B35" s="62" t="s">
        <v>33</v>
      </c>
      <c r="C35" s="194">
        <v>0</v>
      </c>
      <c r="D35" s="195">
        <v>0</v>
      </c>
      <c r="E35" s="195">
        <v>0</v>
      </c>
      <c r="F35" s="196">
        <v>0</v>
      </c>
      <c r="G35" s="197">
        <v>0</v>
      </c>
      <c r="H35" s="197">
        <v>0</v>
      </c>
      <c r="I35" s="197">
        <v>1</v>
      </c>
      <c r="J35" s="195">
        <v>0</v>
      </c>
      <c r="K35" s="198">
        <v>1</v>
      </c>
      <c r="L35" s="199">
        <v>1</v>
      </c>
      <c r="M35" s="194">
        <v>0</v>
      </c>
      <c r="N35" s="195">
        <v>0</v>
      </c>
      <c r="O35" s="198">
        <v>0</v>
      </c>
      <c r="P35" s="201">
        <v>0</v>
      </c>
      <c r="Q35" s="197">
        <v>0</v>
      </c>
      <c r="R35" s="197">
        <v>1</v>
      </c>
      <c r="S35" s="197">
        <v>0</v>
      </c>
      <c r="T35" s="195">
        <v>0</v>
      </c>
      <c r="U35" s="198">
        <v>1</v>
      </c>
      <c r="V35" s="202">
        <v>1</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0</v>
      </c>
      <c r="AM35" s="197">
        <v>1</v>
      </c>
      <c r="AN35" s="195">
        <v>2</v>
      </c>
      <c r="AO35" s="198">
        <v>3</v>
      </c>
      <c r="AP35" s="200">
        <v>3</v>
      </c>
      <c r="AQ35" s="37"/>
    </row>
    <row r="36" spans="2:43" ht="20.25"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1</v>
      </c>
      <c r="R36" s="197">
        <v>0</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0.25" customHeight="1" x14ac:dyDescent="0.2">
      <c r="B37" s="62" t="s">
        <v>35</v>
      </c>
      <c r="C37" s="194">
        <v>0</v>
      </c>
      <c r="D37" s="195">
        <v>0</v>
      </c>
      <c r="E37" s="195">
        <v>0</v>
      </c>
      <c r="F37" s="196">
        <v>0</v>
      </c>
      <c r="G37" s="197">
        <v>0</v>
      </c>
      <c r="H37" s="197">
        <v>0</v>
      </c>
      <c r="I37" s="197">
        <v>2</v>
      </c>
      <c r="J37" s="195">
        <v>0</v>
      </c>
      <c r="K37" s="198">
        <v>2</v>
      </c>
      <c r="L37" s="199">
        <v>2</v>
      </c>
      <c r="M37" s="194">
        <v>0</v>
      </c>
      <c r="N37" s="195">
        <v>0</v>
      </c>
      <c r="O37" s="198">
        <v>0</v>
      </c>
      <c r="P37" s="201">
        <v>0</v>
      </c>
      <c r="Q37" s="197">
        <v>0</v>
      </c>
      <c r="R37" s="197">
        <v>0</v>
      </c>
      <c r="S37" s="197">
        <v>0</v>
      </c>
      <c r="T37" s="195">
        <v>0</v>
      </c>
      <c r="U37" s="198">
        <v>0</v>
      </c>
      <c r="V37" s="202">
        <v>0</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0.25" customHeight="1" x14ac:dyDescent="0.2">
      <c r="B38" s="62" t="s">
        <v>36</v>
      </c>
      <c r="C38" s="194">
        <v>0</v>
      </c>
      <c r="D38" s="195">
        <v>0</v>
      </c>
      <c r="E38" s="195">
        <v>0</v>
      </c>
      <c r="F38" s="196">
        <v>0</v>
      </c>
      <c r="G38" s="197">
        <v>0</v>
      </c>
      <c r="H38" s="197">
        <v>0</v>
      </c>
      <c r="I38" s="197">
        <v>2</v>
      </c>
      <c r="J38" s="195">
        <v>2</v>
      </c>
      <c r="K38" s="198">
        <v>4</v>
      </c>
      <c r="L38" s="199">
        <v>4</v>
      </c>
      <c r="M38" s="194">
        <v>0</v>
      </c>
      <c r="N38" s="195">
        <v>0</v>
      </c>
      <c r="O38" s="198">
        <v>0</v>
      </c>
      <c r="P38" s="201">
        <v>2</v>
      </c>
      <c r="Q38" s="197">
        <v>0</v>
      </c>
      <c r="R38" s="197">
        <v>2</v>
      </c>
      <c r="S38" s="197">
        <v>2</v>
      </c>
      <c r="T38" s="195">
        <v>0</v>
      </c>
      <c r="U38" s="198">
        <v>6</v>
      </c>
      <c r="V38" s="202">
        <v>6</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0.25"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1</v>
      </c>
      <c r="S39" s="206">
        <v>0</v>
      </c>
      <c r="T39" s="204">
        <v>0</v>
      </c>
      <c r="U39" s="207">
        <v>1</v>
      </c>
      <c r="V39" s="211">
        <v>1</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1</v>
      </c>
      <c r="AO39" s="207">
        <v>1</v>
      </c>
      <c r="AP39" s="209">
        <v>1</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AG4:AI4"/>
    <mergeCell ref="AJ4:AO4"/>
    <mergeCell ref="H1:I1"/>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8.33203125"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E1" s="500">
        <f>第１表!F2</f>
        <v>4</v>
      </c>
      <c r="F1" s="502">
        <f>第１表!G2</f>
        <v>10</v>
      </c>
      <c r="G1" s="609">
        <f>IF(F1&lt;3,F1-2+12,F1-2)</f>
        <v>8</v>
      </c>
      <c r="H1" s="609"/>
      <c r="I1" s="614"/>
      <c r="J1" s="614"/>
      <c r="IB1" s="367"/>
      <c r="IC1" s="252"/>
      <c r="ID1" s="614"/>
      <c r="IE1" s="614"/>
    </row>
    <row r="2" spans="1:409" s="44" customFormat="1" ht="24" customHeight="1" x14ac:dyDescent="0.2">
      <c r="B2" s="20" t="s">
        <v>147</v>
      </c>
      <c r="E2" s="249"/>
      <c r="F2" s="250"/>
      <c r="G2" s="609"/>
      <c r="H2" s="609"/>
      <c r="CB2" s="324"/>
      <c r="CC2" s="324"/>
      <c r="CD2" s="324"/>
      <c r="CE2" s="324"/>
      <c r="CF2" s="324"/>
      <c r="CG2" s="324"/>
      <c r="CH2" s="324"/>
      <c r="CI2" s="324"/>
      <c r="CJ2" s="324"/>
      <c r="CK2" s="324"/>
      <c r="CL2" s="324"/>
      <c r="DI2" s="324"/>
      <c r="DJ2" s="324"/>
      <c r="DK2" s="324"/>
      <c r="DL2" s="324"/>
      <c r="DM2" s="324"/>
      <c r="DN2" s="324"/>
      <c r="DO2" s="324"/>
      <c r="DP2" s="324"/>
      <c r="DQ2" s="324"/>
      <c r="DR2" s="324"/>
      <c r="DS2" s="324"/>
      <c r="FL2" s="324"/>
      <c r="FM2" s="324"/>
      <c r="FN2" s="324"/>
      <c r="FO2" s="324"/>
      <c r="FP2" s="324"/>
      <c r="FQ2" s="324"/>
      <c r="FR2" s="324"/>
      <c r="FS2" s="324"/>
      <c r="FT2" s="324"/>
      <c r="FU2" s="324"/>
      <c r="FV2" s="324"/>
      <c r="HZ2" s="39"/>
      <c r="IA2" s="39"/>
      <c r="IB2" s="251"/>
      <c r="IC2" s="252"/>
      <c r="ID2" s="370"/>
      <c r="IE2" s="370"/>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4"/>
      <c r="CC3" s="324"/>
      <c r="CD3" s="324"/>
      <c r="CE3" s="324"/>
      <c r="CF3" s="324"/>
      <c r="CG3" s="324"/>
      <c r="CH3" s="324"/>
      <c r="CI3" s="324"/>
      <c r="CJ3" s="324"/>
      <c r="CK3" s="324"/>
      <c r="CL3" s="324"/>
      <c r="DI3" s="324"/>
      <c r="DJ3" s="324"/>
      <c r="DK3" s="324"/>
      <c r="DL3" s="324"/>
      <c r="DM3" s="324"/>
      <c r="DN3" s="324"/>
      <c r="DO3" s="324"/>
      <c r="DP3" s="324"/>
      <c r="DQ3" s="324"/>
      <c r="DR3" s="324"/>
      <c r="DS3" s="324"/>
      <c r="FL3" s="324"/>
      <c r="FM3" s="324"/>
      <c r="FN3" s="324"/>
      <c r="FO3" s="324"/>
      <c r="FP3" s="324"/>
      <c r="FQ3" s="324"/>
      <c r="FR3" s="324"/>
      <c r="FS3" s="324"/>
      <c r="FT3" s="324"/>
      <c r="FU3" s="324"/>
      <c r="FV3" s="324"/>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18" customHeight="1" thickBot="1" x14ac:dyDescent="0.25">
      <c r="B4" s="625" t="s">
        <v>42</v>
      </c>
      <c r="C4" s="628" t="s">
        <v>63</v>
      </c>
      <c r="D4" s="628"/>
      <c r="E4" s="628"/>
      <c r="F4" s="628"/>
      <c r="G4" s="628"/>
      <c r="H4" s="628"/>
      <c r="I4" s="628"/>
      <c r="J4" s="628"/>
      <c r="K4" s="628"/>
      <c r="L4" s="628"/>
      <c r="M4" s="628"/>
      <c r="N4" s="579"/>
      <c r="O4" s="579"/>
      <c r="P4" s="579"/>
      <c r="Q4" s="579"/>
      <c r="R4" s="579"/>
      <c r="S4" s="579"/>
      <c r="T4" s="579"/>
      <c r="U4" s="579"/>
      <c r="V4" s="579"/>
      <c r="W4" s="579"/>
      <c r="X4" s="579"/>
      <c r="Y4" s="579"/>
      <c r="Z4" s="579"/>
      <c r="AA4" s="579"/>
      <c r="AB4" s="579"/>
      <c r="AC4" s="579"/>
      <c r="AD4" s="579"/>
      <c r="AE4" s="579"/>
      <c r="AF4" s="579"/>
      <c r="AG4" s="579"/>
      <c r="AH4" s="579"/>
      <c r="AI4" s="579"/>
      <c r="AJ4" s="579"/>
      <c r="AK4" s="579"/>
      <c r="AL4" s="579"/>
      <c r="AM4" s="579"/>
      <c r="AN4" s="579"/>
      <c r="AO4" s="579"/>
      <c r="AP4" s="579"/>
      <c r="AQ4" s="579"/>
      <c r="AR4" s="579"/>
      <c r="AS4" s="579"/>
      <c r="AT4" s="579"/>
      <c r="AU4" s="579"/>
      <c r="AV4" s="579"/>
      <c r="AW4" s="579"/>
      <c r="AX4" s="579"/>
      <c r="AY4" s="579"/>
      <c r="AZ4" s="579"/>
      <c r="BA4" s="579"/>
      <c r="BB4" s="579"/>
      <c r="BC4" s="579"/>
      <c r="BD4" s="579"/>
      <c r="BE4" s="579"/>
      <c r="BF4" s="579"/>
      <c r="BG4" s="579"/>
      <c r="BH4" s="579"/>
      <c r="BI4" s="579"/>
      <c r="BJ4" s="579"/>
      <c r="BK4" s="579"/>
      <c r="BL4" s="579"/>
      <c r="BM4" s="579"/>
      <c r="BN4" s="579"/>
      <c r="BO4" s="579"/>
      <c r="BP4" s="579"/>
      <c r="BQ4" s="579"/>
      <c r="BR4" s="579"/>
      <c r="BS4" s="579"/>
      <c r="BT4" s="579"/>
      <c r="BU4" s="579"/>
      <c r="BV4" s="579"/>
      <c r="BW4" s="579"/>
      <c r="BX4" s="579"/>
      <c r="BY4" s="579"/>
      <c r="BZ4" s="579"/>
      <c r="CA4" s="579"/>
      <c r="CB4" s="579"/>
      <c r="CC4" s="579"/>
      <c r="CD4" s="579"/>
      <c r="CE4" s="579"/>
      <c r="CF4" s="579"/>
      <c r="CG4" s="579"/>
      <c r="CH4" s="579"/>
      <c r="CI4" s="579"/>
      <c r="CJ4" s="579"/>
      <c r="CK4" s="579"/>
      <c r="CL4" s="579"/>
      <c r="CM4" s="579"/>
      <c r="CN4" s="579"/>
      <c r="CO4" s="579"/>
      <c r="CP4" s="579"/>
      <c r="CQ4" s="579"/>
      <c r="CR4" s="579"/>
      <c r="CS4" s="579"/>
      <c r="CT4" s="579"/>
      <c r="CU4" s="579"/>
      <c r="CV4" s="579"/>
      <c r="CW4" s="579"/>
      <c r="CX4" s="579"/>
      <c r="CY4" s="579"/>
      <c r="CZ4" s="579"/>
      <c r="DA4" s="579"/>
      <c r="DB4" s="579"/>
      <c r="DC4" s="579"/>
      <c r="DD4" s="579"/>
      <c r="DE4" s="579"/>
      <c r="DF4" s="579"/>
      <c r="DG4" s="579"/>
      <c r="DH4" s="579"/>
      <c r="DI4" s="579"/>
      <c r="DJ4" s="579"/>
      <c r="DK4" s="579"/>
      <c r="DL4" s="579"/>
      <c r="DM4" s="579"/>
      <c r="DN4" s="579"/>
      <c r="DO4" s="579"/>
      <c r="DP4" s="579"/>
      <c r="DQ4" s="579"/>
      <c r="DR4" s="579"/>
      <c r="DS4" s="579"/>
      <c r="DT4" s="579"/>
      <c r="DU4" s="579"/>
      <c r="DV4" s="579"/>
      <c r="DW4" s="579"/>
      <c r="DX4" s="579"/>
      <c r="DY4" s="579"/>
      <c r="DZ4" s="579"/>
      <c r="EA4" s="579"/>
      <c r="EB4" s="579"/>
      <c r="EC4" s="579"/>
      <c r="ED4" s="579"/>
      <c r="EE4" s="579"/>
      <c r="EF4" s="579"/>
      <c r="EG4" s="579"/>
      <c r="EH4" s="579"/>
      <c r="EI4" s="579"/>
      <c r="EJ4" s="579"/>
      <c r="EK4" s="579"/>
      <c r="EL4" s="579"/>
      <c r="EM4" s="579"/>
      <c r="EN4" s="579"/>
      <c r="EO4" s="579"/>
      <c r="EP4" s="579"/>
      <c r="EQ4" s="579"/>
      <c r="ER4" s="579"/>
      <c r="ES4" s="579"/>
      <c r="ET4" s="579"/>
      <c r="EU4" s="579"/>
      <c r="EV4" s="579"/>
      <c r="EW4" s="579"/>
      <c r="EX4" s="579"/>
      <c r="EY4" s="579"/>
      <c r="EZ4" s="579"/>
      <c r="FA4" s="579"/>
      <c r="FB4" s="579"/>
      <c r="FC4" s="579"/>
      <c r="FD4" s="579"/>
      <c r="FE4" s="579"/>
      <c r="FF4" s="579"/>
      <c r="FG4" s="579"/>
      <c r="FH4" s="579"/>
      <c r="FI4" s="579"/>
      <c r="FJ4" s="579"/>
      <c r="FK4" s="579"/>
      <c r="FL4" s="579"/>
      <c r="FM4" s="579"/>
      <c r="FN4" s="579"/>
      <c r="FO4" s="579"/>
      <c r="FP4" s="579"/>
      <c r="FQ4" s="579"/>
      <c r="FR4" s="579"/>
      <c r="FS4" s="579"/>
      <c r="FT4" s="579"/>
      <c r="FU4" s="579"/>
      <c r="FV4" s="579"/>
      <c r="FW4" s="579"/>
      <c r="FX4" s="579"/>
      <c r="FY4" s="579"/>
      <c r="FZ4" s="579"/>
      <c r="GA4" s="579"/>
      <c r="GB4" s="579"/>
      <c r="GC4" s="579"/>
      <c r="GD4" s="579"/>
      <c r="GE4" s="579"/>
      <c r="GF4" s="579"/>
      <c r="GG4" s="579"/>
      <c r="GH4" s="579"/>
      <c r="GI4" s="579"/>
      <c r="GJ4" s="579"/>
      <c r="GK4" s="579"/>
      <c r="GL4" s="579"/>
      <c r="GM4" s="579"/>
      <c r="GN4" s="579"/>
      <c r="GO4" s="579"/>
      <c r="GP4" s="579"/>
      <c r="GQ4" s="579"/>
      <c r="GR4" s="579"/>
      <c r="GS4" s="579"/>
      <c r="GT4" s="579"/>
      <c r="GU4" s="579"/>
      <c r="GV4" s="579"/>
      <c r="GW4" s="579"/>
      <c r="GX4" s="579"/>
      <c r="GY4" s="579"/>
      <c r="GZ4" s="579"/>
      <c r="HA4" s="579"/>
      <c r="HB4" s="579"/>
      <c r="HC4" s="579"/>
      <c r="HD4" s="579"/>
      <c r="HE4" s="579"/>
      <c r="HF4" s="579"/>
      <c r="HG4" s="579"/>
      <c r="HH4" s="579"/>
      <c r="HI4" s="579"/>
      <c r="HJ4" s="579"/>
      <c r="HK4" s="579"/>
      <c r="HL4" s="579"/>
      <c r="HM4" s="579"/>
      <c r="HN4" s="579"/>
      <c r="HO4" s="579"/>
      <c r="HP4" s="579"/>
      <c r="HQ4" s="579"/>
      <c r="HR4" s="579"/>
      <c r="HS4" s="579"/>
      <c r="HT4" s="579"/>
      <c r="HU4" s="579"/>
      <c r="HV4" s="579"/>
      <c r="HW4" s="579"/>
      <c r="HX4" s="579"/>
      <c r="HY4" s="580"/>
      <c r="HZ4" s="611" t="s">
        <v>85</v>
      </c>
      <c r="IA4" s="612"/>
      <c r="IB4" s="612"/>
      <c r="IC4" s="612"/>
      <c r="ID4" s="612"/>
      <c r="IE4" s="612"/>
      <c r="IF4" s="612"/>
      <c r="IG4" s="612"/>
      <c r="IH4" s="612"/>
      <c r="II4" s="612"/>
      <c r="IJ4" s="612"/>
      <c r="IK4" s="612"/>
      <c r="IL4" s="612"/>
      <c r="IM4" s="612"/>
      <c r="IN4" s="612"/>
      <c r="IO4" s="612"/>
      <c r="IP4" s="612"/>
      <c r="IQ4" s="612"/>
      <c r="IR4" s="612"/>
      <c r="IS4" s="612"/>
      <c r="IT4" s="612"/>
      <c r="IU4" s="612"/>
      <c r="IV4" s="612"/>
      <c r="IW4" s="612"/>
      <c r="IX4" s="612"/>
      <c r="IY4" s="612"/>
      <c r="IZ4" s="612"/>
      <c r="JA4" s="612"/>
      <c r="JB4" s="612"/>
      <c r="JC4" s="612"/>
      <c r="JD4" s="612"/>
      <c r="JE4" s="612"/>
      <c r="JF4" s="612"/>
      <c r="JG4" s="612"/>
      <c r="JH4" s="612"/>
      <c r="JI4" s="612"/>
      <c r="JJ4" s="612"/>
      <c r="JK4" s="612"/>
      <c r="JL4" s="612"/>
      <c r="JM4" s="612"/>
      <c r="JN4" s="612"/>
      <c r="JO4" s="612"/>
      <c r="JP4" s="612"/>
      <c r="JQ4" s="612"/>
      <c r="JR4" s="612"/>
      <c r="JS4" s="612"/>
      <c r="JT4" s="612"/>
      <c r="JU4" s="612"/>
      <c r="JV4" s="612"/>
      <c r="JW4" s="612"/>
      <c r="JX4" s="612"/>
      <c r="JY4" s="612"/>
      <c r="JZ4" s="612"/>
      <c r="KA4" s="612"/>
      <c r="KB4" s="612"/>
      <c r="KC4" s="612"/>
      <c r="KD4" s="612"/>
      <c r="KE4" s="612"/>
      <c r="KF4" s="612"/>
      <c r="KG4" s="612"/>
      <c r="KH4" s="612"/>
      <c r="KI4" s="612"/>
      <c r="KJ4" s="612"/>
      <c r="KK4" s="612"/>
      <c r="KL4" s="612"/>
      <c r="KM4" s="612"/>
      <c r="KN4" s="612"/>
      <c r="KO4" s="612"/>
      <c r="KP4" s="612"/>
      <c r="KQ4" s="612"/>
      <c r="KR4" s="612"/>
      <c r="KS4" s="612"/>
      <c r="KT4" s="612"/>
      <c r="KU4" s="612"/>
      <c r="KV4" s="612"/>
      <c r="KW4" s="612"/>
      <c r="KX4" s="612"/>
      <c r="KY4" s="612"/>
      <c r="KZ4" s="612"/>
      <c r="LA4" s="612"/>
      <c r="LB4" s="612"/>
      <c r="LC4" s="612"/>
      <c r="LD4" s="612"/>
      <c r="LE4" s="612"/>
      <c r="LF4" s="612"/>
      <c r="LG4" s="612"/>
      <c r="LH4" s="612"/>
      <c r="LI4" s="612"/>
      <c r="LJ4" s="612"/>
      <c r="LK4" s="612"/>
      <c r="LL4" s="612"/>
      <c r="LM4" s="612"/>
      <c r="LN4" s="612"/>
      <c r="LO4" s="612"/>
      <c r="LP4" s="612"/>
      <c r="LQ4" s="612"/>
      <c r="LR4" s="612"/>
      <c r="LS4" s="612"/>
      <c r="LT4" s="612"/>
      <c r="LU4" s="612"/>
      <c r="LV4" s="612"/>
      <c r="LW4" s="612"/>
      <c r="LX4" s="612"/>
      <c r="LY4" s="612"/>
      <c r="LZ4" s="612"/>
      <c r="MA4" s="612"/>
      <c r="MB4" s="612"/>
      <c r="MC4" s="612"/>
      <c r="MD4" s="612"/>
      <c r="ME4" s="613"/>
      <c r="MF4" s="611" t="s">
        <v>86</v>
      </c>
      <c r="MG4" s="612"/>
      <c r="MH4" s="612"/>
      <c r="MI4" s="612"/>
      <c r="MJ4" s="612"/>
      <c r="MK4" s="612"/>
      <c r="ML4" s="612"/>
      <c r="MM4" s="612"/>
      <c r="MN4" s="612"/>
      <c r="MO4" s="612"/>
      <c r="MP4" s="612"/>
      <c r="MQ4" s="612"/>
      <c r="MR4" s="612"/>
      <c r="MS4" s="612"/>
      <c r="MT4" s="612"/>
      <c r="MU4" s="612"/>
      <c r="MV4" s="612"/>
      <c r="MW4" s="612"/>
      <c r="MX4" s="612"/>
      <c r="MY4" s="612"/>
      <c r="MZ4" s="612"/>
      <c r="NA4" s="612"/>
      <c r="NB4" s="612"/>
      <c r="NC4" s="612"/>
      <c r="ND4" s="612"/>
      <c r="NE4" s="612"/>
      <c r="NF4" s="612"/>
      <c r="NG4" s="612"/>
      <c r="NH4" s="612"/>
      <c r="NI4" s="612"/>
      <c r="NJ4" s="612"/>
      <c r="NK4" s="612"/>
      <c r="NL4" s="612"/>
      <c r="NM4" s="612"/>
      <c r="NN4" s="612"/>
      <c r="NO4" s="612"/>
      <c r="NP4" s="612"/>
      <c r="NQ4" s="612"/>
      <c r="NR4" s="612"/>
      <c r="NS4" s="612"/>
      <c r="NT4" s="612"/>
      <c r="NU4" s="612"/>
      <c r="NV4" s="612"/>
      <c r="NW4" s="612"/>
      <c r="NX4" s="612"/>
      <c r="NY4" s="612"/>
      <c r="NZ4" s="612"/>
      <c r="OA4" s="612"/>
      <c r="OB4" s="612"/>
      <c r="OC4" s="612"/>
      <c r="OD4" s="612"/>
      <c r="OE4" s="612"/>
      <c r="OF4" s="612"/>
      <c r="OG4" s="612"/>
      <c r="OH4" s="613"/>
      <c r="OI4" s="601" t="s">
        <v>60</v>
      </c>
      <c r="OJ4" s="506"/>
      <c r="OK4" s="506"/>
      <c r="OL4" s="506"/>
      <c r="OM4" s="506"/>
      <c r="ON4" s="506"/>
      <c r="OO4" s="506"/>
      <c r="OP4" s="506"/>
      <c r="OQ4" s="506"/>
      <c r="OR4" s="506"/>
      <c r="OS4" s="507"/>
    </row>
    <row r="5" spans="1:409" ht="18" customHeight="1" thickBot="1" x14ac:dyDescent="0.25">
      <c r="B5" s="626"/>
      <c r="C5" s="629"/>
      <c r="D5" s="629"/>
      <c r="E5" s="629"/>
      <c r="F5" s="629"/>
      <c r="G5" s="629"/>
      <c r="H5" s="629"/>
      <c r="I5" s="629"/>
      <c r="J5" s="629"/>
      <c r="K5" s="629"/>
      <c r="L5" s="629"/>
      <c r="M5" s="629"/>
      <c r="N5" s="631" t="s">
        <v>64</v>
      </c>
      <c r="O5" s="632"/>
      <c r="P5" s="632"/>
      <c r="Q5" s="632"/>
      <c r="R5" s="632"/>
      <c r="S5" s="632"/>
      <c r="T5" s="632"/>
      <c r="U5" s="632"/>
      <c r="V5" s="632"/>
      <c r="W5" s="632"/>
      <c r="X5" s="632"/>
      <c r="Y5" s="632"/>
      <c r="Z5" s="632"/>
      <c r="AA5" s="632"/>
      <c r="AB5" s="632"/>
      <c r="AC5" s="632"/>
      <c r="AD5" s="632"/>
      <c r="AE5" s="632"/>
      <c r="AF5" s="632"/>
      <c r="AG5" s="632"/>
      <c r="AH5" s="632"/>
      <c r="AI5" s="632"/>
      <c r="AJ5" s="632"/>
      <c r="AK5" s="632"/>
      <c r="AL5" s="632"/>
      <c r="AM5" s="632"/>
      <c r="AN5" s="632"/>
      <c r="AO5" s="632"/>
      <c r="AP5" s="632"/>
      <c r="AQ5" s="632"/>
      <c r="AR5" s="632"/>
      <c r="AS5" s="632"/>
      <c r="AT5" s="632"/>
      <c r="AU5" s="632"/>
      <c r="AV5" s="632"/>
      <c r="AW5" s="632"/>
      <c r="AX5" s="632"/>
      <c r="AY5" s="632"/>
      <c r="AZ5" s="632"/>
      <c r="BA5" s="632"/>
      <c r="BB5" s="632"/>
      <c r="BC5" s="632"/>
      <c r="BD5" s="632"/>
      <c r="BE5" s="632"/>
      <c r="BF5" s="632"/>
      <c r="BG5" s="632"/>
      <c r="BH5" s="632"/>
      <c r="BI5" s="632"/>
      <c r="BJ5" s="632"/>
      <c r="BK5" s="632"/>
      <c r="BL5" s="632"/>
      <c r="BM5" s="632"/>
      <c r="BN5" s="632"/>
      <c r="BO5" s="632"/>
      <c r="BP5" s="632"/>
      <c r="BQ5" s="632"/>
      <c r="BR5" s="632"/>
      <c r="BS5" s="632"/>
      <c r="BT5" s="632"/>
      <c r="BU5" s="632"/>
      <c r="BV5" s="632"/>
      <c r="BW5" s="632"/>
      <c r="BX5" s="632"/>
      <c r="BY5" s="632"/>
      <c r="BZ5" s="632"/>
      <c r="CA5" s="633"/>
      <c r="CB5" s="631" t="s">
        <v>65</v>
      </c>
      <c r="CC5" s="632"/>
      <c r="CD5" s="632"/>
      <c r="CE5" s="632"/>
      <c r="CF5" s="632"/>
      <c r="CG5" s="632"/>
      <c r="CH5" s="632"/>
      <c r="CI5" s="632"/>
      <c r="CJ5" s="632"/>
      <c r="CK5" s="632"/>
      <c r="CL5" s="632"/>
      <c r="CM5" s="632"/>
      <c r="CN5" s="632"/>
      <c r="CO5" s="632"/>
      <c r="CP5" s="632"/>
      <c r="CQ5" s="632"/>
      <c r="CR5" s="632"/>
      <c r="CS5" s="632"/>
      <c r="CT5" s="632"/>
      <c r="CU5" s="632"/>
      <c r="CV5" s="632"/>
      <c r="CW5" s="632"/>
      <c r="CX5" s="632"/>
      <c r="CY5" s="632"/>
      <c r="CZ5" s="632"/>
      <c r="DA5" s="632"/>
      <c r="DB5" s="632"/>
      <c r="DC5" s="632"/>
      <c r="DD5" s="632"/>
      <c r="DE5" s="632"/>
      <c r="DF5" s="632"/>
      <c r="DG5" s="632"/>
      <c r="DH5" s="633"/>
      <c r="DI5" s="611" t="s">
        <v>66</v>
      </c>
      <c r="DJ5" s="612"/>
      <c r="DK5" s="612"/>
      <c r="DL5" s="612"/>
      <c r="DM5" s="612"/>
      <c r="DN5" s="612"/>
      <c r="DO5" s="612"/>
      <c r="DP5" s="612"/>
      <c r="DQ5" s="612"/>
      <c r="DR5" s="612"/>
      <c r="DS5" s="612"/>
      <c r="DT5" s="612"/>
      <c r="DU5" s="612"/>
      <c r="DV5" s="612"/>
      <c r="DW5" s="612"/>
      <c r="DX5" s="612"/>
      <c r="DY5" s="612"/>
      <c r="DZ5" s="612"/>
      <c r="EA5" s="612"/>
      <c r="EB5" s="612"/>
      <c r="EC5" s="612"/>
      <c r="ED5" s="612"/>
      <c r="EE5" s="612"/>
      <c r="EF5" s="612"/>
      <c r="EG5" s="612"/>
      <c r="EH5" s="612"/>
      <c r="EI5" s="612"/>
      <c r="EJ5" s="612"/>
      <c r="EK5" s="612"/>
      <c r="EL5" s="612"/>
      <c r="EM5" s="612"/>
      <c r="EN5" s="612"/>
      <c r="EO5" s="612"/>
      <c r="EP5" s="612"/>
      <c r="EQ5" s="612"/>
      <c r="ER5" s="612"/>
      <c r="ES5" s="612"/>
      <c r="ET5" s="612"/>
      <c r="EU5" s="612"/>
      <c r="EV5" s="612"/>
      <c r="EW5" s="612"/>
      <c r="EX5" s="612"/>
      <c r="EY5" s="612"/>
      <c r="EZ5" s="612"/>
      <c r="FA5" s="612"/>
      <c r="FB5" s="612"/>
      <c r="FC5" s="612"/>
      <c r="FD5" s="612"/>
      <c r="FE5" s="612"/>
      <c r="FF5" s="612"/>
      <c r="FG5" s="612"/>
      <c r="FH5" s="612"/>
      <c r="FI5" s="612"/>
      <c r="FJ5" s="612"/>
      <c r="FK5" s="613"/>
      <c r="FL5" s="631" t="s">
        <v>67</v>
      </c>
      <c r="FM5" s="632"/>
      <c r="FN5" s="632"/>
      <c r="FO5" s="632"/>
      <c r="FP5" s="632"/>
      <c r="FQ5" s="632"/>
      <c r="FR5" s="632"/>
      <c r="FS5" s="632"/>
      <c r="FT5" s="632"/>
      <c r="FU5" s="632"/>
      <c r="FV5" s="632"/>
      <c r="FW5" s="632"/>
      <c r="FX5" s="632"/>
      <c r="FY5" s="632"/>
      <c r="FZ5" s="632"/>
      <c r="GA5" s="632"/>
      <c r="GB5" s="632"/>
      <c r="GC5" s="632"/>
      <c r="GD5" s="632"/>
      <c r="GE5" s="632"/>
      <c r="GF5" s="632"/>
      <c r="GG5" s="632"/>
      <c r="GH5" s="632"/>
      <c r="GI5" s="632"/>
      <c r="GJ5" s="632"/>
      <c r="GK5" s="632"/>
      <c r="GL5" s="632"/>
      <c r="GM5" s="632"/>
      <c r="GN5" s="632"/>
      <c r="GO5" s="632"/>
      <c r="GP5" s="632"/>
      <c r="GQ5" s="632"/>
      <c r="GR5" s="632"/>
      <c r="GS5" s="632"/>
      <c r="GT5" s="632"/>
      <c r="GU5" s="632"/>
      <c r="GV5" s="632"/>
      <c r="GW5" s="632"/>
      <c r="GX5" s="632"/>
      <c r="GY5" s="632"/>
      <c r="GZ5" s="632"/>
      <c r="HA5" s="632"/>
      <c r="HB5" s="632"/>
      <c r="HC5" s="633"/>
      <c r="HD5" s="622" t="s">
        <v>68</v>
      </c>
      <c r="HE5" s="623"/>
      <c r="HF5" s="623"/>
      <c r="HG5" s="623"/>
      <c r="HH5" s="623"/>
      <c r="HI5" s="623"/>
      <c r="HJ5" s="623"/>
      <c r="HK5" s="623"/>
      <c r="HL5" s="623"/>
      <c r="HM5" s="623"/>
      <c r="HN5" s="624"/>
      <c r="HO5" s="622" t="s">
        <v>69</v>
      </c>
      <c r="HP5" s="623"/>
      <c r="HQ5" s="623"/>
      <c r="HR5" s="623"/>
      <c r="HS5" s="623"/>
      <c r="HT5" s="623"/>
      <c r="HU5" s="623"/>
      <c r="HV5" s="623"/>
      <c r="HW5" s="623"/>
      <c r="HX5" s="623"/>
      <c r="HY5" s="624"/>
      <c r="HZ5" s="661"/>
      <c r="IA5" s="662"/>
      <c r="IB5" s="662"/>
      <c r="IC5" s="662"/>
      <c r="ID5" s="662"/>
      <c r="IE5" s="662"/>
      <c r="IF5" s="662"/>
      <c r="IG5" s="662"/>
      <c r="IH5" s="662"/>
      <c r="II5" s="662"/>
      <c r="IJ5" s="663"/>
      <c r="IK5" s="601" t="s">
        <v>94</v>
      </c>
      <c r="IL5" s="506"/>
      <c r="IM5" s="506"/>
      <c r="IN5" s="506"/>
      <c r="IO5" s="506"/>
      <c r="IP5" s="506"/>
      <c r="IQ5" s="506"/>
      <c r="IR5" s="506"/>
      <c r="IS5" s="506"/>
      <c r="IT5" s="506"/>
      <c r="IU5" s="507"/>
      <c r="IV5" s="601" t="s">
        <v>88</v>
      </c>
      <c r="IW5" s="506"/>
      <c r="IX5" s="506"/>
      <c r="IY5" s="506"/>
      <c r="IZ5" s="506"/>
      <c r="JA5" s="506"/>
      <c r="JB5" s="506"/>
      <c r="JC5" s="506"/>
      <c r="JD5" s="506"/>
      <c r="JE5" s="506"/>
      <c r="JF5" s="507"/>
      <c r="JG5" s="664" t="s">
        <v>144</v>
      </c>
      <c r="JH5" s="665"/>
      <c r="JI5" s="665"/>
      <c r="JJ5" s="665"/>
      <c r="JK5" s="665"/>
      <c r="JL5" s="665"/>
      <c r="JM5" s="665"/>
      <c r="JN5" s="665"/>
      <c r="JO5" s="665"/>
      <c r="JP5" s="665"/>
      <c r="JQ5" s="666"/>
      <c r="JR5" s="601" t="s">
        <v>90</v>
      </c>
      <c r="JS5" s="506"/>
      <c r="JT5" s="506"/>
      <c r="JU5" s="506"/>
      <c r="JV5" s="506"/>
      <c r="JW5" s="506"/>
      <c r="JX5" s="506"/>
      <c r="JY5" s="506"/>
      <c r="JZ5" s="506"/>
      <c r="KA5" s="506"/>
      <c r="KB5" s="507"/>
      <c r="KC5" s="601" t="s">
        <v>89</v>
      </c>
      <c r="KD5" s="506"/>
      <c r="KE5" s="506"/>
      <c r="KF5" s="506"/>
      <c r="KG5" s="506"/>
      <c r="KH5" s="506"/>
      <c r="KI5" s="506"/>
      <c r="KJ5" s="506"/>
      <c r="KK5" s="506"/>
      <c r="KL5" s="506"/>
      <c r="KM5" s="507"/>
      <c r="KN5" s="601" t="s">
        <v>91</v>
      </c>
      <c r="KO5" s="506"/>
      <c r="KP5" s="506"/>
      <c r="KQ5" s="506"/>
      <c r="KR5" s="506"/>
      <c r="KS5" s="506"/>
      <c r="KT5" s="506"/>
      <c r="KU5" s="506"/>
      <c r="KV5" s="506"/>
      <c r="KW5" s="506"/>
      <c r="KX5" s="507"/>
      <c r="KY5" s="601" t="s">
        <v>92</v>
      </c>
      <c r="KZ5" s="506"/>
      <c r="LA5" s="506"/>
      <c r="LB5" s="506"/>
      <c r="LC5" s="506"/>
      <c r="LD5" s="506"/>
      <c r="LE5" s="506"/>
      <c r="LF5" s="506"/>
      <c r="LG5" s="506"/>
      <c r="LH5" s="506"/>
      <c r="LI5" s="507"/>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601" t="s">
        <v>57</v>
      </c>
      <c r="MR5" s="506"/>
      <c r="MS5" s="506"/>
      <c r="MT5" s="506"/>
      <c r="MU5" s="506"/>
      <c r="MV5" s="506"/>
      <c r="MW5" s="506"/>
      <c r="MX5" s="506"/>
      <c r="MY5" s="506"/>
      <c r="MZ5" s="506"/>
      <c r="NA5" s="507"/>
      <c r="NB5" s="601" t="s">
        <v>58</v>
      </c>
      <c r="NC5" s="506"/>
      <c r="ND5" s="506"/>
      <c r="NE5" s="506"/>
      <c r="NF5" s="506"/>
      <c r="NG5" s="506"/>
      <c r="NH5" s="506"/>
      <c r="NI5" s="506"/>
      <c r="NJ5" s="506"/>
      <c r="NK5" s="506"/>
      <c r="NL5" s="507"/>
      <c r="NM5" s="601" t="s">
        <v>59</v>
      </c>
      <c r="NN5" s="506"/>
      <c r="NO5" s="506"/>
      <c r="NP5" s="506"/>
      <c r="NQ5" s="506"/>
      <c r="NR5" s="506"/>
      <c r="NS5" s="506"/>
      <c r="NT5" s="506"/>
      <c r="NU5" s="506"/>
      <c r="NV5" s="506"/>
      <c r="NW5" s="507"/>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18" customHeight="1" thickBot="1" x14ac:dyDescent="0.25">
      <c r="B6" s="626"/>
      <c r="C6" s="630"/>
      <c r="D6" s="630"/>
      <c r="E6" s="630"/>
      <c r="F6" s="630"/>
      <c r="G6" s="630"/>
      <c r="H6" s="630"/>
      <c r="I6" s="630"/>
      <c r="J6" s="630"/>
      <c r="K6" s="630"/>
      <c r="L6" s="630"/>
      <c r="M6" s="630"/>
      <c r="N6" s="602"/>
      <c r="O6" s="595"/>
      <c r="P6" s="595"/>
      <c r="Q6" s="595"/>
      <c r="R6" s="595"/>
      <c r="S6" s="595"/>
      <c r="T6" s="595"/>
      <c r="U6" s="595"/>
      <c r="V6" s="595"/>
      <c r="W6" s="595"/>
      <c r="X6" s="603"/>
      <c r="Y6" s="604" t="s">
        <v>70</v>
      </c>
      <c r="Z6" s="605"/>
      <c r="AA6" s="605"/>
      <c r="AB6" s="605"/>
      <c r="AC6" s="605"/>
      <c r="AD6" s="605"/>
      <c r="AE6" s="605"/>
      <c r="AF6" s="605"/>
      <c r="AG6" s="605"/>
      <c r="AH6" s="605"/>
      <c r="AI6" s="606"/>
      <c r="AJ6" s="622" t="s">
        <v>71</v>
      </c>
      <c r="AK6" s="623"/>
      <c r="AL6" s="623"/>
      <c r="AM6" s="623"/>
      <c r="AN6" s="623"/>
      <c r="AO6" s="623"/>
      <c r="AP6" s="623"/>
      <c r="AQ6" s="623"/>
      <c r="AR6" s="623"/>
      <c r="AS6" s="623"/>
      <c r="AT6" s="624"/>
      <c r="AU6" s="618" t="s">
        <v>72</v>
      </c>
      <c r="AV6" s="619"/>
      <c r="AW6" s="619"/>
      <c r="AX6" s="619"/>
      <c r="AY6" s="619"/>
      <c r="AZ6" s="619"/>
      <c r="BA6" s="619"/>
      <c r="BB6" s="619"/>
      <c r="BC6" s="619"/>
      <c r="BD6" s="619"/>
      <c r="BE6" s="620"/>
      <c r="BF6" s="618" t="s">
        <v>73</v>
      </c>
      <c r="BG6" s="619"/>
      <c r="BH6" s="619"/>
      <c r="BI6" s="619"/>
      <c r="BJ6" s="619"/>
      <c r="BK6" s="619"/>
      <c r="BL6" s="619"/>
      <c r="BM6" s="619"/>
      <c r="BN6" s="619"/>
      <c r="BO6" s="619"/>
      <c r="BP6" s="620"/>
      <c r="BQ6" s="618" t="s">
        <v>74</v>
      </c>
      <c r="BR6" s="619"/>
      <c r="BS6" s="619"/>
      <c r="BT6" s="619"/>
      <c r="BU6" s="619"/>
      <c r="BV6" s="619"/>
      <c r="BW6" s="619"/>
      <c r="BX6" s="619"/>
      <c r="BY6" s="619"/>
      <c r="BZ6" s="619"/>
      <c r="CA6" s="620"/>
      <c r="CB6" s="615"/>
      <c r="CC6" s="616"/>
      <c r="CD6" s="616"/>
      <c r="CE6" s="616"/>
      <c r="CF6" s="616"/>
      <c r="CG6" s="616"/>
      <c r="CH6" s="616"/>
      <c r="CI6" s="616"/>
      <c r="CJ6" s="616"/>
      <c r="CK6" s="616"/>
      <c r="CL6" s="617"/>
      <c r="CM6" s="618" t="s">
        <v>75</v>
      </c>
      <c r="CN6" s="619"/>
      <c r="CO6" s="619"/>
      <c r="CP6" s="619"/>
      <c r="CQ6" s="619"/>
      <c r="CR6" s="619"/>
      <c r="CS6" s="619"/>
      <c r="CT6" s="619"/>
      <c r="CU6" s="619"/>
      <c r="CV6" s="619"/>
      <c r="CW6" s="620"/>
      <c r="CX6" s="618" t="s">
        <v>76</v>
      </c>
      <c r="CY6" s="619"/>
      <c r="CZ6" s="619"/>
      <c r="DA6" s="619"/>
      <c r="DB6" s="619"/>
      <c r="DC6" s="619"/>
      <c r="DD6" s="619"/>
      <c r="DE6" s="619"/>
      <c r="DF6" s="619"/>
      <c r="DG6" s="619"/>
      <c r="DH6" s="620"/>
      <c r="DI6" s="615"/>
      <c r="DJ6" s="616"/>
      <c r="DK6" s="616"/>
      <c r="DL6" s="616"/>
      <c r="DM6" s="616"/>
      <c r="DN6" s="616"/>
      <c r="DO6" s="616"/>
      <c r="DP6" s="616"/>
      <c r="DQ6" s="616"/>
      <c r="DR6" s="616"/>
      <c r="DS6" s="616"/>
      <c r="DT6" s="618" t="s">
        <v>77</v>
      </c>
      <c r="DU6" s="619"/>
      <c r="DV6" s="619"/>
      <c r="DW6" s="619"/>
      <c r="DX6" s="619"/>
      <c r="DY6" s="619"/>
      <c r="DZ6" s="619"/>
      <c r="EA6" s="619"/>
      <c r="EB6" s="619"/>
      <c r="EC6" s="619"/>
      <c r="ED6" s="620"/>
      <c r="EE6" s="618" t="s">
        <v>78</v>
      </c>
      <c r="EF6" s="619"/>
      <c r="EG6" s="619"/>
      <c r="EH6" s="619"/>
      <c r="EI6" s="619"/>
      <c r="EJ6" s="619"/>
      <c r="EK6" s="619"/>
      <c r="EL6" s="619"/>
      <c r="EM6" s="619"/>
      <c r="EN6" s="619"/>
      <c r="EO6" s="620"/>
      <c r="EP6" s="618" t="s">
        <v>79</v>
      </c>
      <c r="EQ6" s="619"/>
      <c r="ER6" s="619"/>
      <c r="ES6" s="619"/>
      <c r="ET6" s="619"/>
      <c r="EU6" s="619"/>
      <c r="EV6" s="619"/>
      <c r="EW6" s="619"/>
      <c r="EX6" s="619"/>
      <c r="EY6" s="619"/>
      <c r="EZ6" s="620"/>
      <c r="FA6" s="621" t="s">
        <v>152</v>
      </c>
      <c r="FB6" s="619"/>
      <c r="FC6" s="619"/>
      <c r="FD6" s="619"/>
      <c r="FE6" s="619"/>
      <c r="FF6" s="619"/>
      <c r="FG6" s="619"/>
      <c r="FH6" s="619"/>
      <c r="FI6" s="619"/>
      <c r="FJ6" s="619"/>
      <c r="FK6" s="620"/>
      <c r="FL6" s="615"/>
      <c r="FM6" s="616"/>
      <c r="FN6" s="616"/>
      <c r="FO6" s="616"/>
      <c r="FP6" s="616"/>
      <c r="FQ6" s="616"/>
      <c r="FR6" s="616"/>
      <c r="FS6" s="616"/>
      <c r="FT6" s="616"/>
      <c r="FU6" s="616"/>
      <c r="FV6" s="616"/>
      <c r="FW6" s="618" t="s">
        <v>80</v>
      </c>
      <c r="FX6" s="619"/>
      <c r="FY6" s="619"/>
      <c r="FZ6" s="619"/>
      <c r="GA6" s="619"/>
      <c r="GB6" s="619"/>
      <c r="GC6" s="619"/>
      <c r="GD6" s="619"/>
      <c r="GE6" s="619"/>
      <c r="GF6" s="619"/>
      <c r="GG6" s="620"/>
      <c r="GH6" s="604" t="s">
        <v>81</v>
      </c>
      <c r="GI6" s="605"/>
      <c r="GJ6" s="605"/>
      <c r="GK6" s="605"/>
      <c r="GL6" s="605"/>
      <c r="GM6" s="605"/>
      <c r="GN6" s="605"/>
      <c r="GO6" s="605"/>
      <c r="GP6" s="605"/>
      <c r="GQ6" s="605"/>
      <c r="GR6" s="606"/>
      <c r="GS6" s="604" t="s">
        <v>82</v>
      </c>
      <c r="GT6" s="605"/>
      <c r="GU6" s="605"/>
      <c r="GV6" s="605"/>
      <c r="GW6" s="605"/>
      <c r="GX6" s="605"/>
      <c r="GY6" s="605"/>
      <c r="GZ6" s="605"/>
      <c r="HA6" s="605"/>
      <c r="HB6" s="605"/>
      <c r="HC6" s="606"/>
      <c r="HD6" s="634"/>
      <c r="HE6" s="635"/>
      <c r="HF6" s="635"/>
      <c r="HG6" s="635"/>
      <c r="HH6" s="635"/>
      <c r="HI6" s="635"/>
      <c r="HJ6" s="635"/>
      <c r="HK6" s="635"/>
      <c r="HL6" s="635"/>
      <c r="HM6" s="635"/>
      <c r="HN6" s="636"/>
      <c r="HO6" s="634"/>
      <c r="HP6" s="635"/>
      <c r="HQ6" s="635"/>
      <c r="HR6" s="635"/>
      <c r="HS6" s="635"/>
      <c r="HT6" s="635"/>
      <c r="HU6" s="635"/>
      <c r="HV6" s="635"/>
      <c r="HW6" s="635"/>
      <c r="HX6" s="635"/>
      <c r="HY6" s="636"/>
      <c r="HZ6" s="615"/>
      <c r="IA6" s="616"/>
      <c r="IB6" s="616"/>
      <c r="IC6" s="616"/>
      <c r="ID6" s="616"/>
      <c r="IE6" s="616"/>
      <c r="IF6" s="616"/>
      <c r="IG6" s="616"/>
      <c r="IH6" s="616"/>
      <c r="II6" s="616"/>
      <c r="IJ6" s="617"/>
      <c r="IK6" s="602"/>
      <c r="IL6" s="595"/>
      <c r="IM6" s="595"/>
      <c r="IN6" s="595"/>
      <c r="IO6" s="595"/>
      <c r="IP6" s="595"/>
      <c r="IQ6" s="595"/>
      <c r="IR6" s="595"/>
      <c r="IS6" s="595"/>
      <c r="IT6" s="595"/>
      <c r="IU6" s="603"/>
      <c r="IV6" s="602"/>
      <c r="IW6" s="595"/>
      <c r="IX6" s="595"/>
      <c r="IY6" s="595"/>
      <c r="IZ6" s="595"/>
      <c r="JA6" s="595"/>
      <c r="JB6" s="595"/>
      <c r="JC6" s="595"/>
      <c r="JD6" s="595"/>
      <c r="JE6" s="595"/>
      <c r="JF6" s="603"/>
      <c r="JG6" s="667"/>
      <c r="JH6" s="668"/>
      <c r="JI6" s="668"/>
      <c r="JJ6" s="668"/>
      <c r="JK6" s="668"/>
      <c r="JL6" s="668"/>
      <c r="JM6" s="668"/>
      <c r="JN6" s="668"/>
      <c r="JO6" s="668"/>
      <c r="JP6" s="668"/>
      <c r="JQ6" s="669"/>
      <c r="JR6" s="602"/>
      <c r="JS6" s="595"/>
      <c r="JT6" s="595"/>
      <c r="JU6" s="595"/>
      <c r="JV6" s="595"/>
      <c r="JW6" s="595"/>
      <c r="JX6" s="595"/>
      <c r="JY6" s="595"/>
      <c r="JZ6" s="595"/>
      <c r="KA6" s="595"/>
      <c r="KB6" s="603"/>
      <c r="KC6" s="602"/>
      <c r="KD6" s="595"/>
      <c r="KE6" s="595"/>
      <c r="KF6" s="595"/>
      <c r="KG6" s="595"/>
      <c r="KH6" s="595"/>
      <c r="KI6" s="595"/>
      <c r="KJ6" s="595"/>
      <c r="KK6" s="595"/>
      <c r="KL6" s="595"/>
      <c r="KM6" s="603"/>
      <c r="KN6" s="602"/>
      <c r="KO6" s="595"/>
      <c r="KP6" s="595"/>
      <c r="KQ6" s="595"/>
      <c r="KR6" s="595"/>
      <c r="KS6" s="595"/>
      <c r="KT6" s="595"/>
      <c r="KU6" s="595"/>
      <c r="KV6" s="595"/>
      <c r="KW6" s="595"/>
      <c r="KX6" s="603"/>
      <c r="KY6" s="602"/>
      <c r="KZ6" s="595"/>
      <c r="LA6" s="595"/>
      <c r="LB6" s="595"/>
      <c r="LC6" s="595"/>
      <c r="LD6" s="595"/>
      <c r="LE6" s="595"/>
      <c r="LF6" s="595"/>
      <c r="LG6" s="595"/>
      <c r="LH6" s="595"/>
      <c r="LI6" s="603"/>
      <c r="LJ6" s="615"/>
      <c r="LK6" s="616"/>
      <c r="LL6" s="616"/>
      <c r="LM6" s="616"/>
      <c r="LN6" s="616"/>
      <c r="LO6" s="616"/>
      <c r="LP6" s="616"/>
      <c r="LQ6" s="616"/>
      <c r="LR6" s="616"/>
      <c r="LS6" s="616"/>
      <c r="LT6" s="617"/>
      <c r="LU6" s="676"/>
      <c r="LV6" s="677"/>
      <c r="LW6" s="677"/>
      <c r="LX6" s="677"/>
      <c r="LY6" s="677"/>
      <c r="LZ6" s="677"/>
      <c r="MA6" s="677"/>
      <c r="MB6" s="677"/>
      <c r="MC6" s="677"/>
      <c r="MD6" s="677"/>
      <c r="ME6" s="678"/>
      <c r="MF6" s="615"/>
      <c r="MG6" s="616"/>
      <c r="MH6" s="616"/>
      <c r="MI6" s="616"/>
      <c r="MJ6" s="616"/>
      <c r="MK6" s="616"/>
      <c r="ML6" s="616"/>
      <c r="MM6" s="616"/>
      <c r="MN6" s="616"/>
      <c r="MO6" s="616"/>
      <c r="MP6" s="617"/>
      <c r="MQ6" s="602"/>
      <c r="MR6" s="595"/>
      <c r="MS6" s="595"/>
      <c r="MT6" s="595"/>
      <c r="MU6" s="595"/>
      <c r="MV6" s="595"/>
      <c r="MW6" s="595"/>
      <c r="MX6" s="595"/>
      <c r="MY6" s="595"/>
      <c r="MZ6" s="595"/>
      <c r="NA6" s="603"/>
      <c r="NB6" s="602"/>
      <c r="NC6" s="595"/>
      <c r="ND6" s="595"/>
      <c r="NE6" s="595"/>
      <c r="NF6" s="595"/>
      <c r="NG6" s="595"/>
      <c r="NH6" s="595"/>
      <c r="NI6" s="595"/>
      <c r="NJ6" s="595"/>
      <c r="NK6" s="595"/>
      <c r="NL6" s="603"/>
      <c r="NM6" s="602"/>
      <c r="NN6" s="595"/>
      <c r="NO6" s="595"/>
      <c r="NP6" s="595"/>
      <c r="NQ6" s="595"/>
      <c r="NR6" s="595"/>
      <c r="NS6" s="595"/>
      <c r="NT6" s="595"/>
      <c r="NU6" s="595"/>
      <c r="NV6" s="595"/>
      <c r="NW6" s="603"/>
      <c r="NX6" s="654"/>
      <c r="NY6" s="655"/>
      <c r="NZ6" s="655"/>
      <c r="OA6" s="655"/>
      <c r="OB6" s="655"/>
      <c r="OC6" s="655"/>
      <c r="OD6" s="655"/>
      <c r="OE6" s="655"/>
      <c r="OF6" s="655"/>
      <c r="OG6" s="655"/>
      <c r="OH6" s="656"/>
      <c r="OI6" s="602"/>
      <c r="OJ6" s="595"/>
      <c r="OK6" s="595"/>
      <c r="OL6" s="595"/>
      <c r="OM6" s="595"/>
      <c r="ON6" s="595"/>
      <c r="OO6" s="595"/>
      <c r="OP6" s="595"/>
      <c r="OQ6" s="595"/>
      <c r="OR6" s="595"/>
      <c r="OS6" s="603"/>
    </row>
    <row r="7" spans="1:409" ht="18" customHeight="1" x14ac:dyDescent="0.2">
      <c r="B7" s="626"/>
      <c r="C7" s="587" t="s">
        <v>61</v>
      </c>
      <c r="D7" s="587"/>
      <c r="E7" s="587"/>
      <c r="F7" s="586" t="s">
        <v>62</v>
      </c>
      <c r="G7" s="587"/>
      <c r="H7" s="587"/>
      <c r="I7" s="587"/>
      <c r="J7" s="587"/>
      <c r="K7" s="587"/>
      <c r="L7" s="587"/>
      <c r="M7" s="586" t="s">
        <v>52</v>
      </c>
      <c r="N7" s="640" t="s">
        <v>61</v>
      </c>
      <c r="O7" s="587"/>
      <c r="P7" s="587"/>
      <c r="Q7" s="586" t="s">
        <v>62</v>
      </c>
      <c r="R7" s="587"/>
      <c r="S7" s="587"/>
      <c r="T7" s="587"/>
      <c r="U7" s="587"/>
      <c r="V7" s="587"/>
      <c r="W7" s="588"/>
      <c r="X7" s="637" t="s">
        <v>52</v>
      </c>
      <c r="Y7" s="602" t="s">
        <v>61</v>
      </c>
      <c r="Z7" s="595"/>
      <c r="AA7" s="596"/>
      <c r="AB7" s="594" t="s">
        <v>62</v>
      </c>
      <c r="AC7" s="595"/>
      <c r="AD7" s="595"/>
      <c r="AE7" s="595"/>
      <c r="AF7" s="595"/>
      <c r="AG7" s="595"/>
      <c r="AH7" s="596"/>
      <c r="AI7" s="603" t="s">
        <v>52</v>
      </c>
      <c r="AJ7" s="583" t="s">
        <v>61</v>
      </c>
      <c r="AK7" s="584"/>
      <c r="AL7" s="585"/>
      <c r="AM7" s="643" t="s">
        <v>62</v>
      </c>
      <c r="AN7" s="584"/>
      <c r="AO7" s="584"/>
      <c r="AP7" s="584"/>
      <c r="AQ7" s="584"/>
      <c r="AR7" s="584"/>
      <c r="AS7" s="644"/>
      <c r="AT7" s="645" t="s">
        <v>52</v>
      </c>
      <c r="AU7" s="591" t="s">
        <v>61</v>
      </c>
      <c r="AV7" s="592"/>
      <c r="AW7" s="593"/>
      <c r="AX7" s="641" t="s">
        <v>62</v>
      </c>
      <c r="AY7" s="592"/>
      <c r="AZ7" s="592"/>
      <c r="BA7" s="592"/>
      <c r="BB7" s="592"/>
      <c r="BC7" s="592"/>
      <c r="BD7" s="642"/>
      <c r="BE7" s="603" t="s">
        <v>52</v>
      </c>
      <c r="BF7" s="591" t="s">
        <v>61</v>
      </c>
      <c r="BG7" s="592"/>
      <c r="BH7" s="593"/>
      <c r="BI7" s="641" t="s">
        <v>62</v>
      </c>
      <c r="BJ7" s="592"/>
      <c r="BK7" s="592"/>
      <c r="BL7" s="592"/>
      <c r="BM7" s="592"/>
      <c r="BN7" s="592"/>
      <c r="BO7" s="642"/>
      <c r="BP7" s="603" t="s">
        <v>52</v>
      </c>
      <c r="BQ7" s="591" t="s">
        <v>61</v>
      </c>
      <c r="BR7" s="592"/>
      <c r="BS7" s="593"/>
      <c r="BT7" s="641" t="s">
        <v>62</v>
      </c>
      <c r="BU7" s="592"/>
      <c r="BV7" s="592"/>
      <c r="BW7" s="592"/>
      <c r="BX7" s="592"/>
      <c r="BY7" s="592"/>
      <c r="BZ7" s="642"/>
      <c r="CA7" s="603" t="s">
        <v>52</v>
      </c>
      <c r="CB7" s="583" t="s">
        <v>61</v>
      </c>
      <c r="CC7" s="584"/>
      <c r="CD7" s="585"/>
      <c r="CE7" s="643" t="s">
        <v>62</v>
      </c>
      <c r="CF7" s="584"/>
      <c r="CG7" s="584"/>
      <c r="CH7" s="584"/>
      <c r="CI7" s="584"/>
      <c r="CJ7" s="584"/>
      <c r="CK7" s="644"/>
      <c r="CL7" s="637" t="s">
        <v>52</v>
      </c>
      <c r="CM7" s="591" t="s">
        <v>61</v>
      </c>
      <c r="CN7" s="592"/>
      <c r="CO7" s="642"/>
      <c r="CP7" s="641" t="s">
        <v>62</v>
      </c>
      <c r="CQ7" s="592"/>
      <c r="CR7" s="592"/>
      <c r="CS7" s="592"/>
      <c r="CT7" s="592"/>
      <c r="CU7" s="592"/>
      <c r="CV7" s="642"/>
      <c r="CW7" s="649" t="s">
        <v>52</v>
      </c>
      <c r="CX7" s="591" t="s">
        <v>61</v>
      </c>
      <c r="CY7" s="592"/>
      <c r="CZ7" s="642"/>
      <c r="DA7" s="641" t="s">
        <v>62</v>
      </c>
      <c r="DB7" s="592"/>
      <c r="DC7" s="592"/>
      <c r="DD7" s="592"/>
      <c r="DE7" s="592"/>
      <c r="DF7" s="592"/>
      <c r="DG7" s="642"/>
      <c r="DH7" s="649" t="s">
        <v>52</v>
      </c>
      <c r="DI7" s="583" t="s">
        <v>61</v>
      </c>
      <c r="DJ7" s="584"/>
      <c r="DK7" s="644"/>
      <c r="DL7" s="643" t="s">
        <v>62</v>
      </c>
      <c r="DM7" s="584"/>
      <c r="DN7" s="584"/>
      <c r="DO7" s="584"/>
      <c r="DP7" s="584"/>
      <c r="DQ7" s="584"/>
      <c r="DR7" s="644"/>
      <c r="DS7" s="637" t="s">
        <v>52</v>
      </c>
      <c r="DT7" s="591" t="s">
        <v>61</v>
      </c>
      <c r="DU7" s="592"/>
      <c r="DV7" s="593"/>
      <c r="DW7" s="641" t="s">
        <v>62</v>
      </c>
      <c r="DX7" s="592"/>
      <c r="DY7" s="592"/>
      <c r="DZ7" s="592"/>
      <c r="EA7" s="592"/>
      <c r="EB7" s="592"/>
      <c r="EC7" s="642"/>
      <c r="ED7" s="603" t="s">
        <v>52</v>
      </c>
      <c r="EE7" s="591" t="s">
        <v>61</v>
      </c>
      <c r="EF7" s="592"/>
      <c r="EG7" s="593"/>
      <c r="EH7" s="641" t="s">
        <v>62</v>
      </c>
      <c r="EI7" s="592"/>
      <c r="EJ7" s="592"/>
      <c r="EK7" s="592"/>
      <c r="EL7" s="592"/>
      <c r="EM7" s="592"/>
      <c r="EN7" s="642"/>
      <c r="EO7" s="603" t="s">
        <v>52</v>
      </c>
      <c r="EP7" s="591" t="s">
        <v>61</v>
      </c>
      <c r="EQ7" s="592"/>
      <c r="ER7" s="593"/>
      <c r="ES7" s="641" t="s">
        <v>62</v>
      </c>
      <c r="ET7" s="592"/>
      <c r="EU7" s="592"/>
      <c r="EV7" s="592"/>
      <c r="EW7" s="592"/>
      <c r="EX7" s="592"/>
      <c r="EY7" s="642"/>
      <c r="EZ7" s="603" t="s">
        <v>52</v>
      </c>
      <c r="FA7" s="591" t="s">
        <v>61</v>
      </c>
      <c r="FB7" s="592"/>
      <c r="FC7" s="593"/>
      <c r="FD7" s="641" t="s">
        <v>62</v>
      </c>
      <c r="FE7" s="592"/>
      <c r="FF7" s="592"/>
      <c r="FG7" s="592"/>
      <c r="FH7" s="592"/>
      <c r="FI7" s="592"/>
      <c r="FJ7" s="642"/>
      <c r="FK7" s="603" t="s">
        <v>52</v>
      </c>
      <c r="FL7" s="583" t="s">
        <v>61</v>
      </c>
      <c r="FM7" s="584"/>
      <c r="FN7" s="585"/>
      <c r="FO7" s="643" t="s">
        <v>62</v>
      </c>
      <c r="FP7" s="584"/>
      <c r="FQ7" s="584"/>
      <c r="FR7" s="584"/>
      <c r="FS7" s="584"/>
      <c r="FT7" s="584"/>
      <c r="FU7" s="644"/>
      <c r="FV7" s="587" t="s">
        <v>52</v>
      </c>
      <c r="FW7" s="591" t="s">
        <v>61</v>
      </c>
      <c r="FX7" s="592"/>
      <c r="FY7" s="593"/>
      <c r="FZ7" s="641" t="s">
        <v>62</v>
      </c>
      <c r="GA7" s="592"/>
      <c r="GB7" s="592"/>
      <c r="GC7" s="592"/>
      <c r="GD7" s="592"/>
      <c r="GE7" s="592"/>
      <c r="GF7" s="642"/>
      <c r="GG7" s="603" t="s">
        <v>52</v>
      </c>
      <c r="GH7" s="602" t="s">
        <v>61</v>
      </c>
      <c r="GI7" s="595"/>
      <c r="GJ7" s="595"/>
      <c r="GK7" s="594" t="s">
        <v>62</v>
      </c>
      <c r="GL7" s="595"/>
      <c r="GM7" s="595"/>
      <c r="GN7" s="595"/>
      <c r="GO7" s="595"/>
      <c r="GP7" s="595"/>
      <c r="GQ7" s="596"/>
      <c r="GR7" s="646" t="s">
        <v>52</v>
      </c>
      <c r="GS7" s="602" t="s">
        <v>61</v>
      </c>
      <c r="GT7" s="595"/>
      <c r="GU7" s="596"/>
      <c r="GV7" s="594" t="s">
        <v>62</v>
      </c>
      <c r="GW7" s="595"/>
      <c r="GX7" s="595"/>
      <c r="GY7" s="595"/>
      <c r="GZ7" s="595"/>
      <c r="HA7" s="595"/>
      <c r="HB7" s="596"/>
      <c r="HC7" s="646" t="s">
        <v>52</v>
      </c>
      <c r="HD7" s="591" t="s">
        <v>61</v>
      </c>
      <c r="HE7" s="592"/>
      <c r="HF7" s="593"/>
      <c r="HG7" s="641" t="s">
        <v>62</v>
      </c>
      <c r="HH7" s="592"/>
      <c r="HI7" s="592"/>
      <c r="HJ7" s="592"/>
      <c r="HK7" s="592"/>
      <c r="HL7" s="592"/>
      <c r="HM7" s="642"/>
      <c r="HN7" s="603" t="s">
        <v>52</v>
      </c>
      <c r="HO7" s="591" t="s">
        <v>61</v>
      </c>
      <c r="HP7" s="592"/>
      <c r="HQ7" s="593"/>
      <c r="HR7" s="641" t="s">
        <v>62</v>
      </c>
      <c r="HS7" s="592"/>
      <c r="HT7" s="592"/>
      <c r="HU7" s="592"/>
      <c r="HV7" s="592"/>
      <c r="HW7" s="592"/>
      <c r="HX7" s="642"/>
      <c r="HY7" s="603" t="s">
        <v>52</v>
      </c>
      <c r="HZ7" s="583" t="s">
        <v>61</v>
      </c>
      <c r="IA7" s="584"/>
      <c r="IB7" s="585"/>
      <c r="IC7" s="643" t="s">
        <v>62</v>
      </c>
      <c r="ID7" s="584"/>
      <c r="IE7" s="584"/>
      <c r="IF7" s="584"/>
      <c r="IG7" s="584"/>
      <c r="IH7" s="584"/>
      <c r="II7" s="644"/>
      <c r="IJ7" s="587" t="s">
        <v>52</v>
      </c>
      <c r="IK7" s="591" t="s">
        <v>61</v>
      </c>
      <c r="IL7" s="592"/>
      <c r="IM7" s="593"/>
      <c r="IN7" s="641" t="s">
        <v>62</v>
      </c>
      <c r="IO7" s="592"/>
      <c r="IP7" s="592"/>
      <c r="IQ7" s="592"/>
      <c r="IR7" s="592"/>
      <c r="IS7" s="592"/>
      <c r="IT7" s="642"/>
      <c r="IU7" s="603" t="s">
        <v>52</v>
      </c>
      <c r="IV7" s="591" t="s">
        <v>61</v>
      </c>
      <c r="IW7" s="592"/>
      <c r="IX7" s="642"/>
      <c r="IY7" s="641" t="s">
        <v>62</v>
      </c>
      <c r="IZ7" s="592"/>
      <c r="JA7" s="592"/>
      <c r="JB7" s="592"/>
      <c r="JC7" s="592"/>
      <c r="JD7" s="592"/>
      <c r="JE7" s="642"/>
      <c r="JF7" s="603" t="s">
        <v>52</v>
      </c>
      <c r="JG7" s="591" t="s">
        <v>61</v>
      </c>
      <c r="JH7" s="592"/>
      <c r="JI7" s="593"/>
      <c r="JJ7" s="641" t="s">
        <v>62</v>
      </c>
      <c r="JK7" s="592"/>
      <c r="JL7" s="592"/>
      <c r="JM7" s="592"/>
      <c r="JN7" s="592"/>
      <c r="JO7" s="592"/>
      <c r="JP7" s="642"/>
      <c r="JQ7" s="649" t="s">
        <v>52</v>
      </c>
      <c r="JR7" s="591" t="s">
        <v>61</v>
      </c>
      <c r="JS7" s="592"/>
      <c r="JT7" s="593"/>
      <c r="JU7" s="641" t="s">
        <v>62</v>
      </c>
      <c r="JV7" s="592"/>
      <c r="JW7" s="592"/>
      <c r="JX7" s="592"/>
      <c r="JY7" s="592"/>
      <c r="JZ7" s="592"/>
      <c r="KA7" s="642"/>
      <c r="KB7" s="649" t="s">
        <v>52</v>
      </c>
      <c r="KC7" s="591" t="s">
        <v>61</v>
      </c>
      <c r="KD7" s="592"/>
      <c r="KE7" s="593"/>
      <c r="KF7" s="641" t="s">
        <v>62</v>
      </c>
      <c r="KG7" s="592"/>
      <c r="KH7" s="592"/>
      <c r="KI7" s="592"/>
      <c r="KJ7" s="592"/>
      <c r="KK7" s="592"/>
      <c r="KL7" s="642"/>
      <c r="KM7" s="649" t="s">
        <v>52</v>
      </c>
      <c r="KN7" s="591" t="s">
        <v>61</v>
      </c>
      <c r="KO7" s="592"/>
      <c r="KP7" s="593"/>
      <c r="KQ7" s="641" t="s">
        <v>62</v>
      </c>
      <c r="KR7" s="592"/>
      <c r="KS7" s="592"/>
      <c r="KT7" s="592"/>
      <c r="KU7" s="592"/>
      <c r="KV7" s="592"/>
      <c r="KW7" s="642"/>
      <c r="KX7" s="649" t="s">
        <v>52</v>
      </c>
      <c r="KY7" s="591" t="s">
        <v>61</v>
      </c>
      <c r="KZ7" s="592"/>
      <c r="LA7" s="593"/>
      <c r="LB7" s="641" t="s">
        <v>62</v>
      </c>
      <c r="LC7" s="592"/>
      <c r="LD7" s="592"/>
      <c r="LE7" s="592"/>
      <c r="LF7" s="592"/>
      <c r="LG7" s="592"/>
      <c r="LH7" s="642"/>
      <c r="LI7" s="649" t="s">
        <v>52</v>
      </c>
      <c r="LJ7" s="591" t="s">
        <v>61</v>
      </c>
      <c r="LK7" s="592"/>
      <c r="LL7" s="593"/>
      <c r="LM7" s="641" t="s">
        <v>62</v>
      </c>
      <c r="LN7" s="592"/>
      <c r="LO7" s="592"/>
      <c r="LP7" s="592"/>
      <c r="LQ7" s="592"/>
      <c r="LR7" s="592"/>
      <c r="LS7" s="642"/>
      <c r="LT7" s="649" t="s">
        <v>52</v>
      </c>
      <c r="LU7" s="591" t="s">
        <v>61</v>
      </c>
      <c r="LV7" s="592"/>
      <c r="LW7" s="593"/>
      <c r="LX7" s="641" t="s">
        <v>62</v>
      </c>
      <c r="LY7" s="592"/>
      <c r="LZ7" s="592"/>
      <c r="MA7" s="592"/>
      <c r="MB7" s="592"/>
      <c r="MC7" s="592"/>
      <c r="MD7" s="642"/>
      <c r="ME7" s="649" t="s">
        <v>52</v>
      </c>
      <c r="MF7" s="583" t="s">
        <v>61</v>
      </c>
      <c r="MG7" s="584"/>
      <c r="MH7" s="585"/>
      <c r="MI7" s="643" t="s">
        <v>62</v>
      </c>
      <c r="MJ7" s="584"/>
      <c r="MK7" s="584"/>
      <c r="ML7" s="584"/>
      <c r="MM7" s="584"/>
      <c r="MN7" s="584"/>
      <c r="MO7" s="644"/>
      <c r="MP7" s="637" t="s">
        <v>52</v>
      </c>
      <c r="MQ7" s="591" t="s">
        <v>61</v>
      </c>
      <c r="MR7" s="592"/>
      <c r="MS7" s="593"/>
      <c r="MT7" s="641" t="s">
        <v>62</v>
      </c>
      <c r="MU7" s="592"/>
      <c r="MV7" s="592"/>
      <c r="MW7" s="592"/>
      <c r="MX7" s="592"/>
      <c r="MY7" s="592"/>
      <c r="MZ7" s="642"/>
      <c r="NA7" s="649" t="s">
        <v>52</v>
      </c>
      <c r="NB7" s="591" t="s">
        <v>61</v>
      </c>
      <c r="NC7" s="592"/>
      <c r="ND7" s="593"/>
      <c r="NE7" s="641" t="s">
        <v>62</v>
      </c>
      <c r="NF7" s="592"/>
      <c r="NG7" s="592"/>
      <c r="NH7" s="592"/>
      <c r="NI7" s="592"/>
      <c r="NJ7" s="592"/>
      <c r="NK7" s="642"/>
      <c r="NL7" s="649" t="s">
        <v>52</v>
      </c>
      <c r="NM7" s="591" t="s">
        <v>61</v>
      </c>
      <c r="NN7" s="592"/>
      <c r="NO7" s="593"/>
      <c r="NP7" s="641" t="s">
        <v>62</v>
      </c>
      <c r="NQ7" s="592"/>
      <c r="NR7" s="592"/>
      <c r="NS7" s="592"/>
      <c r="NT7" s="592"/>
      <c r="NU7" s="592"/>
      <c r="NV7" s="642"/>
      <c r="NW7" s="649" t="s">
        <v>52</v>
      </c>
      <c r="NX7" s="591" t="s">
        <v>61</v>
      </c>
      <c r="NY7" s="592"/>
      <c r="NZ7" s="593"/>
      <c r="OA7" s="641" t="s">
        <v>62</v>
      </c>
      <c r="OB7" s="592"/>
      <c r="OC7" s="592"/>
      <c r="OD7" s="592"/>
      <c r="OE7" s="592"/>
      <c r="OF7" s="592"/>
      <c r="OG7" s="642"/>
      <c r="OH7" s="649" t="s">
        <v>52</v>
      </c>
      <c r="OI7" s="583" t="s">
        <v>61</v>
      </c>
      <c r="OJ7" s="584"/>
      <c r="OK7" s="585"/>
      <c r="OL7" s="643" t="s">
        <v>62</v>
      </c>
      <c r="OM7" s="584"/>
      <c r="ON7" s="584"/>
      <c r="OO7" s="584"/>
      <c r="OP7" s="584"/>
      <c r="OQ7" s="584"/>
      <c r="OR7" s="644"/>
      <c r="OS7" s="637" t="s">
        <v>52</v>
      </c>
    </row>
    <row r="8" spans="1:409" ht="28.5" customHeight="1" thickBot="1" x14ac:dyDescent="0.25">
      <c r="B8" s="627"/>
      <c r="C8" s="65" t="s">
        <v>43</v>
      </c>
      <c r="D8" s="16" t="s">
        <v>44</v>
      </c>
      <c r="E8" s="41" t="s">
        <v>45</v>
      </c>
      <c r="F8" s="42" t="s">
        <v>83</v>
      </c>
      <c r="G8" s="16" t="s">
        <v>47</v>
      </c>
      <c r="H8" s="16" t="s">
        <v>48</v>
      </c>
      <c r="I8" s="16" t="s">
        <v>49</v>
      </c>
      <c r="J8" s="16" t="s">
        <v>50</v>
      </c>
      <c r="K8" s="16" t="s">
        <v>51</v>
      </c>
      <c r="L8" s="17" t="s">
        <v>45</v>
      </c>
      <c r="M8" s="639"/>
      <c r="N8" s="40" t="s">
        <v>43</v>
      </c>
      <c r="O8" s="16" t="s">
        <v>44</v>
      </c>
      <c r="P8" s="17" t="s">
        <v>45</v>
      </c>
      <c r="Q8" s="42" t="s">
        <v>83</v>
      </c>
      <c r="R8" s="16" t="s">
        <v>47</v>
      </c>
      <c r="S8" s="16" t="s">
        <v>48</v>
      </c>
      <c r="T8" s="16" t="s">
        <v>49</v>
      </c>
      <c r="U8" s="16" t="s">
        <v>50</v>
      </c>
      <c r="V8" s="16" t="s">
        <v>51</v>
      </c>
      <c r="W8" s="17" t="s">
        <v>45</v>
      </c>
      <c r="X8" s="638"/>
      <c r="Y8" s="40" t="s">
        <v>43</v>
      </c>
      <c r="Z8" s="16" t="s">
        <v>44</v>
      </c>
      <c r="AA8" s="17" t="s">
        <v>45</v>
      </c>
      <c r="AB8" s="42" t="s">
        <v>83</v>
      </c>
      <c r="AC8" s="16" t="s">
        <v>47</v>
      </c>
      <c r="AD8" s="16" t="s">
        <v>48</v>
      </c>
      <c r="AE8" s="16" t="s">
        <v>49</v>
      </c>
      <c r="AF8" s="16" t="s">
        <v>50</v>
      </c>
      <c r="AG8" s="16" t="s">
        <v>51</v>
      </c>
      <c r="AH8" s="17" t="s">
        <v>45</v>
      </c>
      <c r="AI8" s="610"/>
      <c r="AJ8" s="40" t="s">
        <v>43</v>
      </c>
      <c r="AK8" s="16" t="s">
        <v>44</v>
      </c>
      <c r="AL8" s="41" t="s">
        <v>45</v>
      </c>
      <c r="AM8" s="42" t="s">
        <v>83</v>
      </c>
      <c r="AN8" s="16" t="s">
        <v>47</v>
      </c>
      <c r="AO8" s="16" t="s">
        <v>48</v>
      </c>
      <c r="AP8" s="16" t="s">
        <v>49</v>
      </c>
      <c r="AQ8" s="16" t="s">
        <v>50</v>
      </c>
      <c r="AR8" s="16" t="s">
        <v>51</v>
      </c>
      <c r="AS8" s="17" t="s">
        <v>45</v>
      </c>
      <c r="AT8" s="610"/>
      <c r="AU8" s="40" t="s">
        <v>43</v>
      </c>
      <c r="AV8" s="16" t="s">
        <v>44</v>
      </c>
      <c r="AW8" s="41" t="s">
        <v>45</v>
      </c>
      <c r="AX8" s="42" t="s">
        <v>83</v>
      </c>
      <c r="AY8" s="16" t="s">
        <v>47</v>
      </c>
      <c r="AZ8" s="16" t="s">
        <v>48</v>
      </c>
      <c r="BA8" s="16" t="s">
        <v>49</v>
      </c>
      <c r="BB8" s="16" t="s">
        <v>50</v>
      </c>
      <c r="BC8" s="16" t="s">
        <v>51</v>
      </c>
      <c r="BD8" s="17" t="s">
        <v>45</v>
      </c>
      <c r="BE8" s="610"/>
      <c r="BF8" s="61" t="s">
        <v>43</v>
      </c>
      <c r="BG8" s="16" t="s">
        <v>44</v>
      </c>
      <c r="BH8" s="41" t="s">
        <v>45</v>
      </c>
      <c r="BI8" s="42" t="s">
        <v>83</v>
      </c>
      <c r="BJ8" s="16" t="s">
        <v>47</v>
      </c>
      <c r="BK8" s="16" t="s">
        <v>48</v>
      </c>
      <c r="BL8" s="16" t="s">
        <v>49</v>
      </c>
      <c r="BM8" s="16" t="s">
        <v>50</v>
      </c>
      <c r="BN8" s="16" t="s">
        <v>51</v>
      </c>
      <c r="BO8" s="17" t="s">
        <v>45</v>
      </c>
      <c r="BP8" s="610"/>
      <c r="BQ8" s="40" t="s">
        <v>43</v>
      </c>
      <c r="BR8" s="16" t="s">
        <v>44</v>
      </c>
      <c r="BS8" s="41" t="s">
        <v>45</v>
      </c>
      <c r="BT8" s="42" t="s">
        <v>83</v>
      </c>
      <c r="BU8" s="16" t="s">
        <v>47</v>
      </c>
      <c r="BV8" s="16" t="s">
        <v>48</v>
      </c>
      <c r="BW8" s="16" t="s">
        <v>49</v>
      </c>
      <c r="BX8" s="16" t="s">
        <v>50</v>
      </c>
      <c r="BY8" s="16" t="s">
        <v>51</v>
      </c>
      <c r="BZ8" s="17" t="s">
        <v>45</v>
      </c>
      <c r="CA8" s="610"/>
      <c r="CB8" s="40" t="s">
        <v>43</v>
      </c>
      <c r="CC8" s="16" t="s">
        <v>44</v>
      </c>
      <c r="CD8" s="41" t="s">
        <v>45</v>
      </c>
      <c r="CE8" s="42" t="s">
        <v>83</v>
      </c>
      <c r="CF8" s="16" t="s">
        <v>47</v>
      </c>
      <c r="CG8" s="16" t="s">
        <v>48</v>
      </c>
      <c r="CH8" s="16" t="s">
        <v>49</v>
      </c>
      <c r="CI8" s="16" t="s">
        <v>50</v>
      </c>
      <c r="CJ8" s="16" t="s">
        <v>51</v>
      </c>
      <c r="CK8" s="17" t="s">
        <v>45</v>
      </c>
      <c r="CL8" s="638"/>
      <c r="CM8" s="40" t="s">
        <v>43</v>
      </c>
      <c r="CN8" s="16" t="s">
        <v>44</v>
      </c>
      <c r="CO8" s="17" t="s">
        <v>45</v>
      </c>
      <c r="CP8" s="42" t="s">
        <v>83</v>
      </c>
      <c r="CQ8" s="16" t="s">
        <v>47</v>
      </c>
      <c r="CR8" s="16" t="s">
        <v>48</v>
      </c>
      <c r="CS8" s="16" t="s">
        <v>49</v>
      </c>
      <c r="CT8" s="16" t="s">
        <v>50</v>
      </c>
      <c r="CU8" s="16" t="s">
        <v>51</v>
      </c>
      <c r="CV8" s="17" t="s">
        <v>45</v>
      </c>
      <c r="CW8" s="638"/>
      <c r="CX8" s="40" t="s">
        <v>43</v>
      </c>
      <c r="CY8" s="16" t="s">
        <v>44</v>
      </c>
      <c r="CZ8" s="17" t="s">
        <v>45</v>
      </c>
      <c r="DA8" s="42" t="s">
        <v>83</v>
      </c>
      <c r="DB8" s="16" t="s">
        <v>47</v>
      </c>
      <c r="DC8" s="16" t="s">
        <v>48</v>
      </c>
      <c r="DD8" s="16" t="s">
        <v>49</v>
      </c>
      <c r="DE8" s="16" t="s">
        <v>50</v>
      </c>
      <c r="DF8" s="16" t="s">
        <v>51</v>
      </c>
      <c r="DG8" s="17" t="s">
        <v>45</v>
      </c>
      <c r="DH8" s="638"/>
      <c r="DI8" s="40" t="s">
        <v>43</v>
      </c>
      <c r="DJ8" s="16" t="s">
        <v>44</v>
      </c>
      <c r="DK8" s="17" t="s">
        <v>45</v>
      </c>
      <c r="DL8" s="42" t="s">
        <v>83</v>
      </c>
      <c r="DM8" s="16" t="s">
        <v>47</v>
      </c>
      <c r="DN8" s="16" t="s">
        <v>48</v>
      </c>
      <c r="DO8" s="16" t="s">
        <v>49</v>
      </c>
      <c r="DP8" s="16" t="s">
        <v>50</v>
      </c>
      <c r="DQ8" s="16" t="s">
        <v>51</v>
      </c>
      <c r="DR8" s="17" t="s">
        <v>45</v>
      </c>
      <c r="DS8" s="638"/>
      <c r="DT8" s="40" t="s">
        <v>43</v>
      </c>
      <c r="DU8" s="16" t="s">
        <v>44</v>
      </c>
      <c r="DV8" s="41" t="s">
        <v>45</v>
      </c>
      <c r="DW8" s="42" t="s">
        <v>83</v>
      </c>
      <c r="DX8" s="16" t="s">
        <v>47</v>
      </c>
      <c r="DY8" s="16" t="s">
        <v>48</v>
      </c>
      <c r="DZ8" s="16" t="s">
        <v>49</v>
      </c>
      <c r="EA8" s="16" t="s">
        <v>50</v>
      </c>
      <c r="EB8" s="16" t="s">
        <v>51</v>
      </c>
      <c r="EC8" s="17" t="s">
        <v>45</v>
      </c>
      <c r="ED8" s="610"/>
      <c r="EE8" s="40" t="s">
        <v>43</v>
      </c>
      <c r="EF8" s="16" t="s">
        <v>44</v>
      </c>
      <c r="EG8" s="41" t="s">
        <v>45</v>
      </c>
      <c r="EH8" s="42" t="s">
        <v>83</v>
      </c>
      <c r="EI8" s="16" t="s">
        <v>47</v>
      </c>
      <c r="EJ8" s="16" t="s">
        <v>48</v>
      </c>
      <c r="EK8" s="16" t="s">
        <v>49</v>
      </c>
      <c r="EL8" s="16" t="s">
        <v>50</v>
      </c>
      <c r="EM8" s="16" t="s">
        <v>51</v>
      </c>
      <c r="EN8" s="17" t="s">
        <v>45</v>
      </c>
      <c r="EO8" s="610"/>
      <c r="EP8" s="40" t="s">
        <v>43</v>
      </c>
      <c r="EQ8" s="16" t="s">
        <v>44</v>
      </c>
      <c r="ER8" s="41" t="s">
        <v>45</v>
      </c>
      <c r="ES8" s="42" t="s">
        <v>83</v>
      </c>
      <c r="ET8" s="16" t="s">
        <v>47</v>
      </c>
      <c r="EU8" s="16" t="s">
        <v>48</v>
      </c>
      <c r="EV8" s="16" t="s">
        <v>49</v>
      </c>
      <c r="EW8" s="16" t="s">
        <v>50</v>
      </c>
      <c r="EX8" s="16" t="s">
        <v>51</v>
      </c>
      <c r="EY8" s="17" t="s">
        <v>45</v>
      </c>
      <c r="EZ8" s="610"/>
      <c r="FA8" s="40" t="s">
        <v>43</v>
      </c>
      <c r="FB8" s="16" t="s">
        <v>44</v>
      </c>
      <c r="FC8" s="41" t="s">
        <v>45</v>
      </c>
      <c r="FD8" s="42" t="s">
        <v>83</v>
      </c>
      <c r="FE8" s="16" t="s">
        <v>47</v>
      </c>
      <c r="FF8" s="16" t="s">
        <v>48</v>
      </c>
      <c r="FG8" s="16" t="s">
        <v>49</v>
      </c>
      <c r="FH8" s="16" t="s">
        <v>50</v>
      </c>
      <c r="FI8" s="16" t="s">
        <v>51</v>
      </c>
      <c r="FJ8" s="17" t="s">
        <v>45</v>
      </c>
      <c r="FK8" s="610"/>
      <c r="FL8" s="40" t="s">
        <v>43</v>
      </c>
      <c r="FM8" s="16" t="s">
        <v>44</v>
      </c>
      <c r="FN8" s="41" t="s">
        <v>45</v>
      </c>
      <c r="FO8" s="42" t="s">
        <v>83</v>
      </c>
      <c r="FP8" s="16" t="s">
        <v>47</v>
      </c>
      <c r="FQ8" s="16" t="s">
        <v>48</v>
      </c>
      <c r="FR8" s="16" t="s">
        <v>49</v>
      </c>
      <c r="FS8" s="16" t="s">
        <v>50</v>
      </c>
      <c r="FT8" s="16" t="s">
        <v>51</v>
      </c>
      <c r="FU8" s="17" t="s">
        <v>45</v>
      </c>
      <c r="FV8" s="648"/>
      <c r="FW8" s="40" t="s">
        <v>43</v>
      </c>
      <c r="FX8" s="16" t="s">
        <v>44</v>
      </c>
      <c r="FY8" s="41" t="s">
        <v>45</v>
      </c>
      <c r="FZ8" s="42" t="s">
        <v>83</v>
      </c>
      <c r="GA8" s="16" t="s">
        <v>47</v>
      </c>
      <c r="GB8" s="16" t="s">
        <v>48</v>
      </c>
      <c r="GC8" s="16" t="s">
        <v>49</v>
      </c>
      <c r="GD8" s="16" t="s">
        <v>50</v>
      </c>
      <c r="GE8" s="16" t="s">
        <v>51</v>
      </c>
      <c r="GF8" s="17" t="s">
        <v>45</v>
      </c>
      <c r="GG8" s="610"/>
      <c r="GH8" s="40" t="s">
        <v>43</v>
      </c>
      <c r="GI8" s="16" t="s">
        <v>44</v>
      </c>
      <c r="GJ8" s="41" t="s">
        <v>45</v>
      </c>
      <c r="GK8" s="42" t="s">
        <v>83</v>
      </c>
      <c r="GL8" s="16" t="s">
        <v>47</v>
      </c>
      <c r="GM8" s="16" t="s">
        <v>48</v>
      </c>
      <c r="GN8" s="16" t="s">
        <v>49</v>
      </c>
      <c r="GO8" s="16" t="s">
        <v>50</v>
      </c>
      <c r="GP8" s="16" t="s">
        <v>51</v>
      </c>
      <c r="GQ8" s="17" t="s">
        <v>45</v>
      </c>
      <c r="GR8" s="647"/>
      <c r="GS8" s="40" t="s">
        <v>43</v>
      </c>
      <c r="GT8" s="16" t="s">
        <v>44</v>
      </c>
      <c r="GU8" s="41" t="s">
        <v>45</v>
      </c>
      <c r="GV8" s="42" t="s">
        <v>83</v>
      </c>
      <c r="GW8" s="16" t="s">
        <v>47</v>
      </c>
      <c r="GX8" s="16" t="s">
        <v>48</v>
      </c>
      <c r="GY8" s="16" t="s">
        <v>49</v>
      </c>
      <c r="GZ8" s="16" t="s">
        <v>50</v>
      </c>
      <c r="HA8" s="16" t="s">
        <v>51</v>
      </c>
      <c r="HB8" s="17" t="s">
        <v>45</v>
      </c>
      <c r="HC8" s="647"/>
      <c r="HD8" s="40" t="s">
        <v>43</v>
      </c>
      <c r="HE8" s="16" t="s">
        <v>44</v>
      </c>
      <c r="HF8" s="41" t="s">
        <v>45</v>
      </c>
      <c r="HG8" s="42" t="s">
        <v>83</v>
      </c>
      <c r="HH8" s="16" t="s">
        <v>47</v>
      </c>
      <c r="HI8" s="16" t="s">
        <v>48</v>
      </c>
      <c r="HJ8" s="16" t="s">
        <v>49</v>
      </c>
      <c r="HK8" s="16" t="s">
        <v>50</v>
      </c>
      <c r="HL8" s="16" t="s">
        <v>51</v>
      </c>
      <c r="HM8" s="17" t="s">
        <v>45</v>
      </c>
      <c r="HN8" s="610"/>
      <c r="HO8" s="40" t="s">
        <v>43</v>
      </c>
      <c r="HP8" s="16" t="s">
        <v>44</v>
      </c>
      <c r="HQ8" s="41" t="s">
        <v>45</v>
      </c>
      <c r="HR8" s="42" t="s">
        <v>83</v>
      </c>
      <c r="HS8" s="16" t="s">
        <v>47</v>
      </c>
      <c r="HT8" s="16" t="s">
        <v>48</v>
      </c>
      <c r="HU8" s="16" t="s">
        <v>49</v>
      </c>
      <c r="HV8" s="16" t="s">
        <v>50</v>
      </c>
      <c r="HW8" s="16" t="s">
        <v>51</v>
      </c>
      <c r="HX8" s="17" t="s">
        <v>45</v>
      </c>
      <c r="HY8" s="610"/>
      <c r="HZ8" s="368" t="s">
        <v>43</v>
      </c>
      <c r="IA8" s="369" t="s">
        <v>44</v>
      </c>
      <c r="IB8" s="41" t="s">
        <v>45</v>
      </c>
      <c r="IC8" s="42" t="s">
        <v>83</v>
      </c>
      <c r="ID8" s="369" t="s">
        <v>47</v>
      </c>
      <c r="IE8" s="369" t="s">
        <v>48</v>
      </c>
      <c r="IF8" s="369" t="s">
        <v>49</v>
      </c>
      <c r="IG8" s="369" t="s">
        <v>50</v>
      </c>
      <c r="IH8" s="369" t="s">
        <v>51</v>
      </c>
      <c r="II8" s="17" t="s">
        <v>45</v>
      </c>
      <c r="IJ8" s="648"/>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30" customFormat="1" ht="18.75" customHeight="1" x14ac:dyDescent="0.2">
      <c r="A9" s="44"/>
      <c r="B9" s="386" t="s">
        <v>4</v>
      </c>
      <c r="C9" s="387">
        <v>380882808</v>
      </c>
      <c r="D9" s="388">
        <v>778210003</v>
      </c>
      <c r="E9" s="389">
        <v>1159092811</v>
      </c>
      <c r="F9" s="390">
        <v>0</v>
      </c>
      <c r="G9" s="388">
        <v>5014050558</v>
      </c>
      <c r="H9" s="388">
        <v>6714031695</v>
      </c>
      <c r="I9" s="388">
        <v>5606950904</v>
      </c>
      <c r="J9" s="388">
        <v>5404132977</v>
      </c>
      <c r="K9" s="388">
        <v>4138631352</v>
      </c>
      <c r="L9" s="391">
        <v>26877797486</v>
      </c>
      <c r="M9" s="392">
        <v>28036890297</v>
      </c>
      <c r="N9" s="387">
        <v>87801871</v>
      </c>
      <c r="O9" s="388">
        <v>225624390</v>
      </c>
      <c r="P9" s="393">
        <v>313426261</v>
      </c>
      <c r="Q9" s="387">
        <v>0</v>
      </c>
      <c r="R9" s="388">
        <v>1449763634</v>
      </c>
      <c r="S9" s="388">
        <v>2193417354</v>
      </c>
      <c r="T9" s="388">
        <v>1856271029</v>
      </c>
      <c r="U9" s="388">
        <v>2082815354</v>
      </c>
      <c r="V9" s="388">
        <v>2128443483</v>
      </c>
      <c r="W9" s="393">
        <v>9710710854</v>
      </c>
      <c r="X9" s="392">
        <v>10024137115</v>
      </c>
      <c r="Y9" s="387">
        <v>0</v>
      </c>
      <c r="Z9" s="388">
        <v>0</v>
      </c>
      <c r="AA9" s="393">
        <v>0</v>
      </c>
      <c r="AB9" s="394">
        <v>0</v>
      </c>
      <c r="AC9" s="395">
        <v>708873175</v>
      </c>
      <c r="AD9" s="395">
        <v>1107932333</v>
      </c>
      <c r="AE9" s="395">
        <v>1051260356</v>
      </c>
      <c r="AF9" s="395">
        <v>1222581562</v>
      </c>
      <c r="AG9" s="395">
        <v>1244848047</v>
      </c>
      <c r="AH9" s="393">
        <v>5335495473</v>
      </c>
      <c r="AI9" s="392">
        <v>5335495473</v>
      </c>
      <c r="AJ9" s="396">
        <v>74725</v>
      </c>
      <c r="AK9" s="395">
        <v>873855</v>
      </c>
      <c r="AL9" s="393">
        <v>948580</v>
      </c>
      <c r="AM9" s="394">
        <v>0</v>
      </c>
      <c r="AN9" s="395">
        <v>5574674</v>
      </c>
      <c r="AO9" s="391">
        <v>25476584</v>
      </c>
      <c r="AP9" s="395">
        <v>47734466</v>
      </c>
      <c r="AQ9" s="395">
        <v>123280722</v>
      </c>
      <c r="AR9" s="395">
        <v>237892252</v>
      </c>
      <c r="AS9" s="393">
        <v>439958698</v>
      </c>
      <c r="AT9" s="392">
        <v>440907278</v>
      </c>
      <c r="AU9" s="396">
        <v>49907393</v>
      </c>
      <c r="AV9" s="395">
        <v>161591822</v>
      </c>
      <c r="AW9" s="393">
        <v>211499215</v>
      </c>
      <c r="AX9" s="394">
        <v>0</v>
      </c>
      <c r="AY9" s="395">
        <v>462767547</v>
      </c>
      <c r="AZ9" s="395">
        <v>714969301</v>
      </c>
      <c r="BA9" s="395">
        <v>463872290</v>
      </c>
      <c r="BB9" s="395">
        <v>447342222</v>
      </c>
      <c r="BC9" s="395">
        <v>426000565</v>
      </c>
      <c r="BD9" s="393">
        <v>2514951925</v>
      </c>
      <c r="BE9" s="397">
        <v>2726451140</v>
      </c>
      <c r="BF9" s="396">
        <v>6030218</v>
      </c>
      <c r="BG9" s="391">
        <v>23078071</v>
      </c>
      <c r="BH9" s="398">
        <v>29108289</v>
      </c>
      <c r="BI9" s="394">
        <v>0</v>
      </c>
      <c r="BJ9" s="395">
        <v>38340338</v>
      </c>
      <c r="BK9" s="395">
        <v>64792672</v>
      </c>
      <c r="BL9" s="395">
        <v>39903203</v>
      </c>
      <c r="BM9" s="395">
        <v>38176315</v>
      </c>
      <c r="BN9" s="395">
        <v>22276108</v>
      </c>
      <c r="BO9" s="393">
        <v>203488636</v>
      </c>
      <c r="BP9" s="392">
        <v>232596925</v>
      </c>
      <c r="BQ9" s="396">
        <v>31789535</v>
      </c>
      <c r="BR9" s="395">
        <v>40080642</v>
      </c>
      <c r="BS9" s="393">
        <v>71870177</v>
      </c>
      <c r="BT9" s="394">
        <v>0</v>
      </c>
      <c r="BU9" s="395">
        <v>234207900</v>
      </c>
      <c r="BV9" s="395">
        <v>280246464</v>
      </c>
      <c r="BW9" s="395">
        <v>253500714</v>
      </c>
      <c r="BX9" s="395">
        <v>251434533</v>
      </c>
      <c r="BY9" s="395">
        <v>197426511</v>
      </c>
      <c r="BZ9" s="393">
        <v>1216816122</v>
      </c>
      <c r="CA9" s="392">
        <v>1288686299</v>
      </c>
      <c r="CB9" s="396">
        <v>34388202</v>
      </c>
      <c r="CC9" s="395">
        <v>101585623</v>
      </c>
      <c r="CD9" s="393">
        <v>135973825</v>
      </c>
      <c r="CE9" s="394">
        <v>0</v>
      </c>
      <c r="CF9" s="395">
        <v>1347544720</v>
      </c>
      <c r="CG9" s="395">
        <v>1740861915</v>
      </c>
      <c r="CH9" s="399">
        <v>1256018008</v>
      </c>
      <c r="CI9" s="395">
        <v>857610285</v>
      </c>
      <c r="CJ9" s="395">
        <v>435847788</v>
      </c>
      <c r="CK9" s="393">
        <v>5637882716</v>
      </c>
      <c r="CL9" s="392">
        <v>5773856541</v>
      </c>
      <c r="CM9" s="387">
        <v>7392</v>
      </c>
      <c r="CN9" s="388">
        <v>0</v>
      </c>
      <c r="CO9" s="393">
        <v>7392</v>
      </c>
      <c r="CP9" s="394">
        <v>0</v>
      </c>
      <c r="CQ9" s="395">
        <v>1144149129</v>
      </c>
      <c r="CR9" s="395">
        <v>1356304646</v>
      </c>
      <c r="CS9" s="395">
        <v>983922647</v>
      </c>
      <c r="CT9" s="395">
        <v>655751249</v>
      </c>
      <c r="CU9" s="395">
        <v>354232361</v>
      </c>
      <c r="CV9" s="400">
        <v>4494360032</v>
      </c>
      <c r="CW9" s="392">
        <v>4494367424</v>
      </c>
      <c r="CX9" s="396">
        <v>34380810</v>
      </c>
      <c r="CY9" s="395">
        <v>101585623</v>
      </c>
      <c r="CZ9" s="393">
        <v>135966433</v>
      </c>
      <c r="DA9" s="394">
        <v>0</v>
      </c>
      <c r="DB9" s="395">
        <v>203395591</v>
      </c>
      <c r="DC9" s="395">
        <v>384557269</v>
      </c>
      <c r="DD9" s="395">
        <v>272095361</v>
      </c>
      <c r="DE9" s="395">
        <v>201859036</v>
      </c>
      <c r="DF9" s="395">
        <v>81615427</v>
      </c>
      <c r="DG9" s="393">
        <v>1143522684</v>
      </c>
      <c r="DH9" s="392">
        <v>1279489117</v>
      </c>
      <c r="DI9" s="396">
        <v>1497609</v>
      </c>
      <c r="DJ9" s="395">
        <v>8703810</v>
      </c>
      <c r="DK9" s="398">
        <v>10201419</v>
      </c>
      <c r="DL9" s="394">
        <v>0</v>
      </c>
      <c r="DM9" s="395">
        <v>121450792</v>
      </c>
      <c r="DN9" s="395">
        <v>269710350</v>
      </c>
      <c r="DO9" s="395">
        <v>497381943</v>
      </c>
      <c r="DP9" s="395">
        <v>421372071</v>
      </c>
      <c r="DQ9" s="395">
        <v>231224315</v>
      </c>
      <c r="DR9" s="401">
        <v>1541139471</v>
      </c>
      <c r="DS9" s="392">
        <v>1551340890</v>
      </c>
      <c r="DT9" s="396">
        <v>1466791</v>
      </c>
      <c r="DU9" s="395">
        <v>7970367</v>
      </c>
      <c r="DV9" s="393">
        <v>9437158</v>
      </c>
      <c r="DW9" s="394">
        <v>0</v>
      </c>
      <c r="DX9" s="395">
        <v>109269155</v>
      </c>
      <c r="DY9" s="395">
        <v>242581394</v>
      </c>
      <c r="DZ9" s="395">
        <v>453068851</v>
      </c>
      <c r="EA9" s="395">
        <v>381897900</v>
      </c>
      <c r="EB9" s="395">
        <v>204996992</v>
      </c>
      <c r="EC9" s="393">
        <v>1391814292</v>
      </c>
      <c r="ED9" s="392">
        <v>1401251450</v>
      </c>
      <c r="EE9" s="396">
        <v>30818</v>
      </c>
      <c r="EF9" s="391">
        <v>733443</v>
      </c>
      <c r="EG9" s="393">
        <v>764261</v>
      </c>
      <c r="EH9" s="397">
        <v>0</v>
      </c>
      <c r="EI9" s="395">
        <v>12171664</v>
      </c>
      <c r="EJ9" s="395">
        <v>27128956</v>
      </c>
      <c r="EK9" s="395">
        <v>44267663</v>
      </c>
      <c r="EL9" s="395">
        <v>39474171</v>
      </c>
      <c r="EM9" s="399">
        <v>26227323</v>
      </c>
      <c r="EN9" s="391">
        <v>149269777</v>
      </c>
      <c r="EO9" s="392">
        <v>150034038</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9973</v>
      </c>
      <c r="FF9" s="395">
        <v>0</v>
      </c>
      <c r="FG9" s="395">
        <v>45429</v>
      </c>
      <c r="FH9" s="395">
        <v>0</v>
      </c>
      <c r="FI9" s="395">
        <v>0</v>
      </c>
      <c r="FJ9" s="400">
        <v>55402</v>
      </c>
      <c r="FK9" s="392">
        <v>55402</v>
      </c>
      <c r="FL9" s="396">
        <v>88825990</v>
      </c>
      <c r="FM9" s="395">
        <v>181310946</v>
      </c>
      <c r="FN9" s="393">
        <v>270136936</v>
      </c>
      <c r="FO9" s="394">
        <v>0</v>
      </c>
      <c r="FP9" s="395">
        <v>247408274</v>
      </c>
      <c r="FQ9" s="395">
        <v>613856586</v>
      </c>
      <c r="FR9" s="395">
        <v>439418460</v>
      </c>
      <c r="FS9" s="395">
        <v>409233137</v>
      </c>
      <c r="FT9" s="395">
        <v>304397039</v>
      </c>
      <c r="FU9" s="393">
        <v>2014313496</v>
      </c>
      <c r="FV9" s="392">
        <v>2284450432</v>
      </c>
      <c r="FW9" s="396">
        <v>50266023</v>
      </c>
      <c r="FX9" s="395">
        <v>138250758</v>
      </c>
      <c r="FY9" s="391">
        <v>188516781</v>
      </c>
      <c r="FZ9" s="397">
        <v>0</v>
      </c>
      <c r="GA9" s="395">
        <v>195083667</v>
      </c>
      <c r="GB9" s="403">
        <v>569866949</v>
      </c>
      <c r="GC9" s="395">
        <v>409133812</v>
      </c>
      <c r="GD9" s="403">
        <v>383696057</v>
      </c>
      <c r="GE9" s="395">
        <v>293364133</v>
      </c>
      <c r="GF9" s="400">
        <v>1851144618</v>
      </c>
      <c r="GG9" s="404">
        <v>2039661399</v>
      </c>
      <c r="GH9" s="405">
        <v>4830805</v>
      </c>
      <c r="GI9" s="395">
        <v>8218519</v>
      </c>
      <c r="GJ9" s="403">
        <v>13049324</v>
      </c>
      <c r="GK9" s="390">
        <v>0</v>
      </c>
      <c r="GL9" s="395">
        <v>11695580</v>
      </c>
      <c r="GM9" s="391">
        <v>14122188</v>
      </c>
      <c r="GN9" s="395">
        <v>10542552</v>
      </c>
      <c r="GO9" s="391">
        <v>10384205</v>
      </c>
      <c r="GP9" s="395">
        <v>4417723</v>
      </c>
      <c r="GQ9" s="401">
        <v>51162248</v>
      </c>
      <c r="GR9" s="392">
        <v>64211572</v>
      </c>
      <c r="GS9" s="391">
        <v>33729162</v>
      </c>
      <c r="GT9" s="395">
        <v>34841669</v>
      </c>
      <c r="GU9" s="393">
        <v>68570831</v>
      </c>
      <c r="GV9" s="391">
        <v>0</v>
      </c>
      <c r="GW9" s="395">
        <v>40629027</v>
      </c>
      <c r="GX9" s="391">
        <v>29867449</v>
      </c>
      <c r="GY9" s="395">
        <v>19742096</v>
      </c>
      <c r="GZ9" s="391">
        <v>15152875</v>
      </c>
      <c r="HA9" s="395">
        <v>6615183</v>
      </c>
      <c r="HB9" s="391">
        <v>112006630</v>
      </c>
      <c r="HC9" s="392">
        <v>180577461</v>
      </c>
      <c r="HD9" s="391">
        <v>100373988</v>
      </c>
      <c r="HE9" s="395">
        <v>128146654</v>
      </c>
      <c r="HF9" s="391">
        <v>228520642</v>
      </c>
      <c r="HG9" s="397">
        <v>0</v>
      </c>
      <c r="HH9" s="395">
        <v>1014017271</v>
      </c>
      <c r="HI9" s="403">
        <v>1015290634</v>
      </c>
      <c r="HJ9" s="395">
        <v>978595046</v>
      </c>
      <c r="HK9" s="403">
        <v>1221862941</v>
      </c>
      <c r="HL9" s="395">
        <v>787455572</v>
      </c>
      <c r="HM9" s="400">
        <v>5017221464</v>
      </c>
      <c r="HN9" s="391">
        <v>5245742106</v>
      </c>
      <c r="HO9" s="405">
        <v>67995148</v>
      </c>
      <c r="HP9" s="395">
        <v>132838580</v>
      </c>
      <c r="HQ9" s="400">
        <v>200833728</v>
      </c>
      <c r="HR9" s="391">
        <v>0</v>
      </c>
      <c r="HS9" s="395">
        <v>833865867</v>
      </c>
      <c r="HT9" s="391">
        <v>880894856</v>
      </c>
      <c r="HU9" s="395">
        <v>579266418</v>
      </c>
      <c r="HV9" s="391">
        <v>411239189</v>
      </c>
      <c r="HW9" s="395">
        <v>251263155</v>
      </c>
      <c r="HX9" s="391">
        <v>2956529485</v>
      </c>
      <c r="HY9" s="392">
        <v>3157363213</v>
      </c>
      <c r="HZ9" s="406">
        <v>8999485</v>
      </c>
      <c r="IA9" s="407">
        <v>33368549</v>
      </c>
      <c r="IB9" s="408">
        <v>42368034</v>
      </c>
      <c r="IC9" s="409">
        <v>0</v>
      </c>
      <c r="ID9" s="407">
        <v>1596488234</v>
      </c>
      <c r="IE9" s="410">
        <v>2094311870</v>
      </c>
      <c r="IF9" s="411">
        <v>2200933991</v>
      </c>
      <c r="IG9" s="407">
        <v>1650122686</v>
      </c>
      <c r="IH9" s="411">
        <v>1218505438</v>
      </c>
      <c r="II9" s="412">
        <v>8760362219</v>
      </c>
      <c r="IJ9" s="413">
        <v>8802730253</v>
      </c>
      <c r="IK9" s="414">
        <v>0</v>
      </c>
      <c r="IL9" s="415">
        <v>0</v>
      </c>
      <c r="IM9" s="416">
        <v>0</v>
      </c>
      <c r="IN9" s="417"/>
      <c r="IO9" s="418">
        <v>25120286</v>
      </c>
      <c r="IP9" s="418">
        <v>45917129</v>
      </c>
      <c r="IQ9" s="418">
        <v>66702620</v>
      </c>
      <c r="IR9" s="418">
        <v>94536666</v>
      </c>
      <c r="IS9" s="418">
        <v>101205300</v>
      </c>
      <c r="IT9" s="419">
        <v>333482001</v>
      </c>
      <c r="IU9" s="420">
        <v>333482001</v>
      </c>
      <c r="IV9" s="421">
        <v>0</v>
      </c>
      <c r="IW9" s="418">
        <v>0</v>
      </c>
      <c r="IX9" s="422">
        <v>0</v>
      </c>
      <c r="IY9" s="423"/>
      <c r="IZ9" s="418">
        <v>3792541</v>
      </c>
      <c r="JA9" s="418">
        <v>10948165</v>
      </c>
      <c r="JB9" s="418">
        <v>11281079</v>
      </c>
      <c r="JC9" s="418">
        <v>14999209</v>
      </c>
      <c r="JD9" s="418">
        <v>18410865</v>
      </c>
      <c r="JE9" s="422">
        <v>59431859</v>
      </c>
      <c r="JF9" s="424">
        <v>59431859</v>
      </c>
      <c r="JG9" s="421">
        <v>0</v>
      </c>
      <c r="JH9" s="418">
        <v>0</v>
      </c>
      <c r="JI9" s="419">
        <v>0</v>
      </c>
      <c r="JJ9" s="425">
        <v>0</v>
      </c>
      <c r="JK9" s="418">
        <v>596579363</v>
      </c>
      <c r="JL9" s="418">
        <v>698719686</v>
      </c>
      <c r="JM9" s="418">
        <v>530649867</v>
      </c>
      <c r="JN9" s="418">
        <v>328358735</v>
      </c>
      <c r="JO9" s="418">
        <v>176461419</v>
      </c>
      <c r="JP9" s="422">
        <v>2330769070</v>
      </c>
      <c r="JQ9" s="420">
        <v>2330769070</v>
      </c>
      <c r="JR9" s="421">
        <v>329929</v>
      </c>
      <c r="JS9" s="418">
        <v>327120</v>
      </c>
      <c r="JT9" s="419">
        <v>657049</v>
      </c>
      <c r="JU9" s="425">
        <v>0</v>
      </c>
      <c r="JV9" s="418">
        <v>68895248</v>
      </c>
      <c r="JW9" s="418">
        <v>99651150</v>
      </c>
      <c r="JX9" s="418">
        <v>143240962</v>
      </c>
      <c r="JY9" s="418">
        <v>81455373</v>
      </c>
      <c r="JZ9" s="418">
        <v>75775541</v>
      </c>
      <c r="KA9" s="422">
        <v>469018274</v>
      </c>
      <c r="KB9" s="420">
        <v>469675323</v>
      </c>
      <c r="KC9" s="426">
        <v>8669556</v>
      </c>
      <c r="KD9" s="427">
        <v>24126648</v>
      </c>
      <c r="KE9" s="422">
        <v>32796204</v>
      </c>
      <c r="KF9" s="425">
        <v>0</v>
      </c>
      <c r="KG9" s="418">
        <v>182925319</v>
      </c>
      <c r="KH9" s="418">
        <v>294194808</v>
      </c>
      <c r="KI9" s="418">
        <v>346580647</v>
      </c>
      <c r="KJ9" s="418">
        <v>275491367</v>
      </c>
      <c r="KK9" s="418">
        <v>151160017</v>
      </c>
      <c r="KL9" s="422">
        <v>1250352158</v>
      </c>
      <c r="KM9" s="428">
        <v>1283148362</v>
      </c>
      <c r="KN9" s="414">
        <v>0</v>
      </c>
      <c r="KO9" s="415">
        <v>8914781</v>
      </c>
      <c r="KP9" s="416">
        <v>8914781</v>
      </c>
      <c r="KQ9" s="417"/>
      <c r="KR9" s="418">
        <v>681007132</v>
      </c>
      <c r="KS9" s="418">
        <v>870469549</v>
      </c>
      <c r="KT9" s="418">
        <v>951396514</v>
      </c>
      <c r="KU9" s="418">
        <v>639749875</v>
      </c>
      <c r="KV9" s="418">
        <v>466577864</v>
      </c>
      <c r="KW9" s="422">
        <v>3609200934</v>
      </c>
      <c r="KX9" s="420">
        <v>3618115715</v>
      </c>
      <c r="KY9" s="421">
        <v>0</v>
      </c>
      <c r="KZ9" s="418">
        <v>0</v>
      </c>
      <c r="LA9" s="422">
        <v>0</v>
      </c>
      <c r="LB9" s="429"/>
      <c r="LC9" s="418">
        <v>5618164</v>
      </c>
      <c r="LD9" s="418">
        <v>9886045</v>
      </c>
      <c r="LE9" s="418">
        <v>11840039</v>
      </c>
      <c r="LF9" s="418">
        <v>16452288</v>
      </c>
      <c r="LG9" s="418">
        <v>12523430</v>
      </c>
      <c r="LH9" s="422">
        <v>56319966</v>
      </c>
      <c r="LI9" s="424">
        <v>56319966</v>
      </c>
      <c r="LJ9" s="421">
        <v>0</v>
      </c>
      <c r="LK9" s="418">
        <v>0</v>
      </c>
      <c r="LL9" s="422">
        <v>0</v>
      </c>
      <c r="LM9" s="429"/>
      <c r="LN9" s="418">
        <v>2064583</v>
      </c>
      <c r="LO9" s="418">
        <v>8559680</v>
      </c>
      <c r="LP9" s="418">
        <v>65735320</v>
      </c>
      <c r="LQ9" s="418">
        <v>94690317</v>
      </c>
      <c r="LR9" s="418">
        <v>66904494</v>
      </c>
      <c r="LS9" s="422">
        <v>237954394</v>
      </c>
      <c r="LT9" s="420">
        <v>237954394</v>
      </c>
      <c r="LU9" s="421">
        <v>0</v>
      </c>
      <c r="LV9" s="418">
        <v>0</v>
      </c>
      <c r="LW9" s="422">
        <v>0</v>
      </c>
      <c r="LX9" s="429"/>
      <c r="LY9" s="418">
        <v>30485598</v>
      </c>
      <c r="LZ9" s="418">
        <v>55965658</v>
      </c>
      <c r="MA9" s="418">
        <v>73506943</v>
      </c>
      <c r="MB9" s="418">
        <v>104388856</v>
      </c>
      <c r="MC9" s="418">
        <v>149486508</v>
      </c>
      <c r="MD9" s="422">
        <v>413833563</v>
      </c>
      <c r="ME9" s="424">
        <v>413833563</v>
      </c>
      <c r="MF9" s="421">
        <v>0</v>
      </c>
      <c r="MG9" s="418">
        <v>0</v>
      </c>
      <c r="MH9" s="422">
        <v>0</v>
      </c>
      <c r="MI9" s="429"/>
      <c r="MJ9" s="418">
        <v>556610120</v>
      </c>
      <c r="MK9" s="418">
        <v>1324801039</v>
      </c>
      <c r="ML9" s="418">
        <v>3979363538</v>
      </c>
      <c r="MM9" s="418">
        <v>5944324873</v>
      </c>
      <c r="MN9" s="418">
        <v>4290331379</v>
      </c>
      <c r="MO9" s="422">
        <v>16095430949</v>
      </c>
      <c r="MP9" s="428">
        <v>16095430949</v>
      </c>
      <c r="MQ9" s="421">
        <v>0</v>
      </c>
      <c r="MR9" s="418">
        <v>0</v>
      </c>
      <c r="MS9" s="422">
        <v>0</v>
      </c>
      <c r="MT9" s="429"/>
      <c r="MU9" s="418">
        <v>96980079</v>
      </c>
      <c r="MV9" s="418">
        <v>359721573</v>
      </c>
      <c r="MW9" s="418">
        <v>2532355984</v>
      </c>
      <c r="MX9" s="418">
        <v>4009554213</v>
      </c>
      <c r="MY9" s="418">
        <v>3076869029</v>
      </c>
      <c r="MZ9" s="422">
        <v>10075480878</v>
      </c>
      <c r="NA9" s="428">
        <v>10075480878</v>
      </c>
      <c r="NB9" s="421">
        <v>0</v>
      </c>
      <c r="NC9" s="418">
        <v>0</v>
      </c>
      <c r="ND9" s="422">
        <v>0</v>
      </c>
      <c r="NE9" s="429"/>
      <c r="NF9" s="418">
        <v>456344795</v>
      </c>
      <c r="NG9" s="418">
        <v>958112395</v>
      </c>
      <c r="NH9" s="418">
        <v>1425321191</v>
      </c>
      <c r="NI9" s="418">
        <v>1770719304</v>
      </c>
      <c r="NJ9" s="418">
        <v>958747516</v>
      </c>
      <c r="NK9" s="422">
        <v>5569245201</v>
      </c>
      <c r="NL9" s="420">
        <v>5569245201</v>
      </c>
      <c r="NM9" s="421">
        <v>0</v>
      </c>
      <c r="NN9" s="418">
        <v>0</v>
      </c>
      <c r="NO9" s="422">
        <v>0</v>
      </c>
      <c r="NP9" s="429"/>
      <c r="NQ9" s="418">
        <v>0</v>
      </c>
      <c r="NR9" s="418">
        <v>18136</v>
      </c>
      <c r="NS9" s="418">
        <v>4888365</v>
      </c>
      <c r="NT9" s="418">
        <v>48802061</v>
      </c>
      <c r="NU9" s="418">
        <v>90318190</v>
      </c>
      <c r="NV9" s="422">
        <v>144026752</v>
      </c>
      <c r="NW9" s="424">
        <v>144026752</v>
      </c>
      <c r="NX9" s="421">
        <v>0</v>
      </c>
      <c r="NY9" s="418">
        <v>0</v>
      </c>
      <c r="NZ9" s="422">
        <v>0</v>
      </c>
      <c r="OA9" s="429"/>
      <c r="OB9" s="418">
        <v>3285246</v>
      </c>
      <c r="OC9" s="418">
        <v>6948935</v>
      </c>
      <c r="OD9" s="418">
        <v>16797998</v>
      </c>
      <c r="OE9" s="418">
        <v>115249295</v>
      </c>
      <c r="OF9" s="418">
        <v>164396644</v>
      </c>
      <c r="OG9" s="422">
        <v>306678118</v>
      </c>
      <c r="OH9" s="424">
        <v>306678118</v>
      </c>
      <c r="OI9" s="421">
        <v>389882293</v>
      </c>
      <c r="OJ9" s="418">
        <v>811578552</v>
      </c>
      <c r="OK9" s="419">
        <v>1201460845</v>
      </c>
      <c r="OL9" s="425">
        <v>0</v>
      </c>
      <c r="OM9" s="418">
        <v>7167148912</v>
      </c>
      <c r="ON9" s="418">
        <v>10133144604</v>
      </c>
      <c r="OO9" s="418">
        <v>11787248433</v>
      </c>
      <c r="OP9" s="418">
        <v>12998580536</v>
      </c>
      <c r="OQ9" s="418">
        <v>9647468169</v>
      </c>
      <c r="OR9" s="422">
        <v>51733590654</v>
      </c>
      <c r="OS9" s="428">
        <v>52935051499</v>
      </c>
    </row>
    <row r="10" spans="1:409" s="430" customFormat="1" ht="18.75" customHeight="1" x14ac:dyDescent="0.2">
      <c r="A10" s="44"/>
      <c r="B10" s="431" t="s">
        <v>5</v>
      </c>
      <c r="C10" s="432">
        <v>153641490</v>
      </c>
      <c r="D10" s="433">
        <v>359186004</v>
      </c>
      <c r="E10" s="434">
        <v>512827494</v>
      </c>
      <c r="F10" s="435">
        <v>0</v>
      </c>
      <c r="G10" s="433">
        <v>1767174435</v>
      </c>
      <c r="H10" s="433">
        <v>3050769724</v>
      </c>
      <c r="I10" s="433">
        <v>2319163972</v>
      </c>
      <c r="J10" s="433">
        <v>2176461658</v>
      </c>
      <c r="K10" s="433">
        <v>1671331324</v>
      </c>
      <c r="L10" s="435">
        <v>10984901113</v>
      </c>
      <c r="M10" s="436">
        <v>11497728607</v>
      </c>
      <c r="N10" s="432">
        <v>38597357</v>
      </c>
      <c r="O10" s="433">
        <v>117616175</v>
      </c>
      <c r="P10" s="434">
        <v>156213532</v>
      </c>
      <c r="Q10" s="432">
        <v>0</v>
      </c>
      <c r="R10" s="433">
        <v>532433651</v>
      </c>
      <c r="S10" s="433">
        <v>1046120559</v>
      </c>
      <c r="T10" s="433">
        <v>782508922</v>
      </c>
      <c r="U10" s="433">
        <v>821128192</v>
      </c>
      <c r="V10" s="433">
        <v>861699629</v>
      </c>
      <c r="W10" s="434">
        <v>4043890953</v>
      </c>
      <c r="X10" s="436">
        <v>4200104485</v>
      </c>
      <c r="Y10" s="432">
        <v>0</v>
      </c>
      <c r="Z10" s="433">
        <v>0</v>
      </c>
      <c r="AA10" s="434">
        <v>0</v>
      </c>
      <c r="AB10" s="432">
        <v>0</v>
      </c>
      <c r="AC10" s="433">
        <v>253835689</v>
      </c>
      <c r="AD10" s="433">
        <v>504891225</v>
      </c>
      <c r="AE10" s="433">
        <v>414279199</v>
      </c>
      <c r="AF10" s="433">
        <v>441655451</v>
      </c>
      <c r="AG10" s="433">
        <v>474228901</v>
      </c>
      <c r="AH10" s="434">
        <v>2088890465</v>
      </c>
      <c r="AI10" s="436">
        <v>2088890465</v>
      </c>
      <c r="AJ10" s="432">
        <v>30131</v>
      </c>
      <c r="AK10" s="433">
        <v>262120</v>
      </c>
      <c r="AL10" s="434">
        <v>292251</v>
      </c>
      <c r="AM10" s="432">
        <v>0</v>
      </c>
      <c r="AN10" s="433">
        <v>1554218</v>
      </c>
      <c r="AO10" s="433">
        <v>10436876</v>
      </c>
      <c r="AP10" s="433">
        <v>17740169</v>
      </c>
      <c r="AQ10" s="433">
        <v>50884335</v>
      </c>
      <c r="AR10" s="433">
        <v>105406840</v>
      </c>
      <c r="AS10" s="434">
        <v>186022438</v>
      </c>
      <c r="AT10" s="436">
        <v>186314689</v>
      </c>
      <c r="AU10" s="432">
        <v>22813934</v>
      </c>
      <c r="AV10" s="433">
        <v>85462274</v>
      </c>
      <c r="AW10" s="434">
        <v>108276208</v>
      </c>
      <c r="AX10" s="432">
        <v>0</v>
      </c>
      <c r="AY10" s="433">
        <v>177296099</v>
      </c>
      <c r="AZ10" s="433">
        <v>378251382</v>
      </c>
      <c r="BA10" s="433">
        <v>228494601</v>
      </c>
      <c r="BB10" s="433">
        <v>210163175</v>
      </c>
      <c r="BC10" s="433">
        <v>192178646</v>
      </c>
      <c r="BD10" s="434">
        <v>1186383903</v>
      </c>
      <c r="BE10" s="436">
        <v>1294660111</v>
      </c>
      <c r="BF10" s="432">
        <v>2493399</v>
      </c>
      <c r="BG10" s="433">
        <v>12127516</v>
      </c>
      <c r="BH10" s="437">
        <v>14620915</v>
      </c>
      <c r="BI10" s="438">
        <v>0</v>
      </c>
      <c r="BJ10" s="433">
        <v>9619768</v>
      </c>
      <c r="BK10" s="433">
        <v>27492446</v>
      </c>
      <c r="BL10" s="433">
        <v>15707792</v>
      </c>
      <c r="BM10" s="433">
        <v>15347910</v>
      </c>
      <c r="BN10" s="433">
        <v>8209418</v>
      </c>
      <c r="BO10" s="434">
        <v>76377334</v>
      </c>
      <c r="BP10" s="436">
        <v>90998249</v>
      </c>
      <c r="BQ10" s="432">
        <v>13259893</v>
      </c>
      <c r="BR10" s="433">
        <v>19764265</v>
      </c>
      <c r="BS10" s="434">
        <v>33024158</v>
      </c>
      <c r="BT10" s="432">
        <v>0</v>
      </c>
      <c r="BU10" s="433">
        <v>90127877</v>
      </c>
      <c r="BV10" s="433">
        <v>125048630</v>
      </c>
      <c r="BW10" s="433">
        <v>106287161</v>
      </c>
      <c r="BX10" s="433">
        <v>103077321</v>
      </c>
      <c r="BY10" s="433">
        <v>81675824</v>
      </c>
      <c r="BZ10" s="434">
        <v>506216813</v>
      </c>
      <c r="CA10" s="436">
        <v>539240971</v>
      </c>
      <c r="CB10" s="432">
        <v>14709464</v>
      </c>
      <c r="CC10" s="433">
        <v>45067497</v>
      </c>
      <c r="CD10" s="434">
        <v>59776961</v>
      </c>
      <c r="CE10" s="432">
        <v>0</v>
      </c>
      <c r="CF10" s="433">
        <v>428872766</v>
      </c>
      <c r="CG10" s="433">
        <v>729489703</v>
      </c>
      <c r="CH10" s="433">
        <v>478017975</v>
      </c>
      <c r="CI10" s="433">
        <v>311284851</v>
      </c>
      <c r="CJ10" s="433">
        <v>158525629</v>
      </c>
      <c r="CK10" s="434">
        <v>2106190924</v>
      </c>
      <c r="CL10" s="436">
        <v>2165967885</v>
      </c>
      <c r="CM10" s="432">
        <v>7392</v>
      </c>
      <c r="CN10" s="433">
        <v>0</v>
      </c>
      <c r="CO10" s="434">
        <v>7392</v>
      </c>
      <c r="CP10" s="438">
        <v>0</v>
      </c>
      <c r="CQ10" s="433">
        <v>369871887</v>
      </c>
      <c r="CR10" s="433">
        <v>550354039</v>
      </c>
      <c r="CS10" s="433">
        <v>357350017</v>
      </c>
      <c r="CT10" s="433">
        <v>223077019</v>
      </c>
      <c r="CU10" s="433">
        <v>121084577</v>
      </c>
      <c r="CV10" s="434">
        <v>1621737539</v>
      </c>
      <c r="CW10" s="436">
        <v>1621744931</v>
      </c>
      <c r="CX10" s="432">
        <v>14702072</v>
      </c>
      <c r="CY10" s="433">
        <v>45067497</v>
      </c>
      <c r="CZ10" s="434">
        <v>59769569</v>
      </c>
      <c r="DA10" s="432">
        <v>0</v>
      </c>
      <c r="DB10" s="433">
        <v>59000879</v>
      </c>
      <c r="DC10" s="433">
        <v>179135664</v>
      </c>
      <c r="DD10" s="433">
        <v>120667958</v>
      </c>
      <c r="DE10" s="433">
        <v>88207832</v>
      </c>
      <c r="DF10" s="433">
        <v>37441052</v>
      </c>
      <c r="DG10" s="434">
        <v>484453385</v>
      </c>
      <c r="DH10" s="436">
        <v>544222954</v>
      </c>
      <c r="DI10" s="432">
        <v>603729</v>
      </c>
      <c r="DJ10" s="433">
        <v>4095017</v>
      </c>
      <c r="DK10" s="437">
        <v>4698746</v>
      </c>
      <c r="DL10" s="438">
        <v>0</v>
      </c>
      <c r="DM10" s="433">
        <v>40444718</v>
      </c>
      <c r="DN10" s="433">
        <v>115092862</v>
      </c>
      <c r="DO10" s="433">
        <v>202470215</v>
      </c>
      <c r="DP10" s="433">
        <v>167549581</v>
      </c>
      <c r="DQ10" s="433">
        <v>91160979</v>
      </c>
      <c r="DR10" s="434">
        <v>616718355</v>
      </c>
      <c r="DS10" s="436">
        <v>621417101</v>
      </c>
      <c r="DT10" s="432">
        <v>603729</v>
      </c>
      <c r="DU10" s="433">
        <v>3526948</v>
      </c>
      <c r="DV10" s="434">
        <v>4130677</v>
      </c>
      <c r="DW10" s="432">
        <v>0</v>
      </c>
      <c r="DX10" s="433">
        <v>33238892</v>
      </c>
      <c r="DY10" s="433">
        <v>98786069</v>
      </c>
      <c r="DZ10" s="433">
        <v>174943676</v>
      </c>
      <c r="EA10" s="433">
        <v>144579452</v>
      </c>
      <c r="EB10" s="433">
        <v>75943680</v>
      </c>
      <c r="EC10" s="434">
        <v>527491769</v>
      </c>
      <c r="ED10" s="436">
        <v>531622446</v>
      </c>
      <c r="EE10" s="432">
        <v>0</v>
      </c>
      <c r="EF10" s="437">
        <v>568069</v>
      </c>
      <c r="EG10" s="434">
        <v>568069</v>
      </c>
      <c r="EH10" s="432">
        <v>0</v>
      </c>
      <c r="EI10" s="433">
        <v>7205826</v>
      </c>
      <c r="EJ10" s="433">
        <v>16306793</v>
      </c>
      <c r="EK10" s="433">
        <v>27481110</v>
      </c>
      <c r="EL10" s="433">
        <v>22970129</v>
      </c>
      <c r="EM10" s="433">
        <v>15217299</v>
      </c>
      <c r="EN10" s="437">
        <v>89181157</v>
      </c>
      <c r="EO10" s="436">
        <v>89749226</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45429</v>
      </c>
      <c r="FH10" s="433">
        <v>0</v>
      </c>
      <c r="FI10" s="433">
        <v>0</v>
      </c>
      <c r="FJ10" s="434">
        <v>45429</v>
      </c>
      <c r="FK10" s="436">
        <v>45429</v>
      </c>
      <c r="FL10" s="432">
        <v>31891997</v>
      </c>
      <c r="FM10" s="433">
        <v>78120131</v>
      </c>
      <c r="FN10" s="434">
        <v>110012128</v>
      </c>
      <c r="FO10" s="432">
        <v>0</v>
      </c>
      <c r="FP10" s="433">
        <v>68172431</v>
      </c>
      <c r="FQ10" s="433">
        <v>265780303</v>
      </c>
      <c r="FR10" s="433">
        <v>176661078</v>
      </c>
      <c r="FS10" s="433">
        <v>158615307</v>
      </c>
      <c r="FT10" s="433">
        <v>121840789</v>
      </c>
      <c r="FU10" s="434">
        <v>791069908</v>
      </c>
      <c r="FV10" s="436">
        <v>901082036</v>
      </c>
      <c r="FW10" s="440">
        <v>16195525</v>
      </c>
      <c r="FX10" s="433">
        <v>56682096</v>
      </c>
      <c r="FY10" s="437">
        <v>72877621</v>
      </c>
      <c r="FZ10" s="438">
        <v>0</v>
      </c>
      <c r="GA10" s="433">
        <v>51631605</v>
      </c>
      <c r="GB10" s="433">
        <v>247112870</v>
      </c>
      <c r="GC10" s="433">
        <v>165431094</v>
      </c>
      <c r="GD10" s="433">
        <v>147805481</v>
      </c>
      <c r="GE10" s="433">
        <v>117115333</v>
      </c>
      <c r="GF10" s="434">
        <v>729096383</v>
      </c>
      <c r="GG10" s="441">
        <v>801974004</v>
      </c>
      <c r="GH10" s="440">
        <v>1695219</v>
      </c>
      <c r="GI10" s="433">
        <v>3207392</v>
      </c>
      <c r="GJ10" s="437">
        <v>4902611</v>
      </c>
      <c r="GK10" s="438">
        <v>0</v>
      </c>
      <c r="GL10" s="433">
        <v>3265730</v>
      </c>
      <c r="GM10" s="433">
        <v>5284270</v>
      </c>
      <c r="GN10" s="433">
        <v>3801227</v>
      </c>
      <c r="GO10" s="433">
        <v>3767937</v>
      </c>
      <c r="GP10" s="433">
        <v>1711673</v>
      </c>
      <c r="GQ10" s="434">
        <v>17830837</v>
      </c>
      <c r="GR10" s="436">
        <v>22733448</v>
      </c>
      <c r="GS10" s="432">
        <v>14001253</v>
      </c>
      <c r="GT10" s="433">
        <v>18230643</v>
      </c>
      <c r="GU10" s="434">
        <v>32231896</v>
      </c>
      <c r="GV10" s="432">
        <v>0</v>
      </c>
      <c r="GW10" s="433">
        <v>13275096</v>
      </c>
      <c r="GX10" s="433">
        <v>13383163</v>
      </c>
      <c r="GY10" s="433">
        <v>7428757</v>
      </c>
      <c r="GZ10" s="433">
        <v>7041889</v>
      </c>
      <c r="HA10" s="433">
        <v>3013783</v>
      </c>
      <c r="HB10" s="437">
        <v>44142688</v>
      </c>
      <c r="HC10" s="436">
        <v>76374584</v>
      </c>
      <c r="HD10" s="432">
        <v>42424379</v>
      </c>
      <c r="HE10" s="433">
        <v>55171241</v>
      </c>
      <c r="HF10" s="437">
        <v>97595620</v>
      </c>
      <c r="HG10" s="438">
        <v>0</v>
      </c>
      <c r="HH10" s="433">
        <v>413651075</v>
      </c>
      <c r="HI10" s="433">
        <v>482749779</v>
      </c>
      <c r="HJ10" s="433">
        <v>433290425</v>
      </c>
      <c r="HK10" s="433">
        <v>547514131</v>
      </c>
      <c r="HL10" s="433">
        <v>333111370</v>
      </c>
      <c r="HM10" s="434">
        <v>2210316780</v>
      </c>
      <c r="HN10" s="435">
        <v>2307912400</v>
      </c>
      <c r="HO10" s="440">
        <v>25414564</v>
      </c>
      <c r="HP10" s="433">
        <v>59115943</v>
      </c>
      <c r="HQ10" s="434">
        <v>84530507</v>
      </c>
      <c r="HR10" s="432">
        <v>0</v>
      </c>
      <c r="HS10" s="433">
        <v>283599794</v>
      </c>
      <c r="HT10" s="433">
        <v>411536518</v>
      </c>
      <c r="HU10" s="433">
        <v>246215357</v>
      </c>
      <c r="HV10" s="433">
        <v>170369596</v>
      </c>
      <c r="HW10" s="433">
        <v>104992928</v>
      </c>
      <c r="HX10" s="437">
        <v>1216714193</v>
      </c>
      <c r="HY10" s="436">
        <v>1301244700</v>
      </c>
      <c r="HZ10" s="442">
        <v>3822545</v>
      </c>
      <c r="IA10" s="443">
        <v>13638924</v>
      </c>
      <c r="IB10" s="444">
        <v>17461469</v>
      </c>
      <c r="IC10" s="445">
        <v>0</v>
      </c>
      <c r="ID10" s="446">
        <v>627745778</v>
      </c>
      <c r="IE10" s="447">
        <v>941159795</v>
      </c>
      <c r="IF10" s="448">
        <v>937419669</v>
      </c>
      <c r="IG10" s="446">
        <v>684093713</v>
      </c>
      <c r="IH10" s="448">
        <v>539886404</v>
      </c>
      <c r="II10" s="449">
        <v>3730305359</v>
      </c>
      <c r="IJ10" s="450">
        <v>3747766828</v>
      </c>
      <c r="IK10" s="451">
        <v>0</v>
      </c>
      <c r="IL10" s="452">
        <v>0</v>
      </c>
      <c r="IM10" s="453">
        <v>0</v>
      </c>
      <c r="IN10" s="454"/>
      <c r="IO10" s="455">
        <v>10093962</v>
      </c>
      <c r="IP10" s="455">
        <v>22166313</v>
      </c>
      <c r="IQ10" s="455">
        <v>34658559</v>
      </c>
      <c r="IR10" s="455">
        <v>43213731</v>
      </c>
      <c r="IS10" s="455">
        <v>49836044</v>
      </c>
      <c r="IT10" s="456">
        <v>159968609</v>
      </c>
      <c r="IU10" s="457">
        <v>159968609</v>
      </c>
      <c r="IV10" s="458">
        <v>0</v>
      </c>
      <c r="IW10" s="455">
        <v>0</v>
      </c>
      <c r="IX10" s="459">
        <v>0</v>
      </c>
      <c r="IY10" s="460"/>
      <c r="IZ10" s="455">
        <v>1974732</v>
      </c>
      <c r="JA10" s="455">
        <v>8471840</v>
      </c>
      <c r="JB10" s="455">
        <v>8528854</v>
      </c>
      <c r="JC10" s="455">
        <v>10982924</v>
      </c>
      <c r="JD10" s="455">
        <v>14141969</v>
      </c>
      <c r="JE10" s="459">
        <v>44100319</v>
      </c>
      <c r="JF10" s="461">
        <v>44100319</v>
      </c>
      <c r="JG10" s="458">
        <v>0</v>
      </c>
      <c r="JH10" s="455">
        <v>0</v>
      </c>
      <c r="JI10" s="456">
        <v>0</v>
      </c>
      <c r="JJ10" s="462">
        <v>0</v>
      </c>
      <c r="JK10" s="455">
        <v>204853400</v>
      </c>
      <c r="JL10" s="455">
        <v>318022478</v>
      </c>
      <c r="JM10" s="455">
        <v>231642145</v>
      </c>
      <c r="JN10" s="455">
        <v>150797726</v>
      </c>
      <c r="JO10" s="455">
        <v>83853576</v>
      </c>
      <c r="JP10" s="459">
        <v>989169325</v>
      </c>
      <c r="JQ10" s="457">
        <v>989169325</v>
      </c>
      <c r="JR10" s="458">
        <v>111304</v>
      </c>
      <c r="JS10" s="455">
        <v>113596</v>
      </c>
      <c r="JT10" s="456">
        <v>224900</v>
      </c>
      <c r="JU10" s="462">
        <v>0</v>
      </c>
      <c r="JV10" s="455">
        <v>32179740</v>
      </c>
      <c r="JW10" s="455">
        <v>53977112</v>
      </c>
      <c r="JX10" s="455">
        <v>80027688</v>
      </c>
      <c r="JY10" s="455">
        <v>44033706</v>
      </c>
      <c r="JZ10" s="455">
        <v>44859148</v>
      </c>
      <c r="KA10" s="459">
        <v>255077394</v>
      </c>
      <c r="KB10" s="457">
        <v>255302294</v>
      </c>
      <c r="KC10" s="463">
        <v>3711241</v>
      </c>
      <c r="KD10" s="464">
        <v>10573252</v>
      </c>
      <c r="KE10" s="459">
        <v>14284493</v>
      </c>
      <c r="KF10" s="462">
        <v>0</v>
      </c>
      <c r="KG10" s="455">
        <v>66297089</v>
      </c>
      <c r="KH10" s="455">
        <v>125300963</v>
      </c>
      <c r="KI10" s="455">
        <v>149089797</v>
      </c>
      <c r="KJ10" s="455">
        <v>123298827</v>
      </c>
      <c r="KK10" s="455">
        <v>72367472</v>
      </c>
      <c r="KL10" s="459">
        <v>536354148</v>
      </c>
      <c r="KM10" s="465">
        <v>550638641</v>
      </c>
      <c r="KN10" s="451">
        <v>0</v>
      </c>
      <c r="KO10" s="452">
        <v>2952076</v>
      </c>
      <c r="KP10" s="453">
        <v>2952076</v>
      </c>
      <c r="KQ10" s="454"/>
      <c r="KR10" s="455">
        <v>305495140</v>
      </c>
      <c r="KS10" s="455">
        <v>396502194</v>
      </c>
      <c r="KT10" s="455">
        <v>401351788</v>
      </c>
      <c r="KU10" s="455">
        <v>270146807</v>
      </c>
      <c r="KV10" s="455">
        <v>209272243</v>
      </c>
      <c r="KW10" s="459">
        <v>1582768172</v>
      </c>
      <c r="KX10" s="457">
        <v>1585720248</v>
      </c>
      <c r="KY10" s="458">
        <v>0</v>
      </c>
      <c r="KZ10" s="455">
        <v>0</v>
      </c>
      <c r="LA10" s="459">
        <v>0</v>
      </c>
      <c r="LB10" s="466"/>
      <c r="LC10" s="455">
        <v>350800</v>
      </c>
      <c r="LD10" s="455">
        <v>197079</v>
      </c>
      <c r="LE10" s="455">
        <v>659199</v>
      </c>
      <c r="LF10" s="455">
        <v>240765</v>
      </c>
      <c r="LG10" s="455">
        <v>1315500</v>
      </c>
      <c r="LH10" s="459">
        <v>2763343</v>
      </c>
      <c r="LI10" s="461">
        <v>2763343</v>
      </c>
      <c r="LJ10" s="458">
        <v>0</v>
      </c>
      <c r="LK10" s="455">
        <v>0</v>
      </c>
      <c r="LL10" s="459">
        <v>0</v>
      </c>
      <c r="LM10" s="466"/>
      <c r="LN10" s="455">
        <v>1213540</v>
      </c>
      <c r="LO10" s="455">
        <v>2631925</v>
      </c>
      <c r="LP10" s="455">
        <v>9625556</v>
      </c>
      <c r="LQ10" s="455">
        <v>12446614</v>
      </c>
      <c r="LR10" s="455">
        <v>7541983</v>
      </c>
      <c r="LS10" s="459">
        <v>33459618</v>
      </c>
      <c r="LT10" s="457">
        <v>33459618</v>
      </c>
      <c r="LU10" s="458">
        <v>0</v>
      </c>
      <c r="LV10" s="455">
        <v>0</v>
      </c>
      <c r="LW10" s="459">
        <v>0</v>
      </c>
      <c r="LX10" s="466"/>
      <c r="LY10" s="455">
        <v>5287375</v>
      </c>
      <c r="LZ10" s="455">
        <v>13889891</v>
      </c>
      <c r="MA10" s="455">
        <v>21836083</v>
      </c>
      <c r="MB10" s="455">
        <v>28932613</v>
      </c>
      <c r="MC10" s="455">
        <v>56698469</v>
      </c>
      <c r="MD10" s="459">
        <v>126644431</v>
      </c>
      <c r="ME10" s="461">
        <v>126644431</v>
      </c>
      <c r="MF10" s="458">
        <v>0</v>
      </c>
      <c r="MG10" s="455">
        <v>0</v>
      </c>
      <c r="MH10" s="459">
        <v>0</v>
      </c>
      <c r="MI10" s="466"/>
      <c r="MJ10" s="455">
        <v>226047369</v>
      </c>
      <c r="MK10" s="455">
        <v>672747608</v>
      </c>
      <c r="ML10" s="455">
        <v>1754651109</v>
      </c>
      <c r="MM10" s="455">
        <v>2562672829</v>
      </c>
      <c r="MN10" s="455">
        <v>1906220587</v>
      </c>
      <c r="MO10" s="459">
        <v>7122339502</v>
      </c>
      <c r="MP10" s="465">
        <v>7122339502</v>
      </c>
      <c r="MQ10" s="458">
        <v>0</v>
      </c>
      <c r="MR10" s="455">
        <v>0</v>
      </c>
      <c r="MS10" s="459">
        <v>0</v>
      </c>
      <c r="MT10" s="466"/>
      <c r="MU10" s="455">
        <v>52982712</v>
      </c>
      <c r="MV10" s="455">
        <v>224495695</v>
      </c>
      <c r="MW10" s="455">
        <v>1101674806</v>
      </c>
      <c r="MX10" s="455">
        <v>1699184396</v>
      </c>
      <c r="MY10" s="455">
        <v>1350995450</v>
      </c>
      <c r="MZ10" s="459">
        <v>4429333059</v>
      </c>
      <c r="NA10" s="465">
        <v>4429333059</v>
      </c>
      <c r="NB10" s="458">
        <v>0</v>
      </c>
      <c r="NC10" s="455">
        <v>0</v>
      </c>
      <c r="ND10" s="459">
        <v>0</v>
      </c>
      <c r="NE10" s="466"/>
      <c r="NF10" s="455">
        <v>172834275</v>
      </c>
      <c r="NG10" s="455">
        <v>447010838</v>
      </c>
      <c r="NH10" s="455">
        <v>648440724</v>
      </c>
      <c r="NI10" s="455">
        <v>813664467</v>
      </c>
      <c r="NJ10" s="455">
        <v>477514309</v>
      </c>
      <c r="NK10" s="459">
        <v>2559464613</v>
      </c>
      <c r="NL10" s="457">
        <v>2559464613</v>
      </c>
      <c r="NM10" s="458">
        <v>0</v>
      </c>
      <c r="NN10" s="455">
        <v>0</v>
      </c>
      <c r="NO10" s="459">
        <v>0</v>
      </c>
      <c r="NP10" s="466"/>
      <c r="NQ10" s="455">
        <v>0</v>
      </c>
      <c r="NR10" s="455">
        <v>0</v>
      </c>
      <c r="NS10" s="455">
        <v>833374</v>
      </c>
      <c r="NT10" s="455">
        <v>17815493</v>
      </c>
      <c r="NU10" s="455">
        <v>36096359</v>
      </c>
      <c r="NV10" s="459">
        <v>54745226</v>
      </c>
      <c r="NW10" s="461">
        <v>54745226</v>
      </c>
      <c r="NX10" s="458">
        <v>0</v>
      </c>
      <c r="NY10" s="455">
        <v>0</v>
      </c>
      <c r="NZ10" s="459">
        <v>0</v>
      </c>
      <c r="OA10" s="466"/>
      <c r="OB10" s="455">
        <v>230382</v>
      </c>
      <c r="OC10" s="455">
        <v>1241075</v>
      </c>
      <c r="OD10" s="455">
        <v>3702205</v>
      </c>
      <c r="OE10" s="455">
        <v>32008473</v>
      </c>
      <c r="OF10" s="455">
        <v>41614469</v>
      </c>
      <c r="OG10" s="459">
        <v>78796604</v>
      </c>
      <c r="OH10" s="461">
        <v>78796604</v>
      </c>
      <c r="OI10" s="458">
        <v>157464035</v>
      </c>
      <c r="OJ10" s="455">
        <v>372824928</v>
      </c>
      <c r="OK10" s="456">
        <v>530288963</v>
      </c>
      <c r="OL10" s="462">
        <v>0</v>
      </c>
      <c r="OM10" s="455">
        <v>2620967582</v>
      </c>
      <c r="ON10" s="455">
        <v>4664677127</v>
      </c>
      <c r="OO10" s="455">
        <v>5011234750</v>
      </c>
      <c r="OP10" s="455">
        <v>5423228200</v>
      </c>
      <c r="OQ10" s="455">
        <v>4117438315</v>
      </c>
      <c r="OR10" s="459">
        <v>21837545974</v>
      </c>
      <c r="OS10" s="465">
        <v>22367834937</v>
      </c>
    </row>
    <row r="11" spans="1:409" ht="18.75" customHeight="1" x14ac:dyDescent="0.2">
      <c r="B11" s="62" t="s">
        <v>6</v>
      </c>
      <c r="C11" s="110">
        <v>49997327</v>
      </c>
      <c r="D11" s="114">
        <v>90468855</v>
      </c>
      <c r="E11" s="113">
        <v>140466182</v>
      </c>
      <c r="F11" s="109">
        <v>0</v>
      </c>
      <c r="G11" s="114">
        <v>851952951</v>
      </c>
      <c r="H11" s="114">
        <v>889535884</v>
      </c>
      <c r="I11" s="114">
        <v>812390469</v>
      </c>
      <c r="J11" s="114">
        <v>834470646</v>
      </c>
      <c r="K11" s="114">
        <v>662190605</v>
      </c>
      <c r="L11" s="109">
        <v>4050540555</v>
      </c>
      <c r="M11" s="116">
        <v>4191006737</v>
      </c>
      <c r="N11" s="110">
        <v>13048998</v>
      </c>
      <c r="O11" s="114">
        <v>27548461</v>
      </c>
      <c r="P11" s="113">
        <v>40597459</v>
      </c>
      <c r="Q11" s="110">
        <v>0</v>
      </c>
      <c r="R11" s="114">
        <v>268147262</v>
      </c>
      <c r="S11" s="114">
        <v>312007804</v>
      </c>
      <c r="T11" s="114">
        <v>296814004</v>
      </c>
      <c r="U11" s="114">
        <v>335737006</v>
      </c>
      <c r="V11" s="114">
        <v>354602245</v>
      </c>
      <c r="W11" s="113">
        <v>1567308321</v>
      </c>
      <c r="X11" s="116">
        <v>1607905780</v>
      </c>
      <c r="Y11" s="110">
        <v>0</v>
      </c>
      <c r="Z11" s="114">
        <v>0</v>
      </c>
      <c r="AA11" s="113">
        <v>0</v>
      </c>
      <c r="AB11" s="110">
        <v>0</v>
      </c>
      <c r="AC11" s="114">
        <v>131437359</v>
      </c>
      <c r="AD11" s="114">
        <v>165800385</v>
      </c>
      <c r="AE11" s="114">
        <v>177967097</v>
      </c>
      <c r="AF11" s="114">
        <v>202010465</v>
      </c>
      <c r="AG11" s="114">
        <v>218468616</v>
      </c>
      <c r="AH11" s="113">
        <v>895683922</v>
      </c>
      <c r="AI11" s="116">
        <v>895683922</v>
      </c>
      <c r="AJ11" s="110">
        <v>0</v>
      </c>
      <c r="AK11" s="114">
        <v>220825</v>
      </c>
      <c r="AL11" s="113">
        <v>220825</v>
      </c>
      <c r="AM11" s="110">
        <v>0</v>
      </c>
      <c r="AN11" s="114">
        <v>721026</v>
      </c>
      <c r="AO11" s="114">
        <v>3081747</v>
      </c>
      <c r="AP11" s="114">
        <v>6212405</v>
      </c>
      <c r="AQ11" s="114">
        <v>17484164</v>
      </c>
      <c r="AR11" s="114">
        <v>33891886</v>
      </c>
      <c r="AS11" s="113">
        <v>61391228</v>
      </c>
      <c r="AT11" s="116">
        <v>61612053</v>
      </c>
      <c r="AU11" s="110">
        <v>7342960</v>
      </c>
      <c r="AV11" s="114">
        <v>19845266</v>
      </c>
      <c r="AW11" s="113">
        <v>27188226</v>
      </c>
      <c r="AX11" s="110">
        <v>0</v>
      </c>
      <c r="AY11" s="114">
        <v>86063835</v>
      </c>
      <c r="AZ11" s="114">
        <v>89925474</v>
      </c>
      <c r="BA11" s="114">
        <v>64357639</v>
      </c>
      <c r="BB11" s="114">
        <v>68093436</v>
      </c>
      <c r="BC11" s="114">
        <v>64312529</v>
      </c>
      <c r="BD11" s="113">
        <v>372752913</v>
      </c>
      <c r="BE11" s="116">
        <v>399941139</v>
      </c>
      <c r="BF11" s="110">
        <v>408053</v>
      </c>
      <c r="BG11" s="114">
        <v>1527116</v>
      </c>
      <c r="BH11" s="112">
        <v>1935169</v>
      </c>
      <c r="BI11" s="111">
        <v>0</v>
      </c>
      <c r="BJ11" s="114">
        <v>6681874</v>
      </c>
      <c r="BK11" s="114">
        <v>7548021</v>
      </c>
      <c r="BL11" s="114">
        <v>5104696</v>
      </c>
      <c r="BM11" s="114">
        <v>5028177</v>
      </c>
      <c r="BN11" s="114">
        <v>2835738</v>
      </c>
      <c r="BO11" s="113">
        <v>27198506</v>
      </c>
      <c r="BP11" s="116">
        <v>29133675</v>
      </c>
      <c r="BQ11" s="110">
        <v>5297985</v>
      </c>
      <c r="BR11" s="114">
        <v>5955254</v>
      </c>
      <c r="BS11" s="113">
        <v>11253239</v>
      </c>
      <c r="BT11" s="110">
        <v>0</v>
      </c>
      <c r="BU11" s="114">
        <v>43243168</v>
      </c>
      <c r="BV11" s="114">
        <v>45652177</v>
      </c>
      <c r="BW11" s="114">
        <v>43172167</v>
      </c>
      <c r="BX11" s="114">
        <v>43120764</v>
      </c>
      <c r="BY11" s="114">
        <v>35093476</v>
      </c>
      <c r="BZ11" s="113">
        <v>210281752</v>
      </c>
      <c r="CA11" s="116">
        <v>221534991</v>
      </c>
      <c r="CB11" s="110">
        <v>2189271</v>
      </c>
      <c r="CC11" s="114">
        <v>8166204</v>
      </c>
      <c r="CD11" s="113">
        <v>10355475</v>
      </c>
      <c r="CE11" s="110">
        <v>0</v>
      </c>
      <c r="CF11" s="114">
        <v>231866479</v>
      </c>
      <c r="CG11" s="114">
        <v>225691267</v>
      </c>
      <c r="CH11" s="114">
        <v>175846530</v>
      </c>
      <c r="CI11" s="114">
        <v>135081404</v>
      </c>
      <c r="CJ11" s="114">
        <v>68076351</v>
      </c>
      <c r="CK11" s="113">
        <v>836562031</v>
      </c>
      <c r="CL11" s="116">
        <v>846917506</v>
      </c>
      <c r="CM11" s="110">
        <v>0</v>
      </c>
      <c r="CN11" s="114">
        <v>0</v>
      </c>
      <c r="CO11" s="113">
        <v>0</v>
      </c>
      <c r="CP11" s="111">
        <v>0</v>
      </c>
      <c r="CQ11" s="114">
        <v>200602239</v>
      </c>
      <c r="CR11" s="114">
        <v>180901617</v>
      </c>
      <c r="CS11" s="114">
        <v>136991355</v>
      </c>
      <c r="CT11" s="114">
        <v>103047693</v>
      </c>
      <c r="CU11" s="114">
        <v>56167579</v>
      </c>
      <c r="CV11" s="113">
        <v>677710483</v>
      </c>
      <c r="CW11" s="116">
        <v>677710483</v>
      </c>
      <c r="CX11" s="110">
        <v>2189271</v>
      </c>
      <c r="CY11" s="114">
        <v>8166204</v>
      </c>
      <c r="CZ11" s="113">
        <v>10355475</v>
      </c>
      <c r="DA11" s="110">
        <v>0</v>
      </c>
      <c r="DB11" s="114">
        <v>31264240</v>
      </c>
      <c r="DC11" s="114">
        <v>44789650</v>
      </c>
      <c r="DD11" s="114">
        <v>38855175</v>
      </c>
      <c r="DE11" s="114">
        <v>32033711</v>
      </c>
      <c r="DF11" s="114">
        <v>11908772</v>
      </c>
      <c r="DG11" s="113">
        <v>158851548</v>
      </c>
      <c r="DH11" s="116">
        <v>169207023</v>
      </c>
      <c r="DI11" s="110">
        <v>125746</v>
      </c>
      <c r="DJ11" s="114">
        <v>696422</v>
      </c>
      <c r="DK11" s="112">
        <v>822168</v>
      </c>
      <c r="DL11" s="111">
        <v>0</v>
      </c>
      <c r="DM11" s="114">
        <v>17381901</v>
      </c>
      <c r="DN11" s="114">
        <v>30354121</v>
      </c>
      <c r="DO11" s="114">
        <v>50748209</v>
      </c>
      <c r="DP11" s="114">
        <v>49753200</v>
      </c>
      <c r="DQ11" s="114">
        <v>26735808</v>
      </c>
      <c r="DR11" s="113">
        <v>174973239</v>
      </c>
      <c r="DS11" s="116">
        <v>175795407</v>
      </c>
      <c r="DT11" s="110">
        <v>125746</v>
      </c>
      <c r="DU11" s="114">
        <v>664598</v>
      </c>
      <c r="DV11" s="113">
        <v>790344</v>
      </c>
      <c r="DW11" s="110">
        <v>0</v>
      </c>
      <c r="DX11" s="114">
        <v>16528543</v>
      </c>
      <c r="DY11" s="114">
        <v>27278089</v>
      </c>
      <c r="DZ11" s="114">
        <v>45319586</v>
      </c>
      <c r="EA11" s="114">
        <v>43835791</v>
      </c>
      <c r="EB11" s="114">
        <v>23741394</v>
      </c>
      <c r="EC11" s="113">
        <v>156703403</v>
      </c>
      <c r="ED11" s="116">
        <v>157493747</v>
      </c>
      <c r="EE11" s="110">
        <v>0</v>
      </c>
      <c r="EF11" s="112">
        <v>31824</v>
      </c>
      <c r="EG11" s="113">
        <v>31824</v>
      </c>
      <c r="EH11" s="110">
        <v>0</v>
      </c>
      <c r="EI11" s="114">
        <v>853358</v>
      </c>
      <c r="EJ11" s="114">
        <v>3076032</v>
      </c>
      <c r="EK11" s="114">
        <v>5428623</v>
      </c>
      <c r="EL11" s="114">
        <v>5917409</v>
      </c>
      <c r="EM11" s="114">
        <v>2994414</v>
      </c>
      <c r="EN11" s="112">
        <v>18269836</v>
      </c>
      <c r="EO11" s="116">
        <v>18301660</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10429006</v>
      </c>
      <c r="FM11" s="114">
        <v>20034534</v>
      </c>
      <c r="FN11" s="113">
        <v>30463540</v>
      </c>
      <c r="FO11" s="110">
        <v>0</v>
      </c>
      <c r="FP11" s="114">
        <v>46495925</v>
      </c>
      <c r="FQ11" s="114">
        <v>79916549</v>
      </c>
      <c r="FR11" s="114">
        <v>63327938</v>
      </c>
      <c r="FS11" s="114">
        <v>65972615</v>
      </c>
      <c r="FT11" s="114">
        <v>49376782</v>
      </c>
      <c r="FU11" s="113">
        <v>305089809</v>
      </c>
      <c r="FV11" s="116">
        <v>335553349</v>
      </c>
      <c r="FW11" s="115">
        <v>7091970</v>
      </c>
      <c r="FX11" s="114">
        <v>16968311</v>
      </c>
      <c r="FY11" s="112">
        <v>24060281</v>
      </c>
      <c r="FZ11" s="111">
        <v>0</v>
      </c>
      <c r="GA11" s="114">
        <v>39352070</v>
      </c>
      <c r="GB11" s="114">
        <v>74302015</v>
      </c>
      <c r="GC11" s="114">
        <v>59860969</v>
      </c>
      <c r="GD11" s="114">
        <v>62534838</v>
      </c>
      <c r="GE11" s="114">
        <v>47848623</v>
      </c>
      <c r="GF11" s="113">
        <v>283898515</v>
      </c>
      <c r="GG11" s="318">
        <v>307958796</v>
      </c>
      <c r="GH11" s="115">
        <v>771174</v>
      </c>
      <c r="GI11" s="114">
        <v>1004804</v>
      </c>
      <c r="GJ11" s="112">
        <v>1775978</v>
      </c>
      <c r="GK11" s="111">
        <v>0</v>
      </c>
      <c r="GL11" s="114">
        <v>2332812</v>
      </c>
      <c r="GM11" s="114">
        <v>2119239</v>
      </c>
      <c r="GN11" s="114">
        <v>1901938</v>
      </c>
      <c r="GO11" s="114">
        <v>1826829</v>
      </c>
      <c r="GP11" s="114">
        <v>716193</v>
      </c>
      <c r="GQ11" s="113">
        <v>8897011</v>
      </c>
      <c r="GR11" s="116">
        <v>10672989</v>
      </c>
      <c r="GS11" s="110">
        <v>2565862</v>
      </c>
      <c r="GT11" s="114">
        <v>2061419</v>
      </c>
      <c r="GU11" s="113">
        <v>4627281</v>
      </c>
      <c r="GV11" s="110">
        <v>0</v>
      </c>
      <c r="GW11" s="114">
        <v>4811043</v>
      </c>
      <c r="GX11" s="114">
        <v>3495295</v>
      </c>
      <c r="GY11" s="114">
        <v>1565031</v>
      </c>
      <c r="GZ11" s="114">
        <v>1610948</v>
      </c>
      <c r="HA11" s="114">
        <v>811966</v>
      </c>
      <c r="HB11" s="112">
        <v>12294283</v>
      </c>
      <c r="HC11" s="116">
        <v>16921564</v>
      </c>
      <c r="HD11" s="110">
        <v>14750999</v>
      </c>
      <c r="HE11" s="114">
        <v>17767686</v>
      </c>
      <c r="HF11" s="112">
        <v>32518685</v>
      </c>
      <c r="HG11" s="111">
        <v>0</v>
      </c>
      <c r="HH11" s="114">
        <v>147096384</v>
      </c>
      <c r="HI11" s="114">
        <v>132963085</v>
      </c>
      <c r="HJ11" s="114">
        <v>144087895</v>
      </c>
      <c r="HK11" s="114">
        <v>183881663</v>
      </c>
      <c r="HL11" s="114">
        <v>123676737</v>
      </c>
      <c r="HM11" s="113">
        <v>731705764</v>
      </c>
      <c r="HN11" s="109">
        <v>764224449</v>
      </c>
      <c r="HO11" s="115">
        <v>9453307</v>
      </c>
      <c r="HP11" s="114">
        <v>16255548</v>
      </c>
      <c r="HQ11" s="113">
        <v>25708855</v>
      </c>
      <c r="HR11" s="110">
        <v>0</v>
      </c>
      <c r="HS11" s="114">
        <v>140965000</v>
      </c>
      <c r="HT11" s="114">
        <v>108603058</v>
      </c>
      <c r="HU11" s="114">
        <v>81565893</v>
      </c>
      <c r="HV11" s="114">
        <v>64044758</v>
      </c>
      <c r="HW11" s="114">
        <v>39722682</v>
      </c>
      <c r="HX11" s="112">
        <v>434901391</v>
      </c>
      <c r="HY11" s="116">
        <v>460610246</v>
      </c>
      <c r="HZ11" s="131">
        <v>998117</v>
      </c>
      <c r="IA11" s="132">
        <v>3809367</v>
      </c>
      <c r="IB11" s="133">
        <v>4807484</v>
      </c>
      <c r="IC11" s="146">
        <v>0</v>
      </c>
      <c r="ID11" s="132">
        <v>267974542</v>
      </c>
      <c r="IE11" s="147">
        <v>318442718</v>
      </c>
      <c r="IF11" s="133">
        <v>345998212</v>
      </c>
      <c r="IG11" s="132">
        <v>282232660</v>
      </c>
      <c r="IH11" s="133">
        <v>221264074</v>
      </c>
      <c r="II11" s="148">
        <v>1435912206</v>
      </c>
      <c r="IJ11" s="139">
        <v>1440719690</v>
      </c>
      <c r="IK11" s="232">
        <v>0</v>
      </c>
      <c r="IL11" s="236">
        <v>0</v>
      </c>
      <c r="IM11" s="237">
        <v>0</v>
      </c>
      <c r="IN11" s="140"/>
      <c r="IO11" s="119">
        <v>6124303</v>
      </c>
      <c r="IP11" s="119">
        <v>8665140</v>
      </c>
      <c r="IQ11" s="119">
        <v>12198801</v>
      </c>
      <c r="IR11" s="119">
        <v>25791329</v>
      </c>
      <c r="IS11" s="119">
        <v>30524859</v>
      </c>
      <c r="IT11" s="141">
        <v>83304432</v>
      </c>
      <c r="IU11" s="320">
        <v>83304432</v>
      </c>
      <c r="IV11" s="142">
        <v>0</v>
      </c>
      <c r="IW11" s="119">
        <v>0</v>
      </c>
      <c r="IX11" s="120">
        <v>0</v>
      </c>
      <c r="IY11" s="144"/>
      <c r="IZ11" s="119">
        <v>1374910</v>
      </c>
      <c r="JA11" s="119">
        <v>1986888</v>
      </c>
      <c r="JB11" s="119">
        <v>2173305</v>
      </c>
      <c r="JC11" s="119">
        <v>3247261</v>
      </c>
      <c r="JD11" s="119">
        <v>3687050</v>
      </c>
      <c r="JE11" s="120">
        <v>12469414</v>
      </c>
      <c r="JF11" s="121">
        <v>12469414</v>
      </c>
      <c r="JG11" s="142">
        <v>0</v>
      </c>
      <c r="JH11" s="119">
        <v>0</v>
      </c>
      <c r="JI11" s="141">
        <v>0</v>
      </c>
      <c r="JJ11" s="118">
        <v>0</v>
      </c>
      <c r="JK11" s="119">
        <v>88726441</v>
      </c>
      <c r="JL11" s="119">
        <v>78776339</v>
      </c>
      <c r="JM11" s="119">
        <v>64578756</v>
      </c>
      <c r="JN11" s="119">
        <v>40162052</v>
      </c>
      <c r="JO11" s="119">
        <v>24379851</v>
      </c>
      <c r="JP11" s="120">
        <v>296623439</v>
      </c>
      <c r="JQ11" s="320">
        <v>296623439</v>
      </c>
      <c r="JR11" s="142">
        <v>96929</v>
      </c>
      <c r="JS11" s="119">
        <v>0</v>
      </c>
      <c r="JT11" s="141">
        <v>96929</v>
      </c>
      <c r="JU11" s="118">
        <v>0</v>
      </c>
      <c r="JV11" s="119">
        <v>15979953</v>
      </c>
      <c r="JW11" s="119">
        <v>20705421</v>
      </c>
      <c r="JX11" s="119">
        <v>25812473</v>
      </c>
      <c r="JY11" s="119">
        <v>19333312</v>
      </c>
      <c r="JZ11" s="119">
        <v>12563149</v>
      </c>
      <c r="KA11" s="120">
        <v>94394308</v>
      </c>
      <c r="KB11" s="320">
        <v>94491237</v>
      </c>
      <c r="KC11" s="234">
        <v>901188</v>
      </c>
      <c r="KD11" s="230">
        <v>2534099</v>
      </c>
      <c r="KE11" s="120">
        <v>3435287</v>
      </c>
      <c r="KF11" s="118">
        <v>0</v>
      </c>
      <c r="KG11" s="119">
        <v>29836274</v>
      </c>
      <c r="KH11" s="119">
        <v>42624257</v>
      </c>
      <c r="KI11" s="119">
        <v>46604193</v>
      </c>
      <c r="KJ11" s="119">
        <v>39049840</v>
      </c>
      <c r="KK11" s="119">
        <v>22002829</v>
      </c>
      <c r="KL11" s="120">
        <v>180117393</v>
      </c>
      <c r="KM11" s="143">
        <v>183552680</v>
      </c>
      <c r="KN11" s="232">
        <v>0</v>
      </c>
      <c r="KO11" s="236">
        <v>1275268</v>
      </c>
      <c r="KP11" s="237">
        <v>1275268</v>
      </c>
      <c r="KQ11" s="140"/>
      <c r="KR11" s="119">
        <v>116921961</v>
      </c>
      <c r="KS11" s="119">
        <v>148497891</v>
      </c>
      <c r="KT11" s="119">
        <v>156305688</v>
      </c>
      <c r="KU11" s="119">
        <v>101146672</v>
      </c>
      <c r="KV11" s="119">
        <v>74708827</v>
      </c>
      <c r="KW11" s="120">
        <v>597581039</v>
      </c>
      <c r="KX11" s="320">
        <v>598856307</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669603</v>
      </c>
      <c r="LO11" s="119">
        <v>1783969</v>
      </c>
      <c r="LP11" s="119">
        <v>20276153</v>
      </c>
      <c r="LQ11" s="119">
        <v>28775970</v>
      </c>
      <c r="LR11" s="119">
        <v>22111164</v>
      </c>
      <c r="LS11" s="120">
        <v>73616859</v>
      </c>
      <c r="LT11" s="320">
        <v>73616859</v>
      </c>
      <c r="LU11" s="142">
        <v>0</v>
      </c>
      <c r="LV11" s="119">
        <v>0</v>
      </c>
      <c r="LW11" s="120">
        <v>0</v>
      </c>
      <c r="LX11" s="145"/>
      <c r="LY11" s="119">
        <v>8341097</v>
      </c>
      <c r="LZ11" s="119">
        <v>15402813</v>
      </c>
      <c r="MA11" s="119">
        <v>18048843</v>
      </c>
      <c r="MB11" s="119">
        <v>24726224</v>
      </c>
      <c r="MC11" s="119">
        <v>31286345</v>
      </c>
      <c r="MD11" s="120">
        <v>97805322</v>
      </c>
      <c r="ME11" s="121">
        <v>97805322</v>
      </c>
      <c r="MF11" s="142">
        <v>0</v>
      </c>
      <c r="MG11" s="119">
        <v>0</v>
      </c>
      <c r="MH11" s="120">
        <v>0</v>
      </c>
      <c r="MI11" s="145"/>
      <c r="MJ11" s="119">
        <v>74534795</v>
      </c>
      <c r="MK11" s="119">
        <v>130673736</v>
      </c>
      <c r="ML11" s="119">
        <v>476384905</v>
      </c>
      <c r="MM11" s="119">
        <v>735913949</v>
      </c>
      <c r="MN11" s="119">
        <v>536519012</v>
      </c>
      <c r="MO11" s="120">
        <v>1954026397</v>
      </c>
      <c r="MP11" s="143">
        <v>1954026397</v>
      </c>
      <c r="MQ11" s="142">
        <v>0</v>
      </c>
      <c r="MR11" s="119">
        <v>0</v>
      </c>
      <c r="MS11" s="120">
        <v>0</v>
      </c>
      <c r="MT11" s="145"/>
      <c r="MU11" s="119">
        <v>17573394</v>
      </c>
      <c r="MV11" s="119">
        <v>41175492</v>
      </c>
      <c r="MW11" s="119">
        <v>323549068</v>
      </c>
      <c r="MX11" s="119">
        <v>484641399</v>
      </c>
      <c r="MY11" s="119">
        <v>378558206</v>
      </c>
      <c r="MZ11" s="120">
        <v>1245497559</v>
      </c>
      <c r="NA11" s="143">
        <v>1245497559</v>
      </c>
      <c r="NB11" s="142">
        <v>0</v>
      </c>
      <c r="NC11" s="119">
        <v>0</v>
      </c>
      <c r="ND11" s="120">
        <v>0</v>
      </c>
      <c r="NE11" s="145"/>
      <c r="NF11" s="119">
        <v>56961401</v>
      </c>
      <c r="NG11" s="119">
        <v>89238297</v>
      </c>
      <c r="NH11" s="119">
        <v>148297815</v>
      </c>
      <c r="NI11" s="119">
        <v>217618141</v>
      </c>
      <c r="NJ11" s="119">
        <v>105956384</v>
      </c>
      <c r="NK11" s="120">
        <v>618072038</v>
      </c>
      <c r="NL11" s="320">
        <v>618072038</v>
      </c>
      <c r="NM11" s="142">
        <v>0</v>
      </c>
      <c r="NN11" s="119">
        <v>0</v>
      </c>
      <c r="NO11" s="120">
        <v>0</v>
      </c>
      <c r="NP11" s="145"/>
      <c r="NQ11" s="119">
        <v>0</v>
      </c>
      <c r="NR11" s="119">
        <v>0</v>
      </c>
      <c r="NS11" s="119">
        <v>3393445</v>
      </c>
      <c r="NT11" s="119">
        <v>19487376</v>
      </c>
      <c r="NU11" s="119">
        <v>33476647</v>
      </c>
      <c r="NV11" s="120">
        <v>56357468</v>
      </c>
      <c r="NW11" s="121">
        <v>56357468</v>
      </c>
      <c r="NX11" s="142">
        <v>0</v>
      </c>
      <c r="NY11" s="119">
        <v>0</v>
      </c>
      <c r="NZ11" s="120">
        <v>0</v>
      </c>
      <c r="OA11" s="145"/>
      <c r="OB11" s="119">
        <v>0</v>
      </c>
      <c r="OC11" s="119">
        <v>259947</v>
      </c>
      <c r="OD11" s="119">
        <v>1144577</v>
      </c>
      <c r="OE11" s="119">
        <v>14167033</v>
      </c>
      <c r="OF11" s="119">
        <v>18527775</v>
      </c>
      <c r="OG11" s="120">
        <v>34099332</v>
      </c>
      <c r="OH11" s="121">
        <v>34099332</v>
      </c>
      <c r="OI11" s="142">
        <v>50995444</v>
      </c>
      <c r="OJ11" s="119">
        <v>94278222</v>
      </c>
      <c r="OK11" s="141">
        <v>145273666</v>
      </c>
      <c r="OL11" s="118">
        <v>0</v>
      </c>
      <c r="OM11" s="119">
        <v>1194462288</v>
      </c>
      <c r="ON11" s="119">
        <v>1338652338</v>
      </c>
      <c r="OO11" s="119">
        <v>1634773586</v>
      </c>
      <c r="OP11" s="119">
        <v>1852617255</v>
      </c>
      <c r="OQ11" s="119">
        <v>1419973691</v>
      </c>
      <c r="OR11" s="120">
        <v>7440479158</v>
      </c>
      <c r="OS11" s="143">
        <v>7585752824</v>
      </c>
    </row>
    <row r="12" spans="1:409" ht="18.75" customHeight="1" x14ac:dyDescent="0.2">
      <c r="B12" s="62" t="s">
        <v>14</v>
      </c>
      <c r="C12" s="110">
        <v>27361840</v>
      </c>
      <c r="D12" s="114">
        <v>73031291</v>
      </c>
      <c r="E12" s="113">
        <v>100393131</v>
      </c>
      <c r="F12" s="109">
        <v>0</v>
      </c>
      <c r="G12" s="114">
        <v>320021513</v>
      </c>
      <c r="H12" s="114">
        <v>494914645</v>
      </c>
      <c r="I12" s="114">
        <v>450496292</v>
      </c>
      <c r="J12" s="114">
        <v>398950874</v>
      </c>
      <c r="K12" s="114">
        <v>286485342</v>
      </c>
      <c r="L12" s="112">
        <v>1950868666</v>
      </c>
      <c r="M12" s="116">
        <v>2051261797</v>
      </c>
      <c r="N12" s="110">
        <v>5417419</v>
      </c>
      <c r="O12" s="114">
        <v>17727131</v>
      </c>
      <c r="P12" s="113">
        <v>23144550</v>
      </c>
      <c r="Q12" s="110">
        <v>0</v>
      </c>
      <c r="R12" s="114">
        <v>91911995</v>
      </c>
      <c r="S12" s="114">
        <v>157339084</v>
      </c>
      <c r="T12" s="114">
        <v>147303573</v>
      </c>
      <c r="U12" s="114">
        <v>147447013</v>
      </c>
      <c r="V12" s="114">
        <v>140411376</v>
      </c>
      <c r="W12" s="113">
        <v>684413041</v>
      </c>
      <c r="X12" s="116">
        <v>707557591</v>
      </c>
      <c r="Y12" s="110">
        <v>0</v>
      </c>
      <c r="Z12" s="114">
        <v>0</v>
      </c>
      <c r="AA12" s="113">
        <v>0</v>
      </c>
      <c r="AB12" s="110">
        <v>0</v>
      </c>
      <c r="AC12" s="114">
        <v>48341036</v>
      </c>
      <c r="AD12" s="114">
        <v>85375552</v>
      </c>
      <c r="AE12" s="114">
        <v>85028242</v>
      </c>
      <c r="AF12" s="114">
        <v>88115154</v>
      </c>
      <c r="AG12" s="114">
        <v>77322285</v>
      </c>
      <c r="AH12" s="113">
        <v>384182269</v>
      </c>
      <c r="AI12" s="116">
        <v>384182269</v>
      </c>
      <c r="AJ12" s="110">
        <v>44594</v>
      </c>
      <c r="AK12" s="114">
        <v>127595</v>
      </c>
      <c r="AL12" s="113">
        <v>172189</v>
      </c>
      <c r="AM12" s="110">
        <v>0</v>
      </c>
      <c r="AN12" s="114">
        <v>363006</v>
      </c>
      <c r="AO12" s="114">
        <v>983271</v>
      </c>
      <c r="AP12" s="114">
        <v>3647215</v>
      </c>
      <c r="AQ12" s="114">
        <v>6845587</v>
      </c>
      <c r="AR12" s="114">
        <v>16875138</v>
      </c>
      <c r="AS12" s="113">
        <v>28714217</v>
      </c>
      <c r="AT12" s="116">
        <v>28886406</v>
      </c>
      <c r="AU12" s="110">
        <v>3009743</v>
      </c>
      <c r="AV12" s="114">
        <v>12902021</v>
      </c>
      <c r="AW12" s="113">
        <v>15911764</v>
      </c>
      <c r="AX12" s="110">
        <v>0</v>
      </c>
      <c r="AY12" s="114">
        <v>25129453</v>
      </c>
      <c r="AZ12" s="114">
        <v>46105585</v>
      </c>
      <c r="BA12" s="114">
        <v>34515622</v>
      </c>
      <c r="BB12" s="114">
        <v>31629148</v>
      </c>
      <c r="BC12" s="114">
        <v>30684127</v>
      </c>
      <c r="BD12" s="113">
        <v>168063935</v>
      </c>
      <c r="BE12" s="116">
        <v>183975699</v>
      </c>
      <c r="BF12" s="110">
        <v>235196</v>
      </c>
      <c r="BG12" s="114">
        <v>1573352</v>
      </c>
      <c r="BH12" s="112">
        <v>1808548</v>
      </c>
      <c r="BI12" s="111">
        <v>0</v>
      </c>
      <c r="BJ12" s="114">
        <v>889883</v>
      </c>
      <c r="BK12" s="114">
        <v>3269651</v>
      </c>
      <c r="BL12" s="114">
        <v>1974099</v>
      </c>
      <c r="BM12" s="114">
        <v>1904213</v>
      </c>
      <c r="BN12" s="114">
        <v>950204</v>
      </c>
      <c r="BO12" s="113">
        <v>8988050</v>
      </c>
      <c r="BP12" s="116">
        <v>10796598</v>
      </c>
      <c r="BQ12" s="110">
        <v>2127886</v>
      </c>
      <c r="BR12" s="114">
        <v>3124163</v>
      </c>
      <c r="BS12" s="113">
        <v>5252049</v>
      </c>
      <c r="BT12" s="110">
        <v>0</v>
      </c>
      <c r="BU12" s="114">
        <v>17188617</v>
      </c>
      <c r="BV12" s="114">
        <v>21605025</v>
      </c>
      <c r="BW12" s="114">
        <v>22138395</v>
      </c>
      <c r="BX12" s="114">
        <v>18952911</v>
      </c>
      <c r="BY12" s="114">
        <v>14579622</v>
      </c>
      <c r="BZ12" s="113">
        <v>94464570</v>
      </c>
      <c r="CA12" s="116">
        <v>99716619</v>
      </c>
      <c r="CB12" s="110">
        <v>1717265</v>
      </c>
      <c r="CC12" s="114">
        <v>7554481</v>
      </c>
      <c r="CD12" s="113">
        <v>9271746</v>
      </c>
      <c r="CE12" s="110">
        <v>0</v>
      </c>
      <c r="CF12" s="114">
        <v>93290786</v>
      </c>
      <c r="CG12" s="114">
        <v>143306864</v>
      </c>
      <c r="CH12" s="114">
        <v>120697840</v>
      </c>
      <c r="CI12" s="114">
        <v>85587693</v>
      </c>
      <c r="CJ12" s="114">
        <v>42955343</v>
      </c>
      <c r="CK12" s="113">
        <v>485838526</v>
      </c>
      <c r="CL12" s="116">
        <v>495110272</v>
      </c>
      <c r="CM12" s="110">
        <v>0</v>
      </c>
      <c r="CN12" s="114">
        <v>0</v>
      </c>
      <c r="CO12" s="113">
        <v>0</v>
      </c>
      <c r="CP12" s="111">
        <v>0</v>
      </c>
      <c r="CQ12" s="114">
        <v>86326839</v>
      </c>
      <c r="CR12" s="114">
        <v>121908534</v>
      </c>
      <c r="CS12" s="114">
        <v>102452266</v>
      </c>
      <c r="CT12" s="114">
        <v>70974248</v>
      </c>
      <c r="CU12" s="114">
        <v>37746892</v>
      </c>
      <c r="CV12" s="113">
        <v>419408779</v>
      </c>
      <c r="CW12" s="116">
        <v>419408779</v>
      </c>
      <c r="CX12" s="110">
        <v>1717265</v>
      </c>
      <c r="CY12" s="114">
        <v>7554481</v>
      </c>
      <c r="CZ12" s="113">
        <v>9271746</v>
      </c>
      <c r="DA12" s="110">
        <v>0</v>
      </c>
      <c r="DB12" s="114">
        <v>6963947</v>
      </c>
      <c r="DC12" s="114">
        <v>21398330</v>
      </c>
      <c r="DD12" s="114">
        <v>18245574</v>
      </c>
      <c r="DE12" s="114">
        <v>14613445</v>
      </c>
      <c r="DF12" s="114">
        <v>5208451</v>
      </c>
      <c r="DG12" s="113">
        <v>66429747</v>
      </c>
      <c r="DH12" s="116">
        <v>75701493</v>
      </c>
      <c r="DI12" s="110">
        <v>106167</v>
      </c>
      <c r="DJ12" s="114">
        <v>741473</v>
      </c>
      <c r="DK12" s="112">
        <v>847640</v>
      </c>
      <c r="DL12" s="111">
        <v>0</v>
      </c>
      <c r="DM12" s="114">
        <v>6686712</v>
      </c>
      <c r="DN12" s="114">
        <v>19172034</v>
      </c>
      <c r="DO12" s="114">
        <v>41415787</v>
      </c>
      <c r="DP12" s="114">
        <v>35283113</v>
      </c>
      <c r="DQ12" s="114">
        <v>18348158</v>
      </c>
      <c r="DR12" s="113">
        <v>120905804</v>
      </c>
      <c r="DS12" s="116">
        <v>121753444</v>
      </c>
      <c r="DT12" s="110">
        <v>106167</v>
      </c>
      <c r="DU12" s="114">
        <v>741473</v>
      </c>
      <c r="DV12" s="113">
        <v>847640</v>
      </c>
      <c r="DW12" s="110">
        <v>0</v>
      </c>
      <c r="DX12" s="114">
        <v>6686712</v>
      </c>
      <c r="DY12" s="114">
        <v>18818277</v>
      </c>
      <c r="DZ12" s="114">
        <v>40635653</v>
      </c>
      <c r="EA12" s="114">
        <v>34707902</v>
      </c>
      <c r="EB12" s="114">
        <v>17748274</v>
      </c>
      <c r="EC12" s="113">
        <v>118596818</v>
      </c>
      <c r="ED12" s="116">
        <v>119444458</v>
      </c>
      <c r="EE12" s="110">
        <v>0</v>
      </c>
      <c r="EF12" s="112">
        <v>0</v>
      </c>
      <c r="EG12" s="113">
        <v>0</v>
      </c>
      <c r="EH12" s="110">
        <v>0</v>
      </c>
      <c r="EI12" s="114">
        <v>0</v>
      </c>
      <c r="EJ12" s="114">
        <v>353757</v>
      </c>
      <c r="EK12" s="114">
        <v>780134</v>
      </c>
      <c r="EL12" s="114">
        <v>575211</v>
      </c>
      <c r="EM12" s="114">
        <v>599884</v>
      </c>
      <c r="EN12" s="112">
        <v>2308986</v>
      </c>
      <c r="EO12" s="116">
        <v>2308986</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7781617</v>
      </c>
      <c r="FM12" s="114">
        <v>22703850</v>
      </c>
      <c r="FN12" s="113">
        <v>30485467</v>
      </c>
      <c r="FO12" s="110">
        <v>0</v>
      </c>
      <c r="FP12" s="114">
        <v>17523432</v>
      </c>
      <c r="FQ12" s="114">
        <v>50934374</v>
      </c>
      <c r="FR12" s="114">
        <v>39284568</v>
      </c>
      <c r="FS12" s="114">
        <v>33465784</v>
      </c>
      <c r="FT12" s="114">
        <v>23942077</v>
      </c>
      <c r="FU12" s="113">
        <v>165150235</v>
      </c>
      <c r="FV12" s="116">
        <v>195635702</v>
      </c>
      <c r="FW12" s="115">
        <v>4670995</v>
      </c>
      <c r="FX12" s="114">
        <v>17621068</v>
      </c>
      <c r="FY12" s="112">
        <v>22292063</v>
      </c>
      <c r="FZ12" s="111">
        <v>0</v>
      </c>
      <c r="GA12" s="114">
        <v>14429848</v>
      </c>
      <c r="GB12" s="114">
        <v>46316411</v>
      </c>
      <c r="GC12" s="114">
        <v>35192354</v>
      </c>
      <c r="GD12" s="114">
        <v>31154673</v>
      </c>
      <c r="GE12" s="114">
        <v>22690723</v>
      </c>
      <c r="GF12" s="113">
        <v>149784009</v>
      </c>
      <c r="GG12" s="318">
        <v>172076072</v>
      </c>
      <c r="GH12" s="115">
        <v>240687</v>
      </c>
      <c r="GI12" s="114">
        <v>1206598</v>
      </c>
      <c r="GJ12" s="112">
        <v>1447285</v>
      </c>
      <c r="GK12" s="111">
        <v>0</v>
      </c>
      <c r="GL12" s="114">
        <v>777206</v>
      </c>
      <c r="GM12" s="114">
        <v>1205411</v>
      </c>
      <c r="GN12" s="114">
        <v>1001210</v>
      </c>
      <c r="GO12" s="114">
        <v>905927</v>
      </c>
      <c r="GP12" s="114">
        <v>400712</v>
      </c>
      <c r="GQ12" s="113">
        <v>4290466</v>
      </c>
      <c r="GR12" s="116">
        <v>5737751</v>
      </c>
      <c r="GS12" s="110">
        <v>2869935</v>
      </c>
      <c r="GT12" s="114">
        <v>3876184</v>
      </c>
      <c r="GU12" s="113">
        <v>6746119</v>
      </c>
      <c r="GV12" s="110">
        <v>0</v>
      </c>
      <c r="GW12" s="114">
        <v>2316378</v>
      </c>
      <c r="GX12" s="114">
        <v>3412552</v>
      </c>
      <c r="GY12" s="114">
        <v>3091004</v>
      </c>
      <c r="GZ12" s="114">
        <v>1405184</v>
      </c>
      <c r="HA12" s="114">
        <v>850642</v>
      </c>
      <c r="HB12" s="112">
        <v>11075760</v>
      </c>
      <c r="HC12" s="116">
        <v>17821879</v>
      </c>
      <c r="HD12" s="110">
        <v>7457638</v>
      </c>
      <c r="HE12" s="114">
        <v>10977285</v>
      </c>
      <c r="HF12" s="112">
        <v>18434923</v>
      </c>
      <c r="HG12" s="111">
        <v>0</v>
      </c>
      <c r="HH12" s="114">
        <v>56651455</v>
      </c>
      <c r="HI12" s="114">
        <v>56305697</v>
      </c>
      <c r="HJ12" s="114">
        <v>54201246</v>
      </c>
      <c r="HK12" s="114">
        <v>64654363</v>
      </c>
      <c r="HL12" s="114">
        <v>42688929</v>
      </c>
      <c r="HM12" s="113">
        <v>274501690</v>
      </c>
      <c r="HN12" s="109">
        <v>292936613</v>
      </c>
      <c r="HO12" s="115">
        <v>4881734</v>
      </c>
      <c r="HP12" s="114">
        <v>13327071</v>
      </c>
      <c r="HQ12" s="113">
        <v>18208805</v>
      </c>
      <c r="HR12" s="110">
        <v>0</v>
      </c>
      <c r="HS12" s="114">
        <v>53957133</v>
      </c>
      <c r="HT12" s="114">
        <v>67856592</v>
      </c>
      <c r="HU12" s="114">
        <v>47593278</v>
      </c>
      <c r="HV12" s="114">
        <v>32512908</v>
      </c>
      <c r="HW12" s="114">
        <v>18139459</v>
      </c>
      <c r="HX12" s="112">
        <v>220059370</v>
      </c>
      <c r="HY12" s="116">
        <v>238268175</v>
      </c>
      <c r="HZ12" s="131">
        <v>872780</v>
      </c>
      <c r="IA12" s="132">
        <v>2624025</v>
      </c>
      <c r="IB12" s="133">
        <v>3496805</v>
      </c>
      <c r="IC12" s="134">
        <v>0</v>
      </c>
      <c r="ID12" s="135">
        <v>127919006</v>
      </c>
      <c r="IE12" s="136">
        <v>167894051</v>
      </c>
      <c r="IF12" s="137">
        <v>185536524</v>
      </c>
      <c r="IG12" s="135">
        <v>132882576</v>
      </c>
      <c r="IH12" s="137">
        <v>85197766</v>
      </c>
      <c r="II12" s="138">
        <v>699429923</v>
      </c>
      <c r="IJ12" s="139">
        <v>702926728</v>
      </c>
      <c r="IK12" s="232">
        <v>0</v>
      </c>
      <c r="IL12" s="236">
        <v>0</v>
      </c>
      <c r="IM12" s="237">
        <v>0</v>
      </c>
      <c r="IN12" s="140"/>
      <c r="IO12" s="119">
        <v>1513285</v>
      </c>
      <c r="IP12" s="119">
        <v>2032030</v>
      </c>
      <c r="IQ12" s="119">
        <v>4812564</v>
      </c>
      <c r="IR12" s="119">
        <v>3953191</v>
      </c>
      <c r="IS12" s="119">
        <v>3605296</v>
      </c>
      <c r="IT12" s="141">
        <v>15916366</v>
      </c>
      <c r="IU12" s="320">
        <v>15916366</v>
      </c>
      <c r="IV12" s="142">
        <v>0</v>
      </c>
      <c r="IW12" s="119">
        <v>0</v>
      </c>
      <c r="IX12" s="120">
        <v>0</v>
      </c>
      <c r="IY12" s="144"/>
      <c r="IZ12" s="119">
        <v>22730</v>
      </c>
      <c r="JA12" s="119">
        <v>11365</v>
      </c>
      <c r="JB12" s="119">
        <v>34095</v>
      </c>
      <c r="JC12" s="119">
        <v>27980</v>
      </c>
      <c r="JD12" s="119">
        <v>88465</v>
      </c>
      <c r="JE12" s="120">
        <v>184635</v>
      </c>
      <c r="JF12" s="121">
        <v>184635</v>
      </c>
      <c r="JG12" s="142">
        <v>0</v>
      </c>
      <c r="JH12" s="119">
        <v>0</v>
      </c>
      <c r="JI12" s="141">
        <v>0</v>
      </c>
      <c r="JJ12" s="118">
        <v>0</v>
      </c>
      <c r="JK12" s="119">
        <v>43065814</v>
      </c>
      <c r="JL12" s="119">
        <v>60054350</v>
      </c>
      <c r="JM12" s="119">
        <v>48440267</v>
      </c>
      <c r="JN12" s="119">
        <v>32969230</v>
      </c>
      <c r="JO12" s="119">
        <v>17656443</v>
      </c>
      <c r="JP12" s="120">
        <v>202186104</v>
      </c>
      <c r="JQ12" s="320">
        <v>202186104</v>
      </c>
      <c r="JR12" s="142">
        <v>42146</v>
      </c>
      <c r="JS12" s="119">
        <v>0</v>
      </c>
      <c r="JT12" s="141">
        <v>42146</v>
      </c>
      <c r="JU12" s="118">
        <v>0</v>
      </c>
      <c r="JV12" s="119">
        <v>1680052</v>
      </c>
      <c r="JW12" s="119">
        <v>2097131</v>
      </c>
      <c r="JX12" s="119">
        <v>4759365</v>
      </c>
      <c r="JY12" s="119">
        <v>2554064</v>
      </c>
      <c r="JZ12" s="119">
        <v>4071979</v>
      </c>
      <c r="KA12" s="120">
        <v>15162591</v>
      </c>
      <c r="KB12" s="320">
        <v>15204737</v>
      </c>
      <c r="KC12" s="234">
        <v>830634</v>
      </c>
      <c r="KD12" s="230">
        <v>2371841</v>
      </c>
      <c r="KE12" s="120">
        <v>3202475</v>
      </c>
      <c r="KF12" s="118">
        <v>0</v>
      </c>
      <c r="KG12" s="119">
        <v>16028490</v>
      </c>
      <c r="KH12" s="119">
        <v>24069802</v>
      </c>
      <c r="KI12" s="119">
        <v>28550477</v>
      </c>
      <c r="KJ12" s="119">
        <v>21004382</v>
      </c>
      <c r="KK12" s="119">
        <v>8061064</v>
      </c>
      <c r="KL12" s="120">
        <v>97714215</v>
      </c>
      <c r="KM12" s="143">
        <v>100916690</v>
      </c>
      <c r="KN12" s="232">
        <v>0</v>
      </c>
      <c r="KO12" s="236">
        <v>252184</v>
      </c>
      <c r="KP12" s="237">
        <v>252184</v>
      </c>
      <c r="KQ12" s="140"/>
      <c r="KR12" s="119">
        <v>64281713</v>
      </c>
      <c r="KS12" s="119">
        <v>77125037</v>
      </c>
      <c r="KT12" s="119">
        <v>91795785</v>
      </c>
      <c r="KU12" s="119">
        <v>59260386</v>
      </c>
      <c r="KV12" s="119">
        <v>44326075</v>
      </c>
      <c r="KW12" s="120">
        <v>336788996</v>
      </c>
      <c r="KX12" s="320">
        <v>337041180</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16135</v>
      </c>
      <c r="LP12" s="119">
        <v>3699784</v>
      </c>
      <c r="LQ12" s="119">
        <v>7817431</v>
      </c>
      <c r="LR12" s="119">
        <v>3212952</v>
      </c>
      <c r="LS12" s="120">
        <v>15146302</v>
      </c>
      <c r="LT12" s="320">
        <v>15146302</v>
      </c>
      <c r="LU12" s="142">
        <v>0</v>
      </c>
      <c r="LV12" s="119">
        <v>0</v>
      </c>
      <c r="LW12" s="120">
        <v>0</v>
      </c>
      <c r="LX12" s="145"/>
      <c r="LY12" s="119">
        <v>1326922</v>
      </c>
      <c r="LZ12" s="119">
        <v>2088201</v>
      </c>
      <c r="MA12" s="119">
        <v>3444187</v>
      </c>
      <c r="MB12" s="119">
        <v>5295912</v>
      </c>
      <c r="MC12" s="119">
        <v>4175492</v>
      </c>
      <c r="MD12" s="120">
        <v>16330714</v>
      </c>
      <c r="ME12" s="121">
        <v>16330714</v>
      </c>
      <c r="MF12" s="142">
        <v>0</v>
      </c>
      <c r="MG12" s="119">
        <v>0</v>
      </c>
      <c r="MH12" s="120">
        <v>0</v>
      </c>
      <c r="MI12" s="145"/>
      <c r="MJ12" s="119">
        <v>22403651</v>
      </c>
      <c r="MK12" s="119">
        <v>66810062</v>
      </c>
      <c r="ML12" s="119">
        <v>303578924</v>
      </c>
      <c r="MM12" s="119">
        <v>514812615</v>
      </c>
      <c r="MN12" s="119">
        <v>344423388</v>
      </c>
      <c r="MO12" s="120">
        <v>1252028640</v>
      </c>
      <c r="MP12" s="143">
        <v>1252028640</v>
      </c>
      <c r="MQ12" s="142">
        <v>0</v>
      </c>
      <c r="MR12" s="119">
        <v>0</v>
      </c>
      <c r="MS12" s="120">
        <v>0</v>
      </c>
      <c r="MT12" s="145"/>
      <c r="MU12" s="119">
        <v>2143498</v>
      </c>
      <c r="MV12" s="119">
        <v>13976550</v>
      </c>
      <c r="MW12" s="119">
        <v>214541607</v>
      </c>
      <c r="MX12" s="119">
        <v>358534911</v>
      </c>
      <c r="MY12" s="119">
        <v>236310222</v>
      </c>
      <c r="MZ12" s="120">
        <v>825506788</v>
      </c>
      <c r="NA12" s="143">
        <v>825506788</v>
      </c>
      <c r="NB12" s="142">
        <v>0</v>
      </c>
      <c r="NC12" s="119">
        <v>0</v>
      </c>
      <c r="ND12" s="120">
        <v>0</v>
      </c>
      <c r="NE12" s="145"/>
      <c r="NF12" s="119">
        <v>20260153</v>
      </c>
      <c r="NG12" s="119">
        <v>52815376</v>
      </c>
      <c r="NH12" s="119">
        <v>86464191</v>
      </c>
      <c r="NI12" s="119">
        <v>120522073</v>
      </c>
      <c r="NJ12" s="119">
        <v>66944307</v>
      </c>
      <c r="NK12" s="120">
        <v>347006100</v>
      </c>
      <c r="NL12" s="320">
        <v>347006100</v>
      </c>
      <c r="NM12" s="142">
        <v>0</v>
      </c>
      <c r="NN12" s="119">
        <v>0</v>
      </c>
      <c r="NO12" s="120">
        <v>0</v>
      </c>
      <c r="NP12" s="145"/>
      <c r="NQ12" s="119">
        <v>0</v>
      </c>
      <c r="NR12" s="119">
        <v>18136</v>
      </c>
      <c r="NS12" s="119">
        <v>299472</v>
      </c>
      <c r="NT12" s="119">
        <v>6886094</v>
      </c>
      <c r="NU12" s="119">
        <v>8772533</v>
      </c>
      <c r="NV12" s="120">
        <v>15976235</v>
      </c>
      <c r="NW12" s="121">
        <v>15976235</v>
      </c>
      <c r="NX12" s="142">
        <v>0</v>
      </c>
      <c r="NY12" s="119">
        <v>0</v>
      </c>
      <c r="NZ12" s="120">
        <v>0</v>
      </c>
      <c r="OA12" s="145"/>
      <c r="OB12" s="119">
        <v>0</v>
      </c>
      <c r="OC12" s="119">
        <v>0</v>
      </c>
      <c r="OD12" s="119">
        <v>2273654</v>
      </c>
      <c r="OE12" s="119">
        <v>28869537</v>
      </c>
      <c r="OF12" s="119">
        <v>32396326</v>
      </c>
      <c r="OG12" s="120">
        <v>63539517</v>
      </c>
      <c r="OH12" s="121">
        <v>63539517</v>
      </c>
      <c r="OI12" s="142">
        <v>28234620</v>
      </c>
      <c r="OJ12" s="119">
        <v>75655316</v>
      </c>
      <c r="OK12" s="141">
        <v>103889936</v>
      </c>
      <c r="OL12" s="118">
        <v>0</v>
      </c>
      <c r="OM12" s="119">
        <v>470344170</v>
      </c>
      <c r="ON12" s="119">
        <v>729618758</v>
      </c>
      <c r="OO12" s="119">
        <v>939611740</v>
      </c>
      <c r="OP12" s="119">
        <v>1046646065</v>
      </c>
      <c r="OQ12" s="119">
        <v>716106496</v>
      </c>
      <c r="OR12" s="120">
        <v>3902327229</v>
      </c>
      <c r="OS12" s="143">
        <v>4006217165</v>
      </c>
    </row>
    <row r="13" spans="1:409" ht="18.75" customHeight="1" x14ac:dyDescent="0.2">
      <c r="B13" s="62" t="s">
        <v>7</v>
      </c>
      <c r="C13" s="110">
        <v>14277225</v>
      </c>
      <c r="D13" s="114">
        <v>16748679</v>
      </c>
      <c r="E13" s="113">
        <v>31025904</v>
      </c>
      <c r="F13" s="109">
        <v>0</v>
      </c>
      <c r="G13" s="114">
        <v>344768680</v>
      </c>
      <c r="H13" s="114">
        <v>316382082</v>
      </c>
      <c r="I13" s="114">
        <v>257166129</v>
      </c>
      <c r="J13" s="114">
        <v>275551593</v>
      </c>
      <c r="K13" s="114">
        <v>199586407</v>
      </c>
      <c r="L13" s="109">
        <v>1393454891</v>
      </c>
      <c r="M13" s="116">
        <v>1424480795</v>
      </c>
      <c r="N13" s="110">
        <v>1920058</v>
      </c>
      <c r="O13" s="114">
        <v>1797170</v>
      </c>
      <c r="P13" s="113">
        <v>3717228</v>
      </c>
      <c r="Q13" s="110">
        <v>0</v>
      </c>
      <c r="R13" s="114">
        <v>82114782</v>
      </c>
      <c r="S13" s="114">
        <v>93168251</v>
      </c>
      <c r="T13" s="114">
        <v>84521020</v>
      </c>
      <c r="U13" s="114">
        <v>124031023</v>
      </c>
      <c r="V13" s="114">
        <v>112655704</v>
      </c>
      <c r="W13" s="113">
        <v>496490780</v>
      </c>
      <c r="X13" s="116">
        <v>500208008</v>
      </c>
      <c r="Y13" s="110">
        <v>0</v>
      </c>
      <c r="Z13" s="114">
        <v>0</v>
      </c>
      <c r="AA13" s="113">
        <v>0</v>
      </c>
      <c r="AB13" s="110">
        <v>0</v>
      </c>
      <c r="AC13" s="114">
        <v>44646261</v>
      </c>
      <c r="AD13" s="114">
        <v>51240114</v>
      </c>
      <c r="AE13" s="114">
        <v>52850826</v>
      </c>
      <c r="AF13" s="114">
        <v>81469544</v>
      </c>
      <c r="AG13" s="114">
        <v>74145758</v>
      </c>
      <c r="AH13" s="113">
        <v>304352503</v>
      </c>
      <c r="AI13" s="116">
        <v>304352503</v>
      </c>
      <c r="AJ13" s="110">
        <v>0</v>
      </c>
      <c r="AK13" s="114">
        <v>0</v>
      </c>
      <c r="AL13" s="113">
        <v>0</v>
      </c>
      <c r="AM13" s="110">
        <v>0</v>
      </c>
      <c r="AN13" s="114">
        <v>594230</v>
      </c>
      <c r="AO13" s="114">
        <v>2424688</v>
      </c>
      <c r="AP13" s="114">
        <v>3108136</v>
      </c>
      <c r="AQ13" s="114">
        <v>8526798</v>
      </c>
      <c r="AR13" s="114">
        <v>11445929</v>
      </c>
      <c r="AS13" s="113">
        <v>26099781</v>
      </c>
      <c r="AT13" s="116">
        <v>26099781</v>
      </c>
      <c r="AU13" s="110">
        <v>350675</v>
      </c>
      <c r="AV13" s="114">
        <v>682936</v>
      </c>
      <c r="AW13" s="113">
        <v>1033611</v>
      </c>
      <c r="AX13" s="110">
        <v>0</v>
      </c>
      <c r="AY13" s="114">
        <v>20821055</v>
      </c>
      <c r="AZ13" s="114">
        <v>24821605</v>
      </c>
      <c r="BA13" s="114">
        <v>15996401</v>
      </c>
      <c r="BB13" s="114">
        <v>19329906</v>
      </c>
      <c r="BC13" s="114">
        <v>17366615</v>
      </c>
      <c r="BD13" s="113">
        <v>98335582</v>
      </c>
      <c r="BE13" s="116">
        <v>99369193</v>
      </c>
      <c r="BF13" s="110">
        <v>95530</v>
      </c>
      <c r="BG13" s="114">
        <v>64620</v>
      </c>
      <c r="BH13" s="112">
        <v>160150</v>
      </c>
      <c r="BI13" s="111">
        <v>0</v>
      </c>
      <c r="BJ13" s="114">
        <v>1829373</v>
      </c>
      <c r="BK13" s="114">
        <v>2468928</v>
      </c>
      <c r="BL13" s="114">
        <v>1388247</v>
      </c>
      <c r="BM13" s="114">
        <v>1780884</v>
      </c>
      <c r="BN13" s="114">
        <v>1049373</v>
      </c>
      <c r="BO13" s="113">
        <v>8516805</v>
      </c>
      <c r="BP13" s="116">
        <v>8676955</v>
      </c>
      <c r="BQ13" s="110">
        <v>1473853</v>
      </c>
      <c r="BR13" s="114">
        <v>1049614</v>
      </c>
      <c r="BS13" s="113">
        <v>2523467</v>
      </c>
      <c r="BT13" s="110">
        <v>0</v>
      </c>
      <c r="BU13" s="114">
        <v>14223863</v>
      </c>
      <c r="BV13" s="114">
        <v>12212916</v>
      </c>
      <c r="BW13" s="114">
        <v>11177410</v>
      </c>
      <c r="BX13" s="114">
        <v>12923891</v>
      </c>
      <c r="BY13" s="114">
        <v>8648029</v>
      </c>
      <c r="BZ13" s="113">
        <v>59186109</v>
      </c>
      <c r="CA13" s="116">
        <v>61709576</v>
      </c>
      <c r="CB13" s="110">
        <v>807210</v>
      </c>
      <c r="CC13" s="114">
        <v>1781193</v>
      </c>
      <c r="CD13" s="113">
        <v>2588403</v>
      </c>
      <c r="CE13" s="110">
        <v>0</v>
      </c>
      <c r="CF13" s="114">
        <v>91512945</v>
      </c>
      <c r="CG13" s="114">
        <v>78608661</v>
      </c>
      <c r="CH13" s="114">
        <v>53513136</v>
      </c>
      <c r="CI13" s="114">
        <v>33689936</v>
      </c>
      <c r="CJ13" s="114">
        <v>15098494</v>
      </c>
      <c r="CK13" s="113">
        <v>272423172</v>
      </c>
      <c r="CL13" s="116">
        <v>275011575</v>
      </c>
      <c r="CM13" s="110">
        <v>0</v>
      </c>
      <c r="CN13" s="114">
        <v>0</v>
      </c>
      <c r="CO13" s="113">
        <v>0</v>
      </c>
      <c r="CP13" s="111">
        <v>0</v>
      </c>
      <c r="CQ13" s="114">
        <v>78091825</v>
      </c>
      <c r="CR13" s="114">
        <v>64406948</v>
      </c>
      <c r="CS13" s="114">
        <v>43557230</v>
      </c>
      <c r="CT13" s="114">
        <v>28607415</v>
      </c>
      <c r="CU13" s="114">
        <v>13109541</v>
      </c>
      <c r="CV13" s="113">
        <v>227772959</v>
      </c>
      <c r="CW13" s="116">
        <v>227772959</v>
      </c>
      <c r="CX13" s="110">
        <v>807210</v>
      </c>
      <c r="CY13" s="114">
        <v>1781193</v>
      </c>
      <c r="CZ13" s="113">
        <v>2588403</v>
      </c>
      <c r="DA13" s="110">
        <v>0</v>
      </c>
      <c r="DB13" s="114">
        <v>13421120</v>
      </c>
      <c r="DC13" s="114">
        <v>14201713</v>
      </c>
      <c r="DD13" s="114">
        <v>9955906</v>
      </c>
      <c r="DE13" s="114">
        <v>5082521</v>
      </c>
      <c r="DF13" s="114">
        <v>1988953</v>
      </c>
      <c r="DG13" s="113">
        <v>44650213</v>
      </c>
      <c r="DH13" s="116">
        <v>47238616</v>
      </c>
      <c r="DI13" s="110">
        <v>32605</v>
      </c>
      <c r="DJ13" s="114">
        <v>38909</v>
      </c>
      <c r="DK13" s="112">
        <v>71514</v>
      </c>
      <c r="DL13" s="111">
        <v>0</v>
      </c>
      <c r="DM13" s="114">
        <v>10409999</v>
      </c>
      <c r="DN13" s="114">
        <v>16045057</v>
      </c>
      <c r="DO13" s="114">
        <v>22973930</v>
      </c>
      <c r="DP13" s="114">
        <v>16645480</v>
      </c>
      <c r="DQ13" s="114">
        <v>9560031</v>
      </c>
      <c r="DR13" s="113">
        <v>75634497</v>
      </c>
      <c r="DS13" s="116">
        <v>75706011</v>
      </c>
      <c r="DT13" s="110">
        <v>32605</v>
      </c>
      <c r="DU13" s="114">
        <v>38909</v>
      </c>
      <c r="DV13" s="113">
        <v>71514</v>
      </c>
      <c r="DW13" s="110">
        <v>0</v>
      </c>
      <c r="DX13" s="114">
        <v>9781009</v>
      </c>
      <c r="DY13" s="114">
        <v>14923457</v>
      </c>
      <c r="DZ13" s="114">
        <v>21172060</v>
      </c>
      <c r="EA13" s="114">
        <v>15985917</v>
      </c>
      <c r="EB13" s="114">
        <v>8743076</v>
      </c>
      <c r="EC13" s="113">
        <v>70605519</v>
      </c>
      <c r="ED13" s="116">
        <v>70677033</v>
      </c>
      <c r="EE13" s="110">
        <v>0</v>
      </c>
      <c r="EF13" s="112">
        <v>0</v>
      </c>
      <c r="EG13" s="113">
        <v>0</v>
      </c>
      <c r="EH13" s="110">
        <v>0</v>
      </c>
      <c r="EI13" s="114">
        <v>628990</v>
      </c>
      <c r="EJ13" s="114">
        <v>1121600</v>
      </c>
      <c r="EK13" s="114">
        <v>1801870</v>
      </c>
      <c r="EL13" s="114">
        <v>659563</v>
      </c>
      <c r="EM13" s="114">
        <v>816955</v>
      </c>
      <c r="EN13" s="112">
        <v>5028978</v>
      </c>
      <c r="EO13" s="116">
        <v>5028978</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3684504</v>
      </c>
      <c r="FM13" s="114">
        <v>4472237</v>
      </c>
      <c r="FN13" s="113">
        <v>8156741</v>
      </c>
      <c r="FO13" s="110">
        <v>0</v>
      </c>
      <c r="FP13" s="114">
        <v>15916717</v>
      </c>
      <c r="FQ13" s="114">
        <v>32460020</v>
      </c>
      <c r="FR13" s="114">
        <v>20893731</v>
      </c>
      <c r="FS13" s="114">
        <v>19801363</v>
      </c>
      <c r="FT13" s="114">
        <v>12520259</v>
      </c>
      <c r="FU13" s="113">
        <v>101592090</v>
      </c>
      <c r="FV13" s="116">
        <v>109748831</v>
      </c>
      <c r="FW13" s="115">
        <v>1317870</v>
      </c>
      <c r="FX13" s="114">
        <v>3081715</v>
      </c>
      <c r="FY13" s="112">
        <v>4399585</v>
      </c>
      <c r="FZ13" s="111">
        <v>0</v>
      </c>
      <c r="GA13" s="114">
        <v>11258448</v>
      </c>
      <c r="GB13" s="114">
        <v>29945668</v>
      </c>
      <c r="GC13" s="114">
        <v>19529175</v>
      </c>
      <c r="GD13" s="114">
        <v>17815549</v>
      </c>
      <c r="GE13" s="114">
        <v>12326133</v>
      </c>
      <c r="GF13" s="113">
        <v>90874973</v>
      </c>
      <c r="GG13" s="318">
        <v>95274558</v>
      </c>
      <c r="GH13" s="115">
        <v>246802</v>
      </c>
      <c r="GI13" s="114">
        <v>192658</v>
      </c>
      <c r="GJ13" s="112">
        <v>439460</v>
      </c>
      <c r="GK13" s="111">
        <v>0</v>
      </c>
      <c r="GL13" s="114">
        <v>887247</v>
      </c>
      <c r="GM13" s="114">
        <v>583233</v>
      </c>
      <c r="GN13" s="114">
        <v>663467</v>
      </c>
      <c r="GO13" s="114">
        <v>605039</v>
      </c>
      <c r="GP13" s="114">
        <v>161726</v>
      </c>
      <c r="GQ13" s="113">
        <v>2900712</v>
      </c>
      <c r="GR13" s="116">
        <v>3340172</v>
      </c>
      <c r="GS13" s="110">
        <v>2119832</v>
      </c>
      <c r="GT13" s="114">
        <v>1197864</v>
      </c>
      <c r="GU13" s="113">
        <v>3317696</v>
      </c>
      <c r="GV13" s="110">
        <v>0</v>
      </c>
      <c r="GW13" s="114">
        <v>3771022</v>
      </c>
      <c r="GX13" s="114">
        <v>1931119</v>
      </c>
      <c r="GY13" s="114">
        <v>701089</v>
      </c>
      <c r="GZ13" s="114">
        <v>1380775</v>
      </c>
      <c r="HA13" s="114">
        <v>32400</v>
      </c>
      <c r="HB13" s="112">
        <v>7816405</v>
      </c>
      <c r="HC13" s="116">
        <v>11134101</v>
      </c>
      <c r="HD13" s="110">
        <v>5927007</v>
      </c>
      <c r="HE13" s="114">
        <v>5302545</v>
      </c>
      <c r="HF13" s="112">
        <v>11229552</v>
      </c>
      <c r="HG13" s="111">
        <v>0</v>
      </c>
      <c r="HH13" s="114">
        <v>80642358</v>
      </c>
      <c r="HI13" s="114">
        <v>50963677</v>
      </c>
      <c r="HJ13" s="114">
        <v>46327545</v>
      </c>
      <c r="HK13" s="114">
        <v>60513614</v>
      </c>
      <c r="HL13" s="114">
        <v>37720057</v>
      </c>
      <c r="HM13" s="113">
        <v>276167251</v>
      </c>
      <c r="HN13" s="109">
        <v>287396803</v>
      </c>
      <c r="HO13" s="115">
        <v>1905841</v>
      </c>
      <c r="HP13" s="114">
        <v>3356625</v>
      </c>
      <c r="HQ13" s="113">
        <v>5262466</v>
      </c>
      <c r="HR13" s="110">
        <v>0</v>
      </c>
      <c r="HS13" s="114">
        <v>64171879</v>
      </c>
      <c r="HT13" s="114">
        <v>45136416</v>
      </c>
      <c r="HU13" s="114">
        <v>28936767</v>
      </c>
      <c r="HV13" s="114">
        <v>20870177</v>
      </c>
      <c r="HW13" s="114">
        <v>12031862</v>
      </c>
      <c r="HX13" s="112">
        <v>171147101</v>
      </c>
      <c r="HY13" s="116">
        <v>176409567</v>
      </c>
      <c r="HZ13" s="131">
        <v>329955</v>
      </c>
      <c r="IA13" s="132">
        <v>1000511</v>
      </c>
      <c r="IB13" s="133">
        <v>1330466</v>
      </c>
      <c r="IC13" s="146">
        <v>0</v>
      </c>
      <c r="ID13" s="132">
        <v>89904354</v>
      </c>
      <c r="IE13" s="147">
        <v>95118363</v>
      </c>
      <c r="IF13" s="133">
        <v>102045780</v>
      </c>
      <c r="IG13" s="132">
        <v>68425782</v>
      </c>
      <c r="IH13" s="133">
        <v>40814573</v>
      </c>
      <c r="II13" s="148">
        <v>396308852</v>
      </c>
      <c r="IJ13" s="139">
        <v>397639318</v>
      </c>
      <c r="IK13" s="232">
        <v>0</v>
      </c>
      <c r="IL13" s="236">
        <v>0</v>
      </c>
      <c r="IM13" s="237">
        <v>0</v>
      </c>
      <c r="IN13" s="140"/>
      <c r="IO13" s="119">
        <v>212146</v>
      </c>
      <c r="IP13" s="119">
        <v>1006132</v>
      </c>
      <c r="IQ13" s="119">
        <v>1592137</v>
      </c>
      <c r="IR13" s="119">
        <v>1690378</v>
      </c>
      <c r="IS13" s="119">
        <v>1490035</v>
      </c>
      <c r="IT13" s="141">
        <v>5990828</v>
      </c>
      <c r="IU13" s="320">
        <v>5990828</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44692187</v>
      </c>
      <c r="JL13" s="119">
        <v>37760250</v>
      </c>
      <c r="JM13" s="119">
        <v>25358495</v>
      </c>
      <c r="JN13" s="119">
        <v>11194059</v>
      </c>
      <c r="JO13" s="119">
        <v>5662742</v>
      </c>
      <c r="JP13" s="120">
        <v>124667733</v>
      </c>
      <c r="JQ13" s="320">
        <v>124667733</v>
      </c>
      <c r="JR13" s="142">
        <v>0</v>
      </c>
      <c r="JS13" s="119">
        <v>0</v>
      </c>
      <c r="JT13" s="141">
        <v>0</v>
      </c>
      <c r="JU13" s="118">
        <v>0</v>
      </c>
      <c r="JV13" s="119">
        <v>8614312</v>
      </c>
      <c r="JW13" s="119">
        <v>9993523</v>
      </c>
      <c r="JX13" s="119">
        <v>14060506</v>
      </c>
      <c r="JY13" s="119">
        <v>5176554</v>
      </c>
      <c r="JZ13" s="119">
        <v>2658010</v>
      </c>
      <c r="KA13" s="120">
        <v>40502905</v>
      </c>
      <c r="KB13" s="320">
        <v>40502905</v>
      </c>
      <c r="KC13" s="234">
        <v>329955</v>
      </c>
      <c r="KD13" s="230">
        <v>1000511</v>
      </c>
      <c r="KE13" s="120">
        <v>1330466</v>
      </c>
      <c r="KF13" s="118">
        <v>0</v>
      </c>
      <c r="KG13" s="119">
        <v>6252265</v>
      </c>
      <c r="KH13" s="119">
        <v>6692807</v>
      </c>
      <c r="KI13" s="119">
        <v>7609499</v>
      </c>
      <c r="KJ13" s="119">
        <v>5679253</v>
      </c>
      <c r="KK13" s="119">
        <v>1794997</v>
      </c>
      <c r="KL13" s="120">
        <v>28028821</v>
      </c>
      <c r="KM13" s="143">
        <v>29359287</v>
      </c>
      <c r="KN13" s="232">
        <v>0</v>
      </c>
      <c r="KO13" s="236">
        <v>0</v>
      </c>
      <c r="KP13" s="237">
        <v>0</v>
      </c>
      <c r="KQ13" s="140"/>
      <c r="KR13" s="119">
        <v>29170852</v>
      </c>
      <c r="KS13" s="119">
        <v>36596589</v>
      </c>
      <c r="KT13" s="119">
        <v>52637004</v>
      </c>
      <c r="KU13" s="119">
        <v>41610006</v>
      </c>
      <c r="KV13" s="119">
        <v>21689778</v>
      </c>
      <c r="KW13" s="120">
        <v>181704229</v>
      </c>
      <c r="KX13" s="320">
        <v>181704229</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962592</v>
      </c>
      <c r="LZ13" s="119">
        <v>3069062</v>
      </c>
      <c r="MA13" s="119">
        <v>788139</v>
      </c>
      <c r="MB13" s="119">
        <v>3075532</v>
      </c>
      <c r="MC13" s="119">
        <v>7519011</v>
      </c>
      <c r="MD13" s="120">
        <v>15414336</v>
      </c>
      <c r="ME13" s="121">
        <v>15414336</v>
      </c>
      <c r="MF13" s="142">
        <v>0</v>
      </c>
      <c r="MG13" s="119">
        <v>0</v>
      </c>
      <c r="MH13" s="120">
        <v>0</v>
      </c>
      <c r="MI13" s="145"/>
      <c r="MJ13" s="119">
        <v>45555250</v>
      </c>
      <c r="MK13" s="119">
        <v>69873084</v>
      </c>
      <c r="ML13" s="119">
        <v>213486368</v>
      </c>
      <c r="MM13" s="119">
        <v>344973770</v>
      </c>
      <c r="MN13" s="119">
        <v>209003068</v>
      </c>
      <c r="MO13" s="120">
        <v>882891540</v>
      </c>
      <c r="MP13" s="143">
        <v>882891540</v>
      </c>
      <c r="MQ13" s="142">
        <v>0</v>
      </c>
      <c r="MR13" s="119">
        <v>0</v>
      </c>
      <c r="MS13" s="120">
        <v>0</v>
      </c>
      <c r="MT13" s="145"/>
      <c r="MU13" s="119">
        <v>4456577</v>
      </c>
      <c r="MV13" s="119">
        <v>11467221</v>
      </c>
      <c r="MW13" s="119">
        <v>143665236</v>
      </c>
      <c r="MX13" s="119">
        <v>252132071</v>
      </c>
      <c r="MY13" s="119">
        <v>172797775</v>
      </c>
      <c r="MZ13" s="120">
        <v>584518880</v>
      </c>
      <c r="NA13" s="143">
        <v>584518880</v>
      </c>
      <c r="NB13" s="142">
        <v>0</v>
      </c>
      <c r="NC13" s="119">
        <v>0</v>
      </c>
      <c r="ND13" s="120">
        <v>0</v>
      </c>
      <c r="NE13" s="145"/>
      <c r="NF13" s="119">
        <v>41098673</v>
      </c>
      <c r="NG13" s="119">
        <v>58405863</v>
      </c>
      <c r="NH13" s="119">
        <v>69105895</v>
      </c>
      <c r="NI13" s="119">
        <v>91773625</v>
      </c>
      <c r="NJ13" s="119">
        <v>33528822</v>
      </c>
      <c r="NK13" s="120">
        <v>293912878</v>
      </c>
      <c r="NL13" s="320">
        <v>293912878</v>
      </c>
      <c r="NM13" s="142">
        <v>0</v>
      </c>
      <c r="NN13" s="119">
        <v>0</v>
      </c>
      <c r="NO13" s="120">
        <v>0</v>
      </c>
      <c r="NP13" s="145"/>
      <c r="NQ13" s="119">
        <v>0</v>
      </c>
      <c r="NR13" s="119">
        <v>0</v>
      </c>
      <c r="NS13" s="119">
        <v>0</v>
      </c>
      <c r="NT13" s="119">
        <v>679293</v>
      </c>
      <c r="NU13" s="119">
        <v>1486125</v>
      </c>
      <c r="NV13" s="120">
        <v>2165418</v>
      </c>
      <c r="NW13" s="121">
        <v>2165418</v>
      </c>
      <c r="NX13" s="142">
        <v>0</v>
      </c>
      <c r="NY13" s="119">
        <v>0</v>
      </c>
      <c r="NZ13" s="120">
        <v>0</v>
      </c>
      <c r="OA13" s="145"/>
      <c r="OB13" s="119">
        <v>0</v>
      </c>
      <c r="OC13" s="119">
        <v>0</v>
      </c>
      <c r="OD13" s="119">
        <v>715237</v>
      </c>
      <c r="OE13" s="119">
        <v>388781</v>
      </c>
      <c r="OF13" s="119">
        <v>1190346</v>
      </c>
      <c r="OG13" s="120">
        <v>2294364</v>
      </c>
      <c r="OH13" s="121">
        <v>2294364</v>
      </c>
      <c r="OI13" s="142">
        <v>14607180</v>
      </c>
      <c r="OJ13" s="119">
        <v>17749190</v>
      </c>
      <c r="OK13" s="141">
        <v>32356370</v>
      </c>
      <c r="OL13" s="118">
        <v>0</v>
      </c>
      <c r="OM13" s="119">
        <v>480228284</v>
      </c>
      <c r="ON13" s="119">
        <v>481373529</v>
      </c>
      <c r="OO13" s="119">
        <v>572698277</v>
      </c>
      <c r="OP13" s="119">
        <v>688951145</v>
      </c>
      <c r="OQ13" s="119">
        <v>449404048</v>
      </c>
      <c r="OR13" s="120">
        <v>2672655283</v>
      </c>
      <c r="OS13" s="143">
        <v>2705011653</v>
      </c>
    </row>
    <row r="14" spans="1:409" ht="18.75" customHeight="1" x14ac:dyDescent="0.2">
      <c r="B14" s="62" t="s">
        <v>8</v>
      </c>
      <c r="C14" s="110">
        <v>13208229</v>
      </c>
      <c r="D14" s="114">
        <v>14224415</v>
      </c>
      <c r="E14" s="113">
        <v>27432644</v>
      </c>
      <c r="F14" s="109">
        <v>0</v>
      </c>
      <c r="G14" s="114">
        <v>136005024</v>
      </c>
      <c r="H14" s="114">
        <v>192164809</v>
      </c>
      <c r="I14" s="114">
        <v>176228177</v>
      </c>
      <c r="J14" s="114">
        <v>157336719</v>
      </c>
      <c r="K14" s="114">
        <v>135812812</v>
      </c>
      <c r="L14" s="109">
        <v>797547541</v>
      </c>
      <c r="M14" s="116">
        <v>824980185</v>
      </c>
      <c r="N14" s="110">
        <v>2324878</v>
      </c>
      <c r="O14" s="114">
        <v>3322682</v>
      </c>
      <c r="P14" s="113">
        <v>5647560</v>
      </c>
      <c r="Q14" s="110">
        <v>0</v>
      </c>
      <c r="R14" s="114">
        <v>37195444</v>
      </c>
      <c r="S14" s="114">
        <v>61233728</v>
      </c>
      <c r="T14" s="114">
        <v>56447809</v>
      </c>
      <c r="U14" s="114">
        <v>66513695</v>
      </c>
      <c r="V14" s="114">
        <v>72147388</v>
      </c>
      <c r="W14" s="113">
        <v>293538064</v>
      </c>
      <c r="X14" s="116">
        <v>299185624</v>
      </c>
      <c r="Y14" s="110">
        <v>0</v>
      </c>
      <c r="Z14" s="114">
        <v>0</v>
      </c>
      <c r="AA14" s="113">
        <v>0</v>
      </c>
      <c r="AB14" s="110">
        <v>0</v>
      </c>
      <c r="AC14" s="114">
        <v>19991932</v>
      </c>
      <c r="AD14" s="114">
        <v>34743181</v>
      </c>
      <c r="AE14" s="114">
        <v>36198988</v>
      </c>
      <c r="AF14" s="114">
        <v>43502201</v>
      </c>
      <c r="AG14" s="114">
        <v>47415458</v>
      </c>
      <c r="AH14" s="113">
        <v>181851760</v>
      </c>
      <c r="AI14" s="116">
        <v>181851760</v>
      </c>
      <c r="AJ14" s="110">
        <v>0</v>
      </c>
      <c r="AK14" s="114">
        <v>0</v>
      </c>
      <c r="AL14" s="113">
        <v>0</v>
      </c>
      <c r="AM14" s="110">
        <v>0</v>
      </c>
      <c r="AN14" s="114">
        <v>130812</v>
      </c>
      <c r="AO14" s="114">
        <v>881295</v>
      </c>
      <c r="AP14" s="114">
        <v>1680931</v>
      </c>
      <c r="AQ14" s="114">
        <v>3984843</v>
      </c>
      <c r="AR14" s="114">
        <v>6812415</v>
      </c>
      <c r="AS14" s="113">
        <v>13490296</v>
      </c>
      <c r="AT14" s="116">
        <v>13490296</v>
      </c>
      <c r="AU14" s="110">
        <v>1287398</v>
      </c>
      <c r="AV14" s="114">
        <v>2326930</v>
      </c>
      <c r="AW14" s="113">
        <v>3614328</v>
      </c>
      <c r="AX14" s="110">
        <v>0</v>
      </c>
      <c r="AY14" s="114">
        <v>10087462</v>
      </c>
      <c r="AZ14" s="114">
        <v>16170762</v>
      </c>
      <c r="BA14" s="114">
        <v>10751833</v>
      </c>
      <c r="BB14" s="114">
        <v>11034380</v>
      </c>
      <c r="BC14" s="114">
        <v>11943942</v>
      </c>
      <c r="BD14" s="113">
        <v>59988379</v>
      </c>
      <c r="BE14" s="116">
        <v>63602707</v>
      </c>
      <c r="BF14" s="110">
        <v>222919</v>
      </c>
      <c r="BG14" s="114">
        <v>534422</v>
      </c>
      <c r="BH14" s="112">
        <v>757341</v>
      </c>
      <c r="BI14" s="111">
        <v>0</v>
      </c>
      <c r="BJ14" s="114">
        <v>1611744</v>
      </c>
      <c r="BK14" s="114">
        <v>2674864</v>
      </c>
      <c r="BL14" s="114">
        <v>2032893</v>
      </c>
      <c r="BM14" s="114">
        <v>1662419</v>
      </c>
      <c r="BN14" s="114">
        <v>997442</v>
      </c>
      <c r="BO14" s="113">
        <v>8979362</v>
      </c>
      <c r="BP14" s="116">
        <v>9736703</v>
      </c>
      <c r="BQ14" s="110">
        <v>814561</v>
      </c>
      <c r="BR14" s="114">
        <v>461330</v>
      </c>
      <c r="BS14" s="113">
        <v>1275891</v>
      </c>
      <c r="BT14" s="110">
        <v>0</v>
      </c>
      <c r="BU14" s="114">
        <v>5373494</v>
      </c>
      <c r="BV14" s="114">
        <v>6763626</v>
      </c>
      <c r="BW14" s="114">
        <v>5783164</v>
      </c>
      <c r="BX14" s="114">
        <v>6329852</v>
      </c>
      <c r="BY14" s="114">
        <v>4978131</v>
      </c>
      <c r="BZ14" s="113">
        <v>29228267</v>
      </c>
      <c r="CA14" s="116">
        <v>30504158</v>
      </c>
      <c r="CB14" s="110">
        <v>1269787</v>
      </c>
      <c r="CC14" s="114">
        <v>2003733</v>
      </c>
      <c r="CD14" s="113">
        <v>3273520</v>
      </c>
      <c r="CE14" s="110">
        <v>0</v>
      </c>
      <c r="CF14" s="114">
        <v>36289417</v>
      </c>
      <c r="CG14" s="114">
        <v>51045521</v>
      </c>
      <c r="CH14" s="114">
        <v>39362514</v>
      </c>
      <c r="CI14" s="114">
        <v>24574958</v>
      </c>
      <c r="CJ14" s="114">
        <v>17274104</v>
      </c>
      <c r="CK14" s="113">
        <v>168546514</v>
      </c>
      <c r="CL14" s="116">
        <v>171820034</v>
      </c>
      <c r="CM14" s="110">
        <v>0</v>
      </c>
      <c r="CN14" s="114">
        <v>0</v>
      </c>
      <c r="CO14" s="113">
        <v>0</v>
      </c>
      <c r="CP14" s="111">
        <v>0</v>
      </c>
      <c r="CQ14" s="114">
        <v>31644748</v>
      </c>
      <c r="CR14" s="114">
        <v>40874520</v>
      </c>
      <c r="CS14" s="114">
        <v>33139241</v>
      </c>
      <c r="CT14" s="114">
        <v>19931343</v>
      </c>
      <c r="CU14" s="114">
        <v>15771221</v>
      </c>
      <c r="CV14" s="113">
        <v>141361073</v>
      </c>
      <c r="CW14" s="116">
        <v>141361073</v>
      </c>
      <c r="CX14" s="110">
        <v>1269787</v>
      </c>
      <c r="CY14" s="114">
        <v>2003733</v>
      </c>
      <c r="CZ14" s="113">
        <v>3273520</v>
      </c>
      <c r="DA14" s="110">
        <v>0</v>
      </c>
      <c r="DB14" s="114">
        <v>4644669</v>
      </c>
      <c r="DC14" s="114">
        <v>10171001</v>
      </c>
      <c r="DD14" s="114">
        <v>6223273</v>
      </c>
      <c r="DE14" s="114">
        <v>4643615</v>
      </c>
      <c r="DF14" s="114">
        <v>1502883</v>
      </c>
      <c r="DG14" s="113">
        <v>27185441</v>
      </c>
      <c r="DH14" s="116">
        <v>30458961</v>
      </c>
      <c r="DI14" s="110">
        <v>85959</v>
      </c>
      <c r="DJ14" s="114">
        <v>212454</v>
      </c>
      <c r="DK14" s="112">
        <v>298413</v>
      </c>
      <c r="DL14" s="111">
        <v>0</v>
      </c>
      <c r="DM14" s="114">
        <v>3197495</v>
      </c>
      <c r="DN14" s="114">
        <v>9876768</v>
      </c>
      <c r="DO14" s="114">
        <v>24120328</v>
      </c>
      <c r="DP14" s="114">
        <v>14282347</v>
      </c>
      <c r="DQ14" s="114">
        <v>9554058</v>
      </c>
      <c r="DR14" s="113">
        <v>61030996</v>
      </c>
      <c r="DS14" s="116">
        <v>61329409</v>
      </c>
      <c r="DT14" s="110">
        <v>85959</v>
      </c>
      <c r="DU14" s="114">
        <v>212454</v>
      </c>
      <c r="DV14" s="113">
        <v>298413</v>
      </c>
      <c r="DW14" s="110">
        <v>0</v>
      </c>
      <c r="DX14" s="114">
        <v>3197495</v>
      </c>
      <c r="DY14" s="114">
        <v>9436983</v>
      </c>
      <c r="DZ14" s="114">
        <v>23582207</v>
      </c>
      <c r="EA14" s="114">
        <v>13912235</v>
      </c>
      <c r="EB14" s="114">
        <v>9554058</v>
      </c>
      <c r="EC14" s="113">
        <v>59682978</v>
      </c>
      <c r="ED14" s="116">
        <v>59981391</v>
      </c>
      <c r="EE14" s="110">
        <v>0</v>
      </c>
      <c r="EF14" s="112">
        <v>0</v>
      </c>
      <c r="EG14" s="113">
        <v>0</v>
      </c>
      <c r="EH14" s="110">
        <v>0</v>
      </c>
      <c r="EI14" s="114">
        <v>0</v>
      </c>
      <c r="EJ14" s="114">
        <v>439785</v>
      </c>
      <c r="EK14" s="114">
        <v>538121</v>
      </c>
      <c r="EL14" s="114">
        <v>370112</v>
      </c>
      <c r="EM14" s="114">
        <v>0</v>
      </c>
      <c r="EN14" s="112">
        <v>1348018</v>
      </c>
      <c r="EO14" s="116">
        <v>1348018</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4020966</v>
      </c>
      <c r="FM14" s="114">
        <v>4039702</v>
      </c>
      <c r="FN14" s="113">
        <v>8060668</v>
      </c>
      <c r="FO14" s="110">
        <v>0</v>
      </c>
      <c r="FP14" s="114">
        <v>8531993</v>
      </c>
      <c r="FQ14" s="114">
        <v>20863252</v>
      </c>
      <c r="FR14" s="114">
        <v>14617134</v>
      </c>
      <c r="FS14" s="114">
        <v>12438916</v>
      </c>
      <c r="FT14" s="114">
        <v>9913151</v>
      </c>
      <c r="FU14" s="113">
        <v>66364446</v>
      </c>
      <c r="FV14" s="116">
        <v>74425114</v>
      </c>
      <c r="FW14" s="115">
        <v>2035557</v>
      </c>
      <c r="FX14" s="114">
        <v>3469646</v>
      </c>
      <c r="FY14" s="112">
        <v>5505203</v>
      </c>
      <c r="FZ14" s="111">
        <v>0</v>
      </c>
      <c r="GA14" s="114">
        <v>6565901</v>
      </c>
      <c r="GB14" s="114">
        <v>19087653</v>
      </c>
      <c r="GC14" s="114">
        <v>13402003</v>
      </c>
      <c r="GD14" s="114">
        <v>11363642</v>
      </c>
      <c r="GE14" s="114">
        <v>9296669</v>
      </c>
      <c r="GF14" s="113">
        <v>59715868</v>
      </c>
      <c r="GG14" s="318">
        <v>65221071</v>
      </c>
      <c r="GH14" s="115">
        <v>99621</v>
      </c>
      <c r="GI14" s="114">
        <v>245340</v>
      </c>
      <c r="GJ14" s="112">
        <v>344961</v>
      </c>
      <c r="GK14" s="111">
        <v>0</v>
      </c>
      <c r="GL14" s="114">
        <v>473812</v>
      </c>
      <c r="GM14" s="114">
        <v>415293</v>
      </c>
      <c r="GN14" s="114">
        <v>297211</v>
      </c>
      <c r="GO14" s="114">
        <v>599354</v>
      </c>
      <c r="GP14" s="114">
        <v>65682</v>
      </c>
      <c r="GQ14" s="113">
        <v>1851352</v>
      </c>
      <c r="GR14" s="116">
        <v>2196313</v>
      </c>
      <c r="GS14" s="110">
        <v>1885788</v>
      </c>
      <c r="GT14" s="114">
        <v>324716</v>
      </c>
      <c r="GU14" s="113">
        <v>2210504</v>
      </c>
      <c r="GV14" s="110">
        <v>0</v>
      </c>
      <c r="GW14" s="114">
        <v>1492280</v>
      </c>
      <c r="GX14" s="114">
        <v>1360306</v>
      </c>
      <c r="GY14" s="114">
        <v>917920</v>
      </c>
      <c r="GZ14" s="114">
        <v>475920</v>
      </c>
      <c r="HA14" s="114">
        <v>550800</v>
      </c>
      <c r="HB14" s="112">
        <v>4797226</v>
      </c>
      <c r="HC14" s="116">
        <v>7007730</v>
      </c>
      <c r="HD14" s="110">
        <v>3069714</v>
      </c>
      <c r="HE14" s="114">
        <v>1646672</v>
      </c>
      <c r="HF14" s="112">
        <v>4716386</v>
      </c>
      <c r="HG14" s="111">
        <v>0</v>
      </c>
      <c r="HH14" s="114">
        <v>25540241</v>
      </c>
      <c r="HI14" s="114">
        <v>22060030</v>
      </c>
      <c r="HJ14" s="114">
        <v>23084810</v>
      </c>
      <c r="HK14" s="114">
        <v>27776961</v>
      </c>
      <c r="HL14" s="114">
        <v>19295610</v>
      </c>
      <c r="HM14" s="113">
        <v>117757652</v>
      </c>
      <c r="HN14" s="109">
        <v>122474038</v>
      </c>
      <c r="HO14" s="115">
        <v>2436925</v>
      </c>
      <c r="HP14" s="114">
        <v>2999172</v>
      </c>
      <c r="HQ14" s="113">
        <v>5436097</v>
      </c>
      <c r="HR14" s="110">
        <v>0</v>
      </c>
      <c r="HS14" s="114">
        <v>25250434</v>
      </c>
      <c r="HT14" s="114">
        <v>27085510</v>
      </c>
      <c r="HU14" s="114">
        <v>18595582</v>
      </c>
      <c r="HV14" s="114">
        <v>11749842</v>
      </c>
      <c r="HW14" s="114">
        <v>7628501</v>
      </c>
      <c r="HX14" s="112">
        <v>90309869</v>
      </c>
      <c r="HY14" s="116">
        <v>95745966</v>
      </c>
      <c r="HZ14" s="131">
        <v>357846</v>
      </c>
      <c r="IA14" s="132">
        <v>947659</v>
      </c>
      <c r="IB14" s="133">
        <v>1305505</v>
      </c>
      <c r="IC14" s="134">
        <v>0</v>
      </c>
      <c r="ID14" s="135">
        <v>57480139</v>
      </c>
      <c r="IE14" s="136">
        <v>71042883</v>
      </c>
      <c r="IF14" s="137">
        <v>69489179</v>
      </c>
      <c r="IG14" s="135">
        <v>50223313</v>
      </c>
      <c r="IH14" s="137">
        <v>28178575</v>
      </c>
      <c r="II14" s="138">
        <v>276414089</v>
      </c>
      <c r="IJ14" s="139">
        <v>277719594</v>
      </c>
      <c r="IK14" s="232">
        <v>0</v>
      </c>
      <c r="IL14" s="236">
        <v>0</v>
      </c>
      <c r="IM14" s="237">
        <v>0</v>
      </c>
      <c r="IN14" s="140"/>
      <c r="IO14" s="119">
        <v>240478</v>
      </c>
      <c r="IP14" s="119">
        <v>1126039</v>
      </c>
      <c r="IQ14" s="119">
        <v>805890</v>
      </c>
      <c r="IR14" s="119">
        <v>822163</v>
      </c>
      <c r="IS14" s="119">
        <v>585859</v>
      </c>
      <c r="IT14" s="141">
        <v>3580429</v>
      </c>
      <c r="IU14" s="320">
        <v>3580429</v>
      </c>
      <c r="IV14" s="142">
        <v>0</v>
      </c>
      <c r="IW14" s="119">
        <v>0</v>
      </c>
      <c r="IX14" s="120">
        <v>0</v>
      </c>
      <c r="IY14" s="144"/>
      <c r="IZ14" s="119">
        <v>37132</v>
      </c>
      <c r="JA14" s="119">
        <v>18566</v>
      </c>
      <c r="JB14" s="119">
        <v>0</v>
      </c>
      <c r="JC14" s="119">
        <v>28956</v>
      </c>
      <c r="JD14" s="119">
        <v>120535</v>
      </c>
      <c r="JE14" s="120">
        <v>205189</v>
      </c>
      <c r="JF14" s="121">
        <v>205189</v>
      </c>
      <c r="JG14" s="142">
        <v>0</v>
      </c>
      <c r="JH14" s="119">
        <v>0</v>
      </c>
      <c r="JI14" s="141">
        <v>0</v>
      </c>
      <c r="JJ14" s="118">
        <v>0</v>
      </c>
      <c r="JK14" s="119">
        <v>28164321</v>
      </c>
      <c r="JL14" s="119">
        <v>33451227</v>
      </c>
      <c r="JM14" s="119">
        <v>23990159</v>
      </c>
      <c r="JN14" s="119">
        <v>13433226</v>
      </c>
      <c r="JO14" s="119">
        <v>4616652</v>
      </c>
      <c r="JP14" s="120">
        <v>103655585</v>
      </c>
      <c r="JQ14" s="320">
        <v>103655585</v>
      </c>
      <c r="JR14" s="142">
        <v>0</v>
      </c>
      <c r="JS14" s="119">
        <v>0</v>
      </c>
      <c r="JT14" s="141">
        <v>0</v>
      </c>
      <c r="JU14" s="118">
        <v>0</v>
      </c>
      <c r="JV14" s="119">
        <v>703296</v>
      </c>
      <c r="JW14" s="119">
        <v>1241121</v>
      </c>
      <c r="JX14" s="119">
        <v>1112143</v>
      </c>
      <c r="JY14" s="119">
        <v>1189104</v>
      </c>
      <c r="JZ14" s="119">
        <v>1202366</v>
      </c>
      <c r="KA14" s="120">
        <v>5448030</v>
      </c>
      <c r="KB14" s="320">
        <v>5448030</v>
      </c>
      <c r="KC14" s="234">
        <v>357846</v>
      </c>
      <c r="KD14" s="230">
        <v>947659</v>
      </c>
      <c r="KE14" s="120">
        <v>1305505</v>
      </c>
      <c r="KF14" s="118">
        <v>0</v>
      </c>
      <c r="KG14" s="119">
        <v>9736138</v>
      </c>
      <c r="KH14" s="119">
        <v>10701770</v>
      </c>
      <c r="KI14" s="119">
        <v>14713643</v>
      </c>
      <c r="KJ14" s="119">
        <v>7434371</v>
      </c>
      <c r="KK14" s="119">
        <v>1535939</v>
      </c>
      <c r="KL14" s="120">
        <v>44121861</v>
      </c>
      <c r="KM14" s="143">
        <v>45427366</v>
      </c>
      <c r="KN14" s="232">
        <v>0</v>
      </c>
      <c r="KO14" s="236">
        <v>0</v>
      </c>
      <c r="KP14" s="237">
        <v>0</v>
      </c>
      <c r="KQ14" s="140"/>
      <c r="KR14" s="119">
        <v>16505509</v>
      </c>
      <c r="KS14" s="119">
        <v>19508624</v>
      </c>
      <c r="KT14" s="119">
        <v>19019217</v>
      </c>
      <c r="KU14" s="119">
        <v>15234233</v>
      </c>
      <c r="KV14" s="119">
        <v>11030812</v>
      </c>
      <c r="KW14" s="120">
        <v>81298395</v>
      </c>
      <c r="KX14" s="320">
        <v>81298395</v>
      </c>
      <c r="KY14" s="142">
        <v>0</v>
      </c>
      <c r="KZ14" s="119">
        <v>0</v>
      </c>
      <c r="LA14" s="120">
        <v>0</v>
      </c>
      <c r="LB14" s="145"/>
      <c r="LC14" s="119">
        <v>447667</v>
      </c>
      <c r="LD14" s="119">
        <v>1599906</v>
      </c>
      <c r="LE14" s="119">
        <v>2547708</v>
      </c>
      <c r="LF14" s="119">
        <v>3341575</v>
      </c>
      <c r="LG14" s="119">
        <v>1339277</v>
      </c>
      <c r="LH14" s="120">
        <v>9276133</v>
      </c>
      <c r="LI14" s="121">
        <v>9276133</v>
      </c>
      <c r="LJ14" s="142">
        <v>0</v>
      </c>
      <c r="LK14" s="119">
        <v>0</v>
      </c>
      <c r="LL14" s="120">
        <v>0</v>
      </c>
      <c r="LM14" s="145"/>
      <c r="LN14" s="119">
        <v>0</v>
      </c>
      <c r="LO14" s="119">
        <v>460994</v>
      </c>
      <c r="LP14" s="119">
        <v>3649809</v>
      </c>
      <c r="LQ14" s="119">
        <v>5172669</v>
      </c>
      <c r="LR14" s="119">
        <v>4259349</v>
      </c>
      <c r="LS14" s="120">
        <v>13542821</v>
      </c>
      <c r="LT14" s="320">
        <v>13542821</v>
      </c>
      <c r="LU14" s="142">
        <v>0</v>
      </c>
      <c r="LV14" s="119">
        <v>0</v>
      </c>
      <c r="LW14" s="120">
        <v>0</v>
      </c>
      <c r="LX14" s="145"/>
      <c r="LY14" s="119">
        <v>1645598</v>
      </c>
      <c r="LZ14" s="119">
        <v>2934636</v>
      </c>
      <c r="MA14" s="119">
        <v>3650610</v>
      </c>
      <c r="MB14" s="119">
        <v>3567016</v>
      </c>
      <c r="MC14" s="119">
        <v>3487786</v>
      </c>
      <c r="MD14" s="120">
        <v>15285646</v>
      </c>
      <c r="ME14" s="121">
        <v>15285646</v>
      </c>
      <c r="MF14" s="142">
        <v>0</v>
      </c>
      <c r="MG14" s="119">
        <v>0</v>
      </c>
      <c r="MH14" s="120">
        <v>0</v>
      </c>
      <c r="MI14" s="145"/>
      <c r="MJ14" s="119">
        <v>17641176</v>
      </c>
      <c r="MK14" s="119">
        <v>41948039</v>
      </c>
      <c r="ML14" s="119">
        <v>139865806</v>
      </c>
      <c r="MM14" s="119">
        <v>148555552</v>
      </c>
      <c r="MN14" s="119">
        <v>92470710</v>
      </c>
      <c r="MO14" s="120">
        <v>440481283</v>
      </c>
      <c r="MP14" s="143">
        <v>440481283</v>
      </c>
      <c r="MQ14" s="142">
        <v>0</v>
      </c>
      <c r="MR14" s="119">
        <v>0</v>
      </c>
      <c r="MS14" s="120">
        <v>0</v>
      </c>
      <c r="MT14" s="145"/>
      <c r="MU14" s="119">
        <v>4897243</v>
      </c>
      <c r="MV14" s="119">
        <v>14699374</v>
      </c>
      <c r="MW14" s="119">
        <v>89682768</v>
      </c>
      <c r="MX14" s="119">
        <v>103182033</v>
      </c>
      <c r="MY14" s="119">
        <v>65155852</v>
      </c>
      <c r="MZ14" s="120">
        <v>277617270</v>
      </c>
      <c r="NA14" s="143">
        <v>277617270</v>
      </c>
      <c r="NB14" s="142">
        <v>0</v>
      </c>
      <c r="NC14" s="119">
        <v>0</v>
      </c>
      <c r="ND14" s="120">
        <v>0</v>
      </c>
      <c r="NE14" s="145"/>
      <c r="NF14" s="119">
        <v>12520193</v>
      </c>
      <c r="NG14" s="119">
        <v>27248665</v>
      </c>
      <c r="NH14" s="119">
        <v>49792111</v>
      </c>
      <c r="NI14" s="119">
        <v>42175645</v>
      </c>
      <c r="NJ14" s="119">
        <v>23242162</v>
      </c>
      <c r="NK14" s="120">
        <v>154978776</v>
      </c>
      <c r="NL14" s="320">
        <v>154978776</v>
      </c>
      <c r="NM14" s="142">
        <v>0</v>
      </c>
      <c r="NN14" s="119">
        <v>0</v>
      </c>
      <c r="NO14" s="120">
        <v>0</v>
      </c>
      <c r="NP14" s="145"/>
      <c r="NQ14" s="119">
        <v>0</v>
      </c>
      <c r="NR14" s="119">
        <v>0</v>
      </c>
      <c r="NS14" s="119">
        <v>0</v>
      </c>
      <c r="NT14" s="119">
        <v>693745</v>
      </c>
      <c r="NU14" s="119">
        <v>0</v>
      </c>
      <c r="NV14" s="120">
        <v>693745</v>
      </c>
      <c r="NW14" s="121">
        <v>693745</v>
      </c>
      <c r="NX14" s="142">
        <v>0</v>
      </c>
      <c r="NY14" s="119">
        <v>0</v>
      </c>
      <c r="NZ14" s="120">
        <v>0</v>
      </c>
      <c r="OA14" s="145"/>
      <c r="OB14" s="119">
        <v>223740</v>
      </c>
      <c r="OC14" s="119">
        <v>0</v>
      </c>
      <c r="OD14" s="119">
        <v>390927</v>
      </c>
      <c r="OE14" s="119">
        <v>2504129</v>
      </c>
      <c r="OF14" s="119">
        <v>4072696</v>
      </c>
      <c r="OG14" s="120">
        <v>7191492</v>
      </c>
      <c r="OH14" s="121">
        <v>7191492</v>
      </c>
      <c r="OI14" s="142">
        <v>13566075</v>
      </c>
      <c r="OJ14" s="119">
        <v>15172074</v>
      </c>
      <c r="OK14" s="141">
        <v>28738149</v>
      </c>
      <c r="OL14" s="118">
        <v>0</v>
      </c>
      <c r="OM14" s="119">
        <v>211126339</v>
      </c>
      <c r="ON14" s="119">
        <v>305155731</v>
      </c>
      <c r="OO14" s="119">
        <v>385583162</v>
      </c>
      <c r="OP14" s="119">
        <v>356115584</v>
      </c>
      <c r="OQ14" s="119">
        <v>256462097</v>
      </c>
      <c r="OR14" s="120">
        <v>1514442913</v>
      </c>
      <c r="OS14" s="143">
        <v>1543181062</v>
      </c>
    </row>
    <row r="15" spans="1:409" ht="18.75" customHeight="1" x14ac:dyDescent="0.2">
      <c r="B15" s="62" t="s">
        <v>9</v>
      </c>
      <c r="C15" s="110">
        <v>10549667</v>
      </c>
      <c r="D15" s="114">
        <v>14369652</v>
      </c>
      <c r="E15" s="113">
        <v>24919319</v>
      </c>
      <c r="F15" s="111">
        <v>0</v>
      </c>
      <c r="G15" s="114">
        <v>142694114</v>
      </c>
      <c r="H15" s="114">
        <v>151331432</v>
      </c>
      <c r="I15" s="114">
        <v>141970899</v>
      </c>
      <c r="J15" s="114">
        <v>157724837</v>
      </c>
      <c r="K15" s="114">
        <v>128221075</v>
      </c>
      <c r="L15" s="109">
        <v>721942357</v>
      </c>
      <c r="M15" s="116">
        <v>746861676</v>
      </c>
      <c r="N15" s="110">
        <v>1604367</v>
      </c>
      <c r="O15" s="114">
        <v>2721206</v>
      </c>
      <c r="P15" s="113">
        <v>4325573</v>
      </c>
      <c r="Q15" s="110">
        <v>0</v>
      </c>
      <c r="R15" s="114">
        <v>42708750</v>
      </c>
      <c r="S15" s="114">
        <v>48915836</v>
      </c>
      <c r="T15" s="114">
        <v>50367224</v>
      </c>
      <c r="U15" s="114">
        <v>66884334</v>
      </c>
      <c r="V15" s="114">
        <v>70918180</v>
      </c>
      <c r="W15" s="113">
        <v>279794324</v>
      </c>
      <c r="X15" s="116">
        <v>284119897</v>
      </c>
      <c r="Y15" s="110">
        <v>0</v>
      </c>
      <c r="Z15" s="114">
        <v>0</v>
      </c>
      <c r="AA15" s="113">
        <v>0</v>
      </c>
      <c r="AB15" s="110">
        <v>0</v>
      </c>
      <c r="AC15" s="114">
        <v>20280469</v>
      </c>
      <c r="AD15" s="114">
        <v>26575628</v>
      </c>
      <c r="AE15" s="114">
        <v>30477653</v>
      </c>
      <c r="AF15" s="114">
        <v>42674595</v>
      </c>
      <c r="AG15" s="114">
        <v>45391403</v>
      </c>
      <c r="AH15" s="113">
        <v>165399748</v>
      </c>
      <c r="AI15" s="116">
        <v>165399748</v>
      </c>
      <c r="AJ15" s="110">
        <v>0</v>
      </c>
      <c r="AK15" s="114">
        <v>0</v>
      </c>
      <c r="AL15" s="113">
        <v>0</v>
      </c>
      <c r="AM15" s="110">
        <v>0</v>
      </c>
      <c r="AN15" s="114">
        <v>309806</v>
      </c>
      <c r="AO15" s="114">
        <v>205394</v>
      </c>
      <c r="AP15" s="114">
        <v>891222</v>
      </c>
      <c r="AQ15" s="114">
        <v>3392476</v>
      </c>
      <c r="AR15" s="114">
        <v>6458981</v>
      </c>
      <c r="AS15" s="113">
        <v>11257879</v>
      </c>
      <c r="AT15" s="116">
        <v>11257879</v>
      </c>
      <c r="AU15" s="110">
        <v>715948</v>
      </c>
      <c r="AV15" s="114">
        <v>1572226</v>
      </c>
      <c r="AW15" s="113">
        <v>2288174</v>
      </c>
      <c r="AX15" s="110">
        <v>0</v>
      </c>
      <c r="AY15" s="114">
        <v>14236032</v>
      </c>
      <c r="AZ15" s="114">
        <v>13676823</v>
      </c>
      <c r="BA15" s="114">
        <v>10081322</v>
      </c>
      <c r="BB15" s="114">
        <v>11490935</v>
      </c>
      <c r="BC15" s="114">
        <v>12161782</v>
      </c>
      <c r="BD15" s="113">
        <v>61646894</v>
      </c>
      <c r="BE15" s="116">
        <v>63935068</v>
      </c>
      <c r="BF15" s="110">
        <v>54913</v>
      </c>
      <c r="BG15" s="114">
        <v>465063</v>
      </c>
      <c r="BH15" s="112">
        <v>519976</v>
      </c>
      <c r="BI15" s="111">
        <v>0</v>
      </c>
      <c r="BJ15" s="114">
        <v>1602734</v>
      </c>
      <c r="BK15" s="114">
        <v>1851396</v>
      </c>
      <c r="BL15" s="114">
        <v>1729025</v>
      </c>
      <c r="BM15" s="114">
        <v>1611956</v>
      </c>
      <c r="BN15" s="114">
        <v>1454411</v>
      </c>
      <c r="BO15" s="113">
        <v>8249522</v>
      </c>
      <c r="BP15" s="116">
        <v>8769498</v>
      </c>
      <c r="BQ15" s="110">
        <v>833506</v>
      </c>
      <c r="BR15" s="114">
        <v>683917</v>
      </c>
      <c r="BS15" s="113">
        <v>1517423</v>
      </c>
      <c r="BT15" s="110">
        <v>0</v>
      </c>
      <c r="BU15" s="114">
        <v>6279709</v>
      </c>
      <c r="BV15" s="114">
        <v>6606595</v>
      </c>
      <c r="BW15" s="114">
        <v>7188002</v>
      </c>
      <c r="BX15" s="114">
        <v>7714372</v>
      </c>
      <c r="BY15" s="114">
        <v>5451603</v>
      </c>
      <c r="BZ15" s="113">
        <v>33240281</v>
      </c>
      <c r="CA15" s="116">
        <v>34757704</v>
      </c>
      <c r="CB15" s="110">
        <v>881890</v>
      </c>
      <c r="CC15" s="114">
        <v>2334689</v>
      </c>
      <c r="CD15" s="113">
        <v>3216579</v>
      </c>
      <c r="CE15" s="110">
        <v>0</v>
      </c>
      <c r="CF15" s="114">
        <v>30168539</v>
      </c>
      <c r="CG15" s="114">
        <v>31328315</v>
      </c>
      <c r="CH15" s="114">
        <v>23695408</v>
      </c>
      <c r="CI15" s="114">
        <v>19689132</v>
      </c>
      <c r="CJ15" s="114">
        <v>6947060</v>
      </c>
      <c r="CK15" s="113">
        <v>111828454</v>
      </c>
      <c r="CL15" s="116">
        <v>115045033</v>
      </c>
      <c r="CM15" s="110">
        <v>0</v>
      </c>
      <c r="CN15" s="114">
        <v>0</v>
      </c>
      <c r="CO15" s="113">
        <v>0</v>
      </c>
      <c r="CP15" s="111">
        <v>0</v>
      </c>
      <c r="CQ15" s="114">
        <v>24769885</v>
      </c>
      <c r="CR15" s="114">
        <v>23903688</v>
      </c>
      <c r="CS15" s="114">
        <v>18339038</v>
      </c>
      <c r="CT15" s="114">
        <v>14175192</v>
      </c>
      <c r="CU15" s="114">
        <v>5184612</v>
      </c>
      <c r="CV15" s="113">
        <v>86372415</v>
      </c>
      <c r="CW15" s="116">
        <v>86372415</v>
      </c>
      <c r="CX15" s="110">
        <v>881890</v>
      </c>
      <c r="CY15" s="114">
        <v>2334689</v>
      </c>
      <c r="CZ15" s="113">
        <v>3216579</v>
      </c>
      <c r="DA15" s="110">
        <v>0</v>
      </c>
      <c r="DB15" s="114">
        <v>5398654</v>
      </c>
      <c r="DC15" s="114">
        <v>7424627</v>
      </c>
      <c r="DD15" s="114">
        <v>5356370</v>
      </c>
      <c r="DE15" s="114">
        <v>5513940</v>
      </c>
      <c r="DF15" s="114">
        <v>1762448</v>
      </c>
      <c r="DG15" s="113">
        <v>25456039</v>
      </c>
      <c r="DH15" s="116">
        <v>28672618</v>
      </c>
      <c r="DI15" s="110">
        <v>87415</v>
      </c>
      <c r="DJ15" s="114">
        <v>120703</v>
      </c>
      <c r="DK15" s="112">
        <v>208118</v>
      </c>
      <c r="DL15" s="111">
        <v>0</v>
      </c>
      <c r="DM15" s="114">
        <v>3357340</v>
      </c>
      <c r="DN15" s="114">
        <v>8760187</v>
      </c>
      <c r="DO15" s="114">
        <v>13476836</v>
      </c>
      <c r="DP15" s="114">
        <v>12521217</v>
      </c>
      <c r="DQ15" s="114">
        <v>7965036</v>
      </c>
      <c r="DR15" s="113">
        <v>46080616</v>
      </c>
      <c r="DS15" s="116">
        <v>46288734</v>
      </c>
      <c r="DT15" s="110">
        <v>56597</v>
      </c>
      <c r="DU15" s="114">
        <v>120703</v>
      </c>
      <c r="DV15" s="113">
        <v>177300</v>
      </c>
      <c r="DW15" s="110">
        <v>0</v>
      </c>
      <c r="DX15" s="114">
        <v>2854382</v>
      </c>
      <c r="DY15" s="114">
        <v>7850568</v>
      </c>
      <c r="DZ15" s="114">
        <v>12532997</v>
      </c>
      <c r="EA15" s="114">
        <v>11489138</v>
      </c>
      <c r="EB15" s="114">
        <v>6257062</v>
      </c>
      <c r="EC15" s="113">
        <v>40984147</v>
      </c>
      <c r="ED15" s="116">
        <v>41161447</v>
      </c>
      <c r="EE15" s="110">
        <v>30818</v>
      </c>
      <c r="EF15" s="112">
        <v>0</v>
      </c>
      <c r="EG15" s="113">
        <v>30818</v>
      </c>
      <c r="EH15" s="110">
        <v>0</v>
      </c>
      <c r="EI15" s="114">
        <v>502958</v>
      </c>
      <c r="EJ15" s="114">
        <v>909619</v>
      </c>
      <c r="EK15" s="114">
        <v>943839</v>
      </c>
      <c r="EL15" s="114">
        <v>1032079</v>
      </c>
      <c r="EM15" s="114">
        <v>1707974</v>
      </c>
      <c r="EN15" s="112">
        <v>5096469</v>
      </c>
      <c r="EO15" s="116">
        <v>5127287</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3374490</v>
      </c>
      <c r="FM15" s="114">
        <v>4031022</v>
      </c>
      <c r="FN15" s="113">
        <v>7405512</v>
      </c>
      <c r="FO15" s="110">
        <v>0</v>
      </c>
      <c r="FP15" s="114">
        <v>9332733</v>
      </c>
      <c r="FQ15" s="114">
        <v>13404927</v>
      </c>
      <c r="FR15" s="114">
        <v>11122149</v>
      </c>
      <c r="FS15" s="114">
        <v>11884599</v>
      </c>
      <c r="FT15" s="114">
        <v>9038806</v>
      </c>
      <c r="FU15" s="113">
        <v>54783214</v>
      </c>
      <c r="FV15" s="116">
        <v>62188726</v>
      </c>
      <c r="FW15" s="115">
        <v>1843804</v>
      </c>
      <c r="FX15" s="114">
        <v>2609650</v>
      </c>
      <c r="FY15" s="112">
        <v>4453454</v>
      </c>
      <c r="FZ15" s="111">
        <v>0</v>
      </c>
      <c r="GA15" s="114">
        <v>7625647</v>
      </c>
      <c r="GB15" s="114">
        <v>11980271</v>
      </c>
      <c r="GC15" s="114">
        <v>9940913</v>
      </c>
      <c r="GD15" s="114">
        <v>11216890</v>
      </c>
      <c r="GE15" s="114">
        <v>8321064</v>
      </c>
      <c r="GF15" s="113">
        <v>49084785</v>
      </c>
      <c r="GG15" s="318">
        <v>53538239</v>
      </c>
      <c r="GH15" s="115">
        <v>244177</v>
      </c>
      <c r="GI15" s="114">
        <v>198171</v>
      </c>
      <c r="GJ15" s="112">
        <v>442348</v>
      </c>
      <c r="GK15" s="111">
        <v>0</v>
      </c>
      <c r="GL15" s="114">
        <v>534546</v>
      </c>
      <c r="GM15" s="114">
        <v>531986</v>
      </c>
      <c r="GN15" s="114">
        <v>351776</v>
      </c>
      <c r="GO15" s="114">
        <v>313989</v>
      </c>
      <c r="GP15" s="114">
        <v>293930</v>
      </c>
      <c r="GQ15" s="113">
        <v>2026227</v>
      </c>
      <c r="GR15" s="116">
        <v>2468575</v>
      </c>
      <c r="GS15" s="110">
        <v>1286509</v>
      </c>
      <c r="GT15" s="114">
        <v>1223201</v>
      </c>
      <c r="GU15" s="113">
        <v>2509710</v>
      </c>
      <c r="GV15" s="110">
        <v>0</v>
      </c>
      <c r="GW15" s="114">
        <v>1172540</v>
      </c>
      <c r="GX15" s="114">
        <v>892670</v>
      </c>
      <c r="GY15" s="114">
        <v>829460</v>
      </c>
      <c r="GZ15" s="114">
        <v>353720</v>
      </c>
      <c r="HA15" s="114">
        <v>423812</v>
      </c>
      <c r="HB15" s="112">
        <v>3672202</v>
      </c>
      <c r="HC15" s="116">
        <v>6181912</v>
      </c>
      <c r="HD15" s="110">
        <v>2576922</v>
      </c>
      <c r="HE15" s="114">
        <v>2453366</v>
      </c>
      <c r="HF15" s="112">
        <v>5030288</v>
      </c>
      <c r="HG15" s="111">
        <v>0</v>
      </c>
      <c r="HH15" s="114">
        <v>31495323</v>
      </c>
      <c r="HI15" s="114">
        <v>29843483</v>
      </c>
      <c r="HJ15" s="114">
        <v>30068119</v>
      </c>
      <c r="HK15" s="114">
        <v>35663645</v>
      </c>
      <c r="HL15" s="114">
        <v>26146250</v>
      </c>
      <c r="HM15" s="113">
        <v>153216820</v>
      </c>
      <c r="HN15" s="109">
        <v>158247108</v>
      </c>
      <c r="HO15" s="115">
        <v>2024583</v>
      </c>
      <c r="HP15" s="114">
        <v>2708666</v>
      </c>
      <c r="HQ15" s="113">
        <v>4733249</v>
      </c>
      <c r="HR15" s="110">
        <v>0</v>
      </c>
      <c r="HS15" s="114">
        <v>25631429</v>
      </c>
      <c r="HT15" s="114">
        <v>19078684</v>
      </c>
      <c r="HU15" s="114">
        <v>13241163</v>
      </c>
      <c r="HV15" s="114">
        <v>11081910</v>
      </c>
      <c r="HW15" s="114">
        <v>7205743</v>
      </c>
      <c r="HX15" s="112">
        <v>76238929</v>
      </c>
      <c r="HY15" s="116">
        <v>80972178</v>
      </c>
      <c r="HZ15" s="128">
        <v>220304</v>
      </c>
      <c r="IA15" s="149">
        <v>715766</v>
      </c>
      <c r="IB15" s="129">
        <v>936070</v>
      </c>
      <c r="IC15" s="146">
        <v>0</v>
      </c>
      <c r="ID15" s="132">
        <v>32592452</v>
      </c>
      <c r="IE15" s="147">
        <v>37712787</v>
      </c>
      <c r="IF15" s="133">
        <v>50590506</v>
      </c>
      <c r="IG15" s="132">
        <v>34975382</v>
      </c>
      <c r="IH15" s="133">
        <v>18609030</v>
      </c>
      <c r="II15" s="148">
        <v>174480157</v>
      </c>
      <c r="IJ15" s="130">
        <v>175416227</v>
      </c>
      <c r="IK15" s="232">
        <v>0</v>
      </c>
      <c r="IL15" s="236">
        <v>0</v>
      </c>
      <c r="IM15" s="237">
        <v>0</v>
      </c>
      <c r="IN15" s="140"/>
      <c r="IO15" s="119">
        <v>68778</v>
      </c>
      <c r="IP15" s="119">
        <v>761716</v>
      </c>
      <c r="IQ15" s="119">
        <v>589646</v>
      </c>
      <c r="IR15" s="119">
        <v>2067121</v>
      </c>
      <c r="IS15" s="119">
        <v>1844950</v>
      </c>
      <c r="IT15" s="141">
        <v>5332211</v>
      </c>
      <c r="IU15" s="320">
        <v>5332211</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7172538</v>
      </c>
      <c r="JL15" s="119">
        <v>16245871</v>
      </c>
      <c r="JM15" s="119">
        <v>14661790</v>
      </c>
      <c r="JN15" s="119">
        <v>7221465</v>
      </c>
      <c r="JO15" s="119">
        <v>3062464</v>
      </c>
      <c r="JP15" s="120">
        <v>58364128</v>
      </c>
      <c r="JQ15" s="320">
        <v>58364128</v>
      </c>
      <c r="JR15" s="142">
        <v>0</v>
      </c>
      <c r="JS15" s="119">
        <v>0</v>
      </c>
      <c r="JT15" s="141">
        <v>0</v>
      </c>
      <c r="JU15" s="118">
        <v>0</v>
      </c>
      <c r="JV15" s="119">
        <v>520866</v>
      </c>
      <c r="JW15" s="119">
        <v>398207</v>
      </c>
      <c r="JX15" s="119">
        <v>765028</v>
      </c>
      <c r="JY15" s="119">
        <v>713229</v>
      </c>
      <c r="JZ15" s="119">
        <v>516513</v>
      </c>
      <c r="KA15" s="120">
        <v>2913843</v>
      </c>
      <c r="KB15" s="320">
        <v>2913843</v>
      </c>
      <c r="KC15" s="234">
        <v>220304</v>
      </c>
      <c r="KD15" s="230">
        <v>462250</v>
      </c>
      <c r="KE15" s="120">
        <v>682554</v>
      </c>
      <c r="KF15" s="118">
        <v>0</v>
      </c>
      <c r="KG15" s="119">
        <v>4520747</v>
      </c>
      <c r="KH15" s="119">
        <v>6821153</v>
      </c>
      <c r="KI15" s="119">
        <v>4892846</v>
      </c>
      <c r="KJ15" s="119">
        <v>6476116</v>
      </c>
      <c r="KK15" s="119">
        <v>1360283</v>
      </c>
      <c r="KL15" s="120">
        <v>24071145</v>
      </c>
      <c r="KM15" s="143">
        <v>24753699</v>
      </c>
      <c r="KN15" s="232">
        <v>0</v>
      </c>
      <c r="KO15" s="236">
        <v>253516</v>
      </c>
      <c r="KP15" s="237">
        <v>253516</v>
      </c>
      <c r="KQ15" s="140"/>
      <c r="KR15" s="119">
        <v>8219326</v>
      </c>
      <c r="KS15" s="119">
        <v>12023409</v>
      </c>
      <c r="KT15" s="119">
        <v>25370923</v>
      </c>
      <c r="KU15" s="119">
        <v>13034439</v>
      </c>
      <c r="KV15" s="119">
        <v>6627897</v>
      </c>
      <c r="KW15" s="120">
        <v>65275994</v>
      </c>
      <c r="KX15" s="320">
        <v>65529510</v>
      </c>
      <c r="KY15" s="142">
        <v>0</v>
      </c>
      <c r="KZ15" s="119">
        <v>0</v>
      </c>
      <c r="LA15" s="120">
        <v>0</v>
      </c>
      <c r="LB15" s="145"/>
      <c r="LC15" s="119">
        <v>885891</v>
      </c>
      <c r="LD15" s="119">
        <v>1082895</v>
      </c>
      <c r="LE15" s="119">
        <v>815671</v>
      </c>
      <c r="LF15" s="119">
        <v>1180383</v>
      </c>
      <c r="LG15" s="119">
        <v>1342504</v>
      </c>
      <c r="LH15" s="120">
        <v>5307344</v>
      </c>
      <c r="LI15" s="121">
        <v>5307344</v>
      </c>
      <c r="LJ15" s="142">
        <v>0</v>
      </c>
      <c r="LK15" s="119">
        <v>0</v>
      </c>
      <c r="LL15" s="120">
        <v>0</v>
      </c>
      <c r="LM15" s="145"/>
      <c r="LN15" s="119">
        <v>0</v>
      </c>
      <c r="LO15" s="119">
        <v>0</v>
      </c>
      <c r="LP15" s="119">
        <v>0</v>
      </c>
      <c r="LQ15" s="119">
        <v>325122</v>
      </c>
      <c r="LR15" s="119">
        <v>0</v>
      </c>
      <c r="LS15" s="120">
        <v>325122</v>
      </c>
      <c r="LT15" s="320">
        <v>325122</v>
      </c>
      <c r="LU15" s="142">
        <v>0</v>
      </c>
      <c r="LV15" s="119">
        <v>0</v>
      </c>
      <c r="LW15" s="120">
        <v>0</v>
      </c>
      <c r="LX15" s="145"/>
      <c r="LY15" s="119">
        <v>1204306</v>
      </c>
      <c r="LZ15" s="119">
        <v>379536</v>
      </c>
      <c r="MA15" s="119">
        <v>3494602</v>
      </c>
      <c r="MB15" s="119">
        <v>3957507</v>
      </c>
      <c r="MC15" s="119">
        <v>3854419</v>
      </c>
      <c r="MD15" s="120">
        <v>12890370</v>
      </c>
      <c r="ME15" s="121">
        <v>12890370</v>
      </c>
      <c r="MF15" s="142">
        <v>0</v>
      </c>
      <c r="MG15" s="119">
        <v>0</v>
      </c>
      <c r="MH15" s="120">
        <v>0</v>
      </c>
      <c r="MI15" s="145"/>
      <c r="MJ15" s="119">
        <v>7984479</v>
      </c>
      <c r="MK15" s="119">
        <v>20795037</v>
      </c>
      <c r="ML15" s="119">
        <v>72780165</v>
      </c>
      <c r="MM15" s="119">
        <v>139539321</v>
      </c>
      <c r="MN15" s="119">
        <v>106963282</v>
      </c>
      <c r="MO15" s="120">
        <v>348062284</v>
      </c>
      <c r="MP15" s="143">
        <v>348062284</v>
      </c>
      <c r="MQ15" s="142">
        <v>0</v>
      </c>
      <c r="MR15" s="119">
        <v>0</v>
      </c>
      <c r="MS15" s="120">
        <v>0</v>
      </c>
      <c r="MT15" s="145"/>
      <c r="MU15" s="119">
        <v>1615564</v>
      </c>
      <c r="MV15" s="119">
        <v>477386</v>
      </c>
      <c r="MW15" s="119">
        <v>48046401</v>
      </c>
      <c r="MX15" s="119">
        <v>99268838</v>
      </c>
      <c r="MY15" s="119">
        <v>83372909</v>
      </c>
      <c r="MZ15" s="120">
        <v>232781098</v>
      </c>
      <c r="NA15" s="143">
        <v>232781098</v>
      </c>
      <c r="NB15" s="142">
        <v>0</v>
      </c>
      <c r="NC15" s="119">
        <v>0</v>
      </c>
      <c r="ND15" s="120">
        <v>0</v>
      </c>
      <c r="NE15" s="145"/>
      <c r="NF15" s="119">
        <v>6368915</v>
      </c>
      <c r="NG15" s="119">
        <v>20008326</v>
      </c>
      <c r="NH15" s="119">
        <v>24373385</v>
      </c>
      <c r="NI15" s="119">
        <v>38464539</v>
      </c>
      <c r="NJ15" s="119">
        <v>21399725</v>
      </c>
      <c r="NK15" s="120">
        <v>110614890</v>
      </c>
      <c r="NL15" s="320">
        <v>110614890</v>
      </c>
      <c r="NM15" s="142">
        <v>0</v>
      </c>
      <c r="NN15" s="119">
        <v>0</v>
      </c>
      <c r="NO15" s="120">
        <v>0</v>
      </c>
      <c r="NP15" s="145"/>
      <c r="NQ15" s="119">
        <v>0</v>
      </c>
      <c r="NR15" s="119">
        <v>0</v>
      </c>
      <c r="NS15" s="119">
        <v>0</v>
      </c>
      <c r="NT15" s="119">
        <v>689093</v>
      </c>
      <c r="NU15" s="119">
        <v>161676</v>
      </c>
      <c r="NV15" s="120">
        <v>850769</v>
      </c>
      <c r="NW15" s="121">
        <v>850769</v>
      </c>
      <c r="NX15" s="142">
        <v>0</v>
      </c>
      <c r="NY15" s="119">
        <v>0</v>
      </c>
      <c r="NZ15" s="120">
        <v>0</v>
      </c>
      <c r="OA15" s="145"/>
      <c r="OB15" s="119">
        <v>0</v>
      </c>
      <c r="OC15" s="119">
        <v>309325</v>
      </c>
      <c r="OD15" s="119">
        <v>360379</v>
      </c>
      <c r="OE15" s="119">
        <v>1116851</v>
      </c>
      <c r="OF15" s="119">
        <v>2028972</v>
      </c>
      <c r="OG15" s="120">
        <v>3815527</v>
      </c>
      <c r="OH15" s="121">
        <v>3815527</v>
      </c>
      <c r="OI15" s="142">
        <v>10769971</v>
      </c>
      <c r="OJ15" s="119">
        <v>15085418</v>
      </c>
      <c r="OK15" s="141">
        <v>25855389</v>
      </c>
      <c r="OL15" s="118">
        <v>0</v>
      </c>
      <c r="OM15" s="119">
        <v>183271045</v>
      </c>
      <c r="ON15" s="119">
        <v>209839256</v>
      </c>
      <c r="OO15" s="119">
        <v>265341570</v>
      </c>
      <c r="OP15" s="119">
        <v>332239540</v>
      </c>
      <c r="OQ15" s="119">
        <v>253793387</v>
      </c>
      <c r="OR15" s="120">
        <v>1244484798</v>
      </c>
      <c r="OS15" s="143">
        <v>1270340187</v>
      </c>
    </row>
    <row r="16" spans="1:409" ht="18.75" customHeight="1" x14ac:dyDescent="0.2">
      <c r="B16" s="62" t="s">
        <v>10</v>
      </c>
      <c r="C16" s="110">
        <v>22797568</v>
      </c>
      <c r="D16" s="114">
        <v>40271568</v>
      </c>
      <c r="E16" s="113">
        <v>63069136</v>
      </c>
      <c r="F16" s="172">
        <v>0</v>
      </c>
      <c r="G16" s="114">
        <v>322375939</v>
      </c>
      <c r="H16" s="114">
        <v>257107296</v>
      </c>
      <c r="I16" s="114">
        <v>232358491</v>
      </c>
      <c r="J16" s="114">
        <v>234140711</v>
      </c>
      <c r="K16" s="114">
        <v>192890081</v>
      </c>
      <c r="L16" s="109">
        <v>1238872518</v>
      </c>
      <c r="M16" s="116">
        <v>1301941654</v>
      </c>
      <c r="N16" s="110">
        <v>5536900</v>
      </c>
      <c r="O16" s="114">
        <v>13039302</v>
      </c>
      <c r="P16" s="113">
        <v>18576202</v>
      </c>
      <c r="Q16" s="110">
        <v>0</v>
      </c>
      <c r="R16" s="114">
        <v>103873978</v>
      </c>
      <c r="S16" s="114">
        <v>85963727</v>
      </c>
      <c r="T16" s="114">
        <v>77868344</v>
      </c>
      <c r="U16" s="114">
        <v>103096240</v>
      </c>
      <c r="V16" s="114">
        <v>104857435</v>
      </c>
      <c r="W16" s="113">
        <v>475659724</v>
      </c>
      <c r="X16" s="116">
        <v>494235926</v>
      </c>
      <c r="Y16" s="110">
        <v>0</v>
      </c>
      <c r="Z16" s="114">
        <v>0</v>
      </c>
      <c r="AA16" s="113">
        <v>0</v>
      </c>
      <c r="AB16" s="110">
        <v>0</v>
      </c>
      <c r="AC16" s="114">
        <v>53131584</v>
      </c>
      <c r="AD16" s="114">
        <v>44357812</v>
      </c>
      <c r="AE16" s="114">
        <v>47823078</v>
      </c>
      <c r="AF16" s="114">
        <v>67708422</v>
      </c>
      <c r="AG16" s="114">
        <v>63708674</v>
      </c>
      <c r="AH16" s="113">
        <v>276729570</v>
      </c>
      <c r="AI16" s="116">
        <v>276729570</v>
      </c>
      <c r="AJ16" s="110">
        <v>0</v>
      </c>
      <c r="AK16" s="114">
        <v>0</v>
      </c>
      <c r="AL16" s="113">
        <v>0</v>
      </c>
      <c r="AM16" s="110">
        <v>0</v>
      </c>
      <c r="AN16" s="114">
        <v>368961</v>
      </c>
      <c r="AO16" s="114">
        <v>1474804</v>
      </c>
      <c r="AP16" s="114">
        <v>2282137</v>
      </c>
      <c r="AQ16" s="114">
        <v>5779442</v>
      </c>
      <c r="AR16" s="114">
        <v>10485636</v>
      </c>
      <c r="AS16" s="113">
        <v>20390980</v>
      </c>
      <c r="AT16" s="116">
        <v>20390980</v>
      </c>
      <c r="AU16" s="110">
        <v>3150879</v>
      </c>
      <c r="AV16" s="114">
        <v>9387463</v>
      </c>
      <c r="AW16" s="113">
        <v>12538342</v>
      </c>
      <c r="AX16" s="110">
        <v>0</v>
      </c>
      <c r="AY16" s="114">
        <v>31357328</v>
      </c>
      <c r="AZ16" s="114">
        <v>23208044</v>
      </c>
      <c r="BA16" s="114">
        <v>15400960</v>
      </c>
      <c r="BB16" s="114">
        <v>15548429</v>
      </c>
      <c r="BC16" s="114">
        <v>18530910</v>
      </c>
      <c r="BD16" s="113">
        <v>104045671</v>
      </c>
      <c r="BE16" s="116">
        <v>116584013</v>
      </c>
      <c r="BF16" s="110">
        <v>576017</v>
      </c>
      <c r="BG16" s="114">
        <v>1107574</v>
      </c>
      <c r="BH16" s="112">
        <v>1683591</v>
      </c>
      <c r="BI16" s="111">
        <v>0</v>
      </c>
      <c r="BJ16" s="114">
        <v>3346924</v>
      </c>
      <c r="BK16" s="114">
        <v>3349610</v>
      </c>
      <c r="BL16" s="114">
        <v>1619700</v>
      </c>
      <c r="BM16" s="114">
        <v>1245509</v>
      </c>
      <c r="BN16" s="114">
        <v>1632349</v>
      </c>
      <c r="BO16" s="113">
        <v>11194092</v>
      </c>
      <c r="BP16" s="116">
        <v>12877683</v>
      </c>
      <c r="BQ16" s="110">
        <v>1810004</v>
      </c>
      <c r="BR16" s="114">
        <v>2544265</v>
      </c>
      <c r="BS16" s="113">
        <v>4354269</v>
      </c>
      <c r="BT16" s="110">
        <v>0</v>
      </c>
      <c r="BU16" s="114">
        <v>15669181</v>
      </c>
      <c r="BV16" s="114">
        <v>13573457</v>
      </c>
      <c r="BW16" s="114">
        <v>10742469</v>
      </c>
      <c r="BX16" s="114">
        <v>12814438</v>
      </c>
      <c r="BY16" s="114">
        <v>10499866</v>
      </c>
      <c r="BZ16" s="113">
        <v>63299411</v>
      </c>
      <c r="CA16" s="116">
        <v>67653680</v>
      </c>
      <c r="CB16" s="110">
        <v>1469622</v>
      </c>
      <c r="CC16" s="114">
        <v>3565639</v>
      </c>
      <c r="CD16" s="113">
        <v>5035261</v>
      </c>
      <c r="CE16" s="110">
        <v>0</v>
      </c>
      <c r="CF16" s="114">
        <v>91338061</v>
      </c>
      <c r="CG16" s="114">
        <v>65066921</v>
      </c>
      <c r="CH16" s="114">
        <v>50787698</v>
      </c>
      <c r="CI16" s="114">
        <v>31493867</v>
      </c>
      <c r="CJ16" s="114">
        <v>17694518</v>
      </c>
      <c r="CK16" s="113">
        <v>256381065</v>
      </c>
      <c r="CL16" s="116">
        <v>261416326</v>
      </c>
      <c r="CM16" s="110">
        <v>0</v>
      </c>
      <c r="CN16" s="114">
        <v>0</v>
      </c>
      <c r="CO16" s="113">
        <v>0</v>
      </c>
      <c r="CP16" s="111">
        <v>0</v>
      </c>
      <c r="CQ16" s="114">
        <v>78390517</v>
      </c>
      <c r="CR16" s="114">
        <v>54816931</v>
      </c>
      <c r="CS16" s="114">
        <v>43789686</v>
      </c>
      <c r="CT16" s="114">
        <v>26630885</v>
      </c>
      <c r="CU16" s="114">
        <v>15722132</v>
      </c>
      <c r="CV16" s="113">
        <v>219350151</v>
      </c>
      <c r="CW16" s="116">
        <v>219350151</v>
      </c>
      <c r="CX16" s="110">
        <v>1469622</v>
      </c>
      <c r="CY16" s="114">
        <v>3565639</v>
      </c>
      <c r="CZ16" s="113">
        <v>5035261</v>
      </c>
      <c r="DA16" s="110">
        <v>0</v>
      </c>
      <c r="DB16" s="114">
        <v>12947544</v>
      </c>
      <c r="DC16" s="114">
        <v>10249990</v>
      </c>
      <c r="DD16" s="114">
        <v>6998012</v>
      </c>
      <c r="DE16" s="114">
        <v>4862982</v>
      </c>
      <c r="DF16" s="114">
        <v>1972386</v>
      </c>
      <c r="DG16" s="113">
        <v>37030914</v>
      </c>
      <c r="DH16" s="116">
        <v>42066175</v>
      </c>
      <c r="DI16" s="110">
        <v>189928</v>
      </c>
      <c r="DJ16" s="114">
        <v>832508</v>
      </c>
      <c r="DK16" s="112">
        <v>1022436</v>
      </c>
      <c r="DL16" s="111">
        <v>0</v>
      </c>
      <c r="DM16" s="114">
        <v>9852798</v>
      </c>
      <c r="DN16" s="114">
        <v>12968575</v>
      </c>
      <c r="DO16" s="114">
        <v>22036216</v>
      </c>
      <c r="DP16" s="114">
        <v>17986381</v>
      </c>
      <c r="DQ16" s="114">
        <v>12230644</v>
      </c>
      <c r="DR16" s="113">
        <v>75074614</v>
      </c>
      <c r="DS16" s="116">
        <v>76097050</v>
      </c>
      <c r="DT16" s="110">
        <v>189928</v>
      </c>
      <c r="DU16" s="114">
        <v>759466</v>
      </c>
      <c r="DV16" s="113">
        <v>949394</v>
      </c>
      <c r="DW16" s="110">
        <v>0</v>
      </c>
      <c r="DX16" s="114">
        <v>9268162</v>
      </c>
      <c r="DY16" s="114">
        <v>12481147</v>
      </c>
      <c r="DZ16" s="114">
        <v>20777154</v>
      </c>
      <c r="EA16" s="114">
        <v>17106182</v>
      </c>
      <c r="EB16" s="114">
        <v>11826601</v>
      </c>
      <c r="EC16" s="113">
        <v>71459246</v>
      </c>
      <c r="ED16" s="116">
        <v>72408640</v>
      </c>
      <c r="EE16" s="110">
        <v>0</v>
      </c>
      <c r="EF16" s="112">
        <v>73042</v>
      </c>
      <c r="EG16" s="113">
        <v>73042</v>
      </c>
      <c r="EH16" s="110">
        <v>0</v>
      </c>
      <c r="EI16" s="114">
        <v>584636</v>
      </c>
      <c r="EJ16" s="114">
        <v>487428</v>
      </c>
      <c r="EK16" s="114">
        <v>1259062</v>
      </c>
      <c r="EL16" s="114">
        <v>880199</v>
      </c>
      <c r="EM16" s="114">
        <v>404043</v>
      </c>
      <c r="EN16" s="112">
        <v>3615368</v>
      </c>
      <c r="EO16" s="116">
        <v>3688410</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6066826</v>
      </c>
      <c r="FM16" s="114">
        <v>9187058</v>
      </c>
      <c r="FN16" s="113">
        <v>15253884</v>
      </c>
      <c r="FO16" s="110">
        <v>0</v>
      </c>
      <c r="FP16" s="114">
        <v>18770100</v>
      </c>
      <c r="FQ16" s="114">
        <v>23705246</v>
      </c>
      <c r="FR16" s="114">
        <v>18458081</v>
      </c>
      <c r="FS16" s="114">
        <v>16400568</v>
      </c>
      <c r="FT16" s="114">
        <v>13999290</v>
      </c>
      <c r="FU16" s="113">
        <v>91333285</v>
      </c>
      <c r="FV16" s="116">
        <v>106587169</v>
      </c>
      <c r="FW16" s="115">
        <v>4172948</v>
      </c>
      <c r="FX16" s="114">
        <v>7790177</v>
      </c>
      <c r="FY16" s="112">
        <v>11963125</v>
      </c>
      <c r="FZ16" s="111">
        <v>0</v>
      </c>
      <c r="GA16" s="114">
        <v>16038476</v>
      </c>
      <c r="GB16" s="114">
        <v>22167721</v>
      </c>
      <c r="GC16" s="114">
        <v>17306999</v>
      </c>
      <c r="GD16" s="114">
        <v>15656173</v>
      </c>
      <c r="GE16" s="114">
        <v>13731842</v>
      </c>
      <c r="GF16" s="113">
        <v>84901211</v>
      </c>
      <c r="GG16" s="318">
        <v>96864336</v>
      </c>
      <c r="GH16" s="115">
        <v>338508</v>
      </c>
      <c r="GI16" s="114">
        <v>367755</v>
      </c>
      <c r="GJ16" s="112">
        <v>706263</v>
      </c>
      <c r="GK16" s="111">
        <v>0</v>
      </c>
      <c r="GL16" s="114">
        <v>789830</v>
      </c>
      <c r="GM16" s="114">
        <v>877964</v>
      </c>
      <c r="GN16" s="114">
        <v>424386</v>
      </c>
      <c r="GO16" s="114">
        <v>429395</v>
      </c>
      <c r="GP16" s="114">
        <v>191218</v>
      </c>
      <c r="GQ16" s="113">
        <v>2712793</v>
      </c>
      <c r="GR16" s="116">
        <v>3419056</v>
      </c>
      <c r="GS16" s="110">
        <v>1555370</v>
      </c>
      <c r="GT16" s="114">
        <v>1029126</v>
      </c>
      <c r="GU16" s="113">
        <v>2584496</v>
      </c>
      <c r="GV16" s="110">
        <v>0</v>
      </c>
      <c r="GW16" s="114">
        <v>1941794</v>
      </c>
      <c r="GX16" s="114">
        <v>659561</v>
      </c>
      <c r="GY16" s="114">
        <v>726696</v>
      </c>
      <c r="GZ16" s="114">
        <v>315000</v>
      </c>
      <c r="HA16" s="114">
        <v>76230</v>
      </c>
      <c r="HB16" s="112">
        <v>3719281</v>
      </c>
      <c r="HC16" s="116">
        <v>6303777</v>
      </c>
      <c r="HD16" s="110">
        <v>4196578</v>
      </c>
      <c r="HE16" s="114">
        <v>6586776</v>
      </c>
      <c r="HF16" s="112">
        <v>10783354</v>
      </c>
      <c r="HG16" s="111">
        <v>0</v>
      </c>
      <c r="HH16" s="114">
        <v>47183247</v>
      </c>
      <c r="HI16" s="114">
        <v>40613950</v>
      </c>
      <c r="HJ16" s="114">
        <v>42054405</v>
      </c>
      <c r="HK16" s="114">
        <v>50187553</v>
      </c>
      <c r="HL16" s="114">
        <v>32962004</v>
      </c>
      <c r="HM16" s="113">
        <v>213001159</v>
      </c>
      <c r="HN16" s="109">
        <v>223784513</v>
      </c>
      <c r="HO16" s="115">
        <v>5337714</v>
      </c>
      <c r="HP16" s="114">
        <v>7060285</v>
      </c>
      <c r="HQ16" s="113">
        <v>12397999</v>
      </c>
      <c r="HR16" s="110">
        <v>0</v>
      </c>
      <c r="HS16" s="114">
        <v>51357755</v>
      </c>
      <c r="HT16" s="114">
        <v>28788877</v>
      </c>
      <c r="HU16" s="114">
        <v>21153747</v>
      </c>
      <c r="HV16" s="114">
        <v>14976102</v>
      </c>
      <c r="HW16" s="114">
        <v>11146190</v>
      </c>
      <c r="HX16" s="112">
        <v>127422671</v>
      </c>
      <c r="HY16" s="116">
        <v>139820670</v>
      </c>
      <c r="HZ16" s="150">
        <v>481814</v>
      </c>
      <c r="IA16" s="135">
        <v>2687441</v>
      </c>
      <c r="IB16" s="150">
        <v>3169255</v>
      </c>
      <c r="IC16" s="134">
        <v>0</v>
      </c>
      <c r="ID16" s="135">
        <v>79212256</v>
      </c>
      <c r="IE16" s="136">
        <v>82836356</v>
      </c>
      <c r="IF16" s="137">
        <v>79661883</v>
      </c>
      <c r="IG16" s="135">
        <v>79343373</v>
      </c>
      <c r="IH16" s="137">
        <v>71172136</v>
      </c>
      <c r="II16" s="138">
        <v>392226004</v>
      </c>
      <c r="IJ16" s="150">
        <v>395395259</v>
      </c>
      <c r="IK16" s="232">
        <v>0</v>
      </c>
      <c r="IL16" s="236">
        <v>0</v>
      </c>
      <c r="IM16" s="237">
        <v>0</v>
      </c>
      <c r="IN16" s="140"/>
      <c r="IO16" s="119">
        <v>1807321</v>
      </c>
      <c r="IP16" s="119">
        <v>2098776</v>
      </c>
      <c r="IQ16" s="119">
        <v>2706933</v>
      </c>
      <c r="IR16" s="119">
        <v>5161035</v>
      </c>
      <c r="IS16" s="119">
        <v>3878449</v>
      </c>
      <c r="IT16" s="141">
        <v>15652514</v>
      </c>
      <c r="IU16" s="320">
        <v>15652514</v>
      </c>
      <c r="IV16" s="142">
        <v>0</v>
      </c>
      <c r="IW16" s="119">
        <v>0</v>
      </c>
      <c r="IX16" s="120">
        <v>0</v>
      </c>
      <c r="IY16" s="144"/>
      <c r="IZ16" s="119">
        <v>149369</v>
      </c>
      <c r="JA16" s="119">
        <v>158908</v>
      </c>
      <c r="JB16" s="119">
        <v>332638</v>
      </c>
      <c r="JC16" s="119">
        <v>316001</v>
      </c>
      <c r="JD16" s="119">
        <v>97448</v>
      </c>
      <c r="JE16" s="120">
        <v>1054364</v>
      </c>
      <c r="JF16" s="121">
        <v>1054364</v>
      </c>
      <c r="JG16" s="142">
        <v>0</v>
      </c>
      <c r="JH16" s="119">
        <v>0</v>
      </c>
      <c r="JI16" s="141">
        <v>0</v>
      </c>
      <c r="JJ16" s="118">
        <v>0</v>
      </c>
      <c r="JK16" s="119">
        <v>24583022</v>
      </c>
      <c r="JL16" s="119">
        <v>16505711</v>
      </c>
      <c r="JM16" s="119">
        <v>10482466</v>
      </c>
      <c r="JN16" s="119">
        <v>6403448</v>
      </c>
      <c r="JO16" s="119">
        <v>3363230</v>
      </c>
      <c r="JP16" s="120">
        <v>61337877</v>
      </c>
      <c r="JQ16" s="320">
        <v>61337877</v>
      </c>
      <c r="JR16" s="142">
        <v>0</v>
      </c>
      <c r="JS16" s="119">
        <v>56652</v>
      </c>
      <c r="JT16" s="141">
        <v>56652</v>
      </c>
      <c r="JU16" s="118">
        <v>0</v>
      </c>
      <c r="JV16" s="119">
        <v>936580</v>
      </c>
      <c r="JW16" s="119">
        <v>1581115</v>
      </c>
      <c r="JX16" s="119">
        <v>2793028</v>
      </c>
      <c r="JY16" s="119">
        <v>1151073</v>
      </c>
      <c r="JZ16" s="119">
        <v>1940621</v>
      </c>
      <c r="KA16" s="120">
        <v>8402417</v>
      </c>
      <c r="KB16" s="320">
        <v>8459069</v>
      </c>
      <c r="KC16" s="234">
        <v>481814</v>
      </c>
      <c r="KD16" s="230">
        <v>1882061</v>
      </c>
      <c r="KE16" s="120">
        <v>2363875</v>
      </c>
      <c r="KF16" s="118">
        <v>0</v>
      </c>
      <c r="KG16" s="119">
        <v>12230590</v>
      </c>
      <c r="KH16" s="119">
        <v>14056089</v>
      </c>
      <c r="KI16" s="119">
        <v>22410100</v>
      </c>
      <c r="KJ16" s="119">
        <v>15786425</v>
      </c>
      <c r="KK16" s="119">
        <v>10822247</v>
      </c>
      <c r="KL16" s="120">
        <v>75305451</v>
      </c>
      <c r="KM16" s="143">
        <v>77669326</v>
      </c>
      <c r="KN16" s="232">
        <v>0</v>
      </c>
      <c r="KO16" s="236">
        <v>748728</v>
      </c>
      <c r="KP16" s="237">
        <v>748728</v>
      </c>
      <c r="KQ16" s="140"/>
      <c r="KR16" s="119">
        <v>30545538</v>
      </c>
      <c r="KS16" s="119">
        <v>34714154</v>
      </c>
      <c r="KT16" s="119">
        <v>25413757</v>
      </c>
      <c r="KU16" s="119">
        <v>25543615</v>
      </c>
      <c r="KV16" s="119">
        <v>23744254</v>
      </c>
      <c r="KW16" s="120">
        <v>139961318</v>
      </c>
      <c r="KX16" s="320">
        <v>140710046</v>
      </c>
      <c r="KY16" s="142">
        <v>0</v>
      </c>
      <c r="KZ16" s="119">
        <v>0</v>
      </c>
      <c r="LA16" s="120">
        <v>0</v>
      </c>
      <c r="LB16" s="145"/>
      <c r="LC16" s="119">
        <v>3875167</v>
      </c>
      <c r="LD16" s="119">
        <v>5714146</v>
      </c>
      <c r="LE16" s="119">
        <v>6500424</v>
      </c>
      <c r="LF16" s="119">
        <v>7382802</v>
      </c>
      <c r="LG16" s="119">
        <v>6875028</v>
      </c>
      <c r="LH16" s="120">
        <v>30347567</v>
      </c>
      <c r="LI16" s="121">
        <v>30347567</v>
      </c>
      <c r="LJ16" s="142">
        <v>0</v>
      </c>
      <c r="LK16" s="119">
        <v>0</v>
      </c>
      <c r="LL16" s="120">
        <v>0</v>
      </c>
      <c r="LM16" s="145"/>
      <c r="LN16" s="119">
        <v>0</v>
      </c>
      <c r="LO16" s="119">
        <v>209956</v>
      </c>
      <c r="LP16" s="119">
        <v>1302196</v>
      </c>
      <c r="LQ16" s="119">
        <v>5417381</v>
      </c>
      <c r="LR16" s="119">
        <v>4643961</v>
      </c>
      <c r="LS16" s="120">
        <v>11573494</v>
      </c>
      <c r="LT16" s="320">
        <v>11573494</v>
      </c>
      <c r="LU16" s="142">
        <v>0</v>
      </c>
      <c r="LV16" s="119">
        <v>0</v>
      </c>
      <c r="LW16" s="120">
        <v>0</v>
      </c>
      <c r="LX16" s="145"/>
      <c r="LY16" s="119">
        <v>5084669</v>
      </c>
      <c r="LZ16" s="119">
        <v>7797501</v>
      </c>
      <c r="MA16" s="119">
        <v>7720341</v>
      </c>
      <c r="MB16" s="119">
        <v>12181593</v>
      </c>
      <c r="MC16" s="119">
        <v>15806898</v>
      </c>
      <c r="MD16" s="120">
        <v>48591002</v>
      </c>
      <c r="ME16" s="121">
        <v>48591002</v>
      </c>
      <c r="MF16" s="142">
        <v>0</v>
      </c>
      <c r="MG16" s="119">
        <v>0</v>
      </c>
      <c r="MH16" s="120">
        <v>0</v>
      </c>
      <c r="MI16" s="145"/>
      <c r="MJ16" s="119">
        <v>28099109</v>
      </c>
      <c r="MK16" s="119">
        <v>46783080</v>
      </c>
      <c r="ML16" s="119">
        <v>141632318</v>
      </c>
      <c r="MM16" s="119">
        <v>199348474</v>
      </c>
      <c r="MN16" s="119">
        <v>192168162</v>
      </c>
      <c r="MO16" s="120">
        <v>608031143</v>
      </c>
      <c r="MP16" s="143">
        <v>608031143</v>
      </c>
      <c r="MQ16" s="142">
        <v>0</v>
      </c>
      <c r="MR16" s="119">
        <v>0</v>
      </c>
      <c r="MS16" s="120">
        <v>0</v>
      </c>
      <c r="MT16" s="145"/>
      <c r="MU16" s="119">
        <v>3599829</v>
      </c>
      <c r="MV16" s="119">
        <v>11490025</v>
      </c>
      <c r="MW16" s="119">
        <v>92403305</v>
      </c>
      <c r="MX16" s="119">
        <v>146473315</v>
      </c>
      <c r="MY16" s="119">
        <v>145559128</v>
      </c>
      <c r="MZ16" s="120">
        <v>399525602</v>
      </c>
      <c r="NA16" s="143">
        <v>399525602</v>
      </c>
      <c r="NB16" s="142">
        <v>0</v>
      </c>
      <c r="NC16" s="119">
        <v>0</v>
      </c>
      <c r="ND16" s="120">
        <v>0</v>
      </c>
      <c r="NE16" s="145"/>
      <c r="NF16" s="119">
        <v>24293486</v>
      </c>
      <c r="NG16" s="119">
        <v>35020038</v>
      </c>
      <c r="NH16" s="119">
        <v>49229013</v>
      </c>
      <c r="NI16" s="119">
        <v>51403698</v>
      </c>
      <c r="NJ16" s="119">
        <v>32402073</v>
      </c>
      <c r="NK16" s="120">
        <v>192348308</v>
      </c>
      <c r="NL16" s="320">
        <v>192348308</v>
      </c>
      <c r="NM16" s="142">
        <v>0</v>
      </c>
      <c r="NN16" s="119">
        <v>0</v>
      </c>
      <c r="NO16" s="120">
        <v>0</v>
      </c>
      <c r="NP16" s="145"/>
      <c r="NQ16" s="119">
        <v>0</v>
      </c>
      <c r="NR16" s="119">
        <v>0</v>
      </c>
      <c r="NS16" s="119">
        <v>0</v>
      </c>
      <c r="NT16" s="119">
        <v>0</v>
      </c>
      <c r="NU16" s="119">
        <v>779690</v>
      </c>
      <c r="NV16" s="120">
        <v>779690</v>
      </c>
      <c r="NW16" s="121">
        <v>779690</v>
      </c>
      <c r="NX16" s="142">
        <v>0</v>
      </c>
      <c r="NY16" s="119">
        <v>0</v>
      </c>
      <c r="NZ16" s="120">
        <v>0</v>
      </c>
      <c r="OA16" s="145"/>
      <c r="OB16" s="119">
        <v>205794</v>
      </c>
      <c r="OC16" s="119">
        <v>273017</v>
      </c>
      <c r="OD16" s="119">
        <v>0</v>
      </c>
      <c r="OE16" s="119">
        <v>1471461</v>
      </c>
      <c r="OF16" s="119">
        <v>13427271</v>
      </c>
      <c r="OG16" s="120">
        <v>15377543</v>
      </c>
      <c r="OH16" s="121">
        <v>15377543</v>
      </c>
      <c r="OI16" s="142">
        <v>23279382</v>
      </c>
      <c r="OJ16" s="119">
        <v>42959009</v>
      </c>
      <c r="OK16" s="141">
        <v>66238391</v>
      </c>
      <c r="OL16" s="118">
        <v>0</v>
      </c>
      <c r="OM16" s="119">
        <v>429687304</v>
      </c>
      <c r="ON16" s="119">
        <v>386726732</v>
      </c>
      <c r="OO16" s="119">
        <v>453652692</v>
      </c>
      <c r="OP16" s="119">
        <v>512832558</v>
      </c>
      <c r="OQ16" s="119">
        <v>456230379</v>
      </c>
      <c r="OR16" s="120">
        <v>2239129665</v>
      </c>
      <c r="OS16" s="143">
        <v>2305368056</v>
      </c>
    </row>
    <row r="17" spans="2:409" ht="18.75" customHeight="1" x14ac:dyDescent="0.2">
      <c r="B17" s="62" t="s">
        <v>11</v>
      </c>
      <c r="C17" s="110">
        <v>10725159</v>
      </c>
      <c r="D17" s="114">
        <v>16001190</v>
      </c>
      <c r="E17" s="171">
        <v>26726349</v>
      </c>
      <c r="F17" s="111">
        <v>0</v>
      </c>
      <c r="G17" s="114">
        <v>161028458</v>
      </c>
      <c r="H17" s="114">
        <v>129504137</v>
      </c>
      <c r="I17" s="114">
        <v>135428192</v>
      </c>
      <c r="J17" s="114">
        <v>132183146</v>
      </c>
      <c r="K17" s="114">
        <v>90894553</v>
      </c>
      <c r="L17" s="109">
        <v>649038486</v>
      </c>
      <c r="M17" s="116">
        <v>675764835</v>
      </c>
      <c r="N17" s="110">
        <v>1419108</v>
      </c>
      <c r="O17" s="114">
        <v>2950472</v>
      </c>
      <c r="P17" s="113">
        <v>4369580</v>
      </c>
      <c r="Q17" s="110">
        <v>0</v>
      </c>
      <c r="R17" s="114">
        <v>39386557</v>
      </c>
      <c r="S17" s="114">
        <v>37846006</v>
      </c>
      <c r="T17" s="114">
        <v>41737506</v>
      </c>
      <c r="U17" s="114">
        <v>45335466</v>
      </c>
      <c r="V17" s="114">
        <v>43958520</v>
      </c>
      <c r="W17" s="113">
        <v>208264055</v>
      </c>
      <c r="X17" s="116">
        <v>212633635</v>
      </c>
      <c r="Y17" s="110">
        <v>0</v>
      </c>
      <c r="Z17" s="114">
        <v>0</v>
      </c>
      <c r="AA17" s="113">
        <v>0</v>
      </c>
      <c r="AB17" s="110">
        <v>0</v>
      </c>
      <c r="AC17" s="114">
        <v>21104296</v>
      </c>
      <c r="AD17" s="114">
        <v>21925539</v>
      </c>
      <c r="AE17" s="114">
        <v>24822941</v>
      </c>
      <c r="AF17" s="114">
        <v>28695982</v>
      </c>
      <c r="AG17" s="114">
        <v>27594137</v>
      </c>
      <c r="AH17" s="113">
        <v>124142895</v>
      </c>
      <c r="AI17" s="116">
        <v>124142895</v>
      </c>
      <c r="AJ17" s="110">
        <v>0</v>
      </c>
      <c r="AK17" s="114">
        <v>44018</v>
      </c>
      <c r="AL17" s="113">
        <v>44018</v>
      </c>
      <c r="AM17" s="110">
        <v>0</v>
      </c>
      <c r="AN17" s="114">
        <v>104733</v>
      </c>
      <c r="AO17" s="114">
        <v>700579</v>
      </c>
      <c r="AP17" s="114">
        <v>1785589</v>
      </c>
      <c r="AQ17" s="114">
        <v>2930524</v>
      </c>
      <c r="AR17" s="114">
        <v>4165752</v>
      </c>
      <c r="AS17" s="113">
        <v>9687177</v>
      </c>
      <c r="AT17" s="116">
        <v>9731195</v>
      </c>
      <c r="AU17" s="110">
        <v>939848</v>
      </c>
      <c r="AV17" s="114">
        <v>2238551</v>
      </c>
      <c r="AW17" s="113">
        <v>3178399</v>
      </c>
      <c r="AX17" s="110">
        <v>0</v>
      </c>
      <c r="AY17" s="114">
        <v>11850614</v>
      </c>
      <c r="AZ17" s="114">
        <v>9506096</v>
      </c>
      <c r="BA17" s="114">
        <v>9150720</v>
      </c>
      <c r="BB17" s="114">
        <v>8195520</v>
      </c>
      <c r="BC17" s="114">
        <v>8759492</v>
      </c>
      <c r="BD17" s="113">
        <v>47462442</v>
      </c>
      <c r="BE17" s="116">
        <v>50640841</v>
      </c>
      <c r="BF17" s="110">
        <v>53151</v>
      </c>
      <c r="BG17" s="114">
        <v>223604</v>
      </c>
      <c r="BH17" s="112">
        <v>276755</v>
      </c>
      <c r="BI17" s="111">
        <v>0</v>
      </c>
      <c r="BJ17" s="114">
        <v>1557411</v>
      </c>
      <c r="BK17" s="114">
        <v>918108</v>
      </c>
      <c r="BL17" s="114">
        <v>1198663</v>
      </c>
      <c r="BM17" s="114">
        <v>845753</v>
      </c>
      <c r="BN17" s="114">
        <v>155988</v>
      </c>
      <c r="BO17" s="113">
        <v>4675923</v>
      </c>
      <c r="BP17" s="116">
        <v>4952678</v>
      </c>
      <c r="BQ17" s="110">
        <v>426109</v>
      </c>
      <c r="BR17" s="114">
        <v>444299</v>
      </c>
      <c r="BS17" s="113">
        <v>870408</v>
      </c>
      <c r="BT17" s="110">
        <v>0</v>
      </c>
      <c r="BU17" s="114">
        <v>4769503</v>
      </c>
      <c r="BV17" s="114">
        <v>4795684</v>
      </c>
      <c r="BW17" s="114">
        <v>4779593</v>
      </c>
      <c r="BX17" s="114">
        <v>4667687</v>
      </c>
      <c r="BY17" s="114">
        <v>3283151</v>
      </c>
      <c r="BZ17" s="113">
        <v>22295618</v>
      </c>
      <c r="CA17" s="116">
        <v>23166026</v>
      </c>
      <c r="CB17" s="110">
        <v>1890845</v>
      </c>
      <c r="CC17" s="114">
        <v>3286267</v>
      </c>
      <c r="CD17" s="113">
        <v>5177112</v>
      </c>
      <c r="CE17" s="110">
        <v>0</v>
      </c>
      <c r="CF17" s="114">
        <v>49428191</v>
      </c>
      <c r="CG17" s="114">
        <v>34538863</v>
      </c>
      <c r="CH17" s="114">
        <v>32055940</v>
      </c>
      <c r="CI17" s="114">
        <v>22327509</v>
      </c>
      <c r="CJ17" s="114">
        <v>11690826</v>
      </c>
      <c r="CK17" s="113">
        <v>150041329</v>
      </c>
      <c r="CL17" s="116">
        <v>155218441</v>
      </c>
      <c r="CM17" s="110">
        <v>0</v>
      </c>
      <c r="CN17" s="114">
        <v>0</v>
      </c>
      <c r="CO17" s="113">
        <v>0</v>
      </c>
      <c r="CP17" s="111">
        <v>0</v>
      </c>
      <c r="CQ17" s="114">
        <v>41240267</v>
      </c>
      <c r="CR17" s="114">
        <v>28319868</v>
      </c>
      <c r="CS17" s="114">
        <v>26433847</v>
      </c>
      <c r="CT17" s="114">
        <v>18061109</v>
      </c>
      <c r="CU17" s="114">
        <v>10346521</v>
      </c>
      <c r="CV17" s="113">
        <v>124401612</v>
      </c>
      <c r="CW17" s="116">
        <v>124401612</v>
      </c>
      <c r="CX17" s="110">
        <v>1890845</v>
      </c>
      <c r="CY17" s="114">
        <v>3286267</v>
      </c>
      <c r="CZ17" s="113">
        <v>5177112</v>
      </c>
      <c r="DA17" s="110">
        <v>0</v>
      </c>
      <c r="DB17" s="114">
        <v>8187924</v>
      </c>
      <c r="DC17" s="114">
        <v>6218995</v>
      </c>
      <c r="DD17" s="114">
        <v>5622093</v>
      </c>
      <c r="DE17" s="114">
        <v>4266400</v>
      </c>
      <c r="DF17" s="114">
        <v>1344305</v>
      </c>
      <c r="DG17" s="113">
        <v>25639717</v>
      </c>
      <c r="DH17" s="116">
        <v>30816829</v>
      </c>
      <c r="DI17" s="110">
        <v>59402</v>
      </c>
      <c r="DJ17" s="114">
        <v>195040</v>
      </c>
      <c r="DK17" s="112">
        <v>254442</v>
      </c>
      <c r="DL17" s="111">
        <v>0</v>
      </c>
      <c r="DM17" s="114">
        <v>5106547</v>
      </c>
      <c r="DN17" s="114">
        <v>7252626</v>
      </c>
      <c r="DO17" s="114">
        <v>11175319</v>
      </c>
      <c r="DP17" s="114">
        <v>9854820</v>
      </c>
      <c r="DQ17" s="114">
        <v>5169375</v>
      </c>
      <c r="DR17" s="113">
        <v>38558687</v>
      </c>
      <c r="DS17" s="116">
        <v>38813129</v>
      </c>
      <c r="DT17" s="110">
        <v>59402</v>
      </c>
      <c r="DU17" s="114">
        <v>195040</v>
      </c>
      <c r="DV17" s="113">
        <v>254442</v>
      </c>
      <c r="DW17" s="110">
        <v>0</v>
      </c>
      <c r="DX17" s="114">
        <v>4754803</v>
      </c>
      <c r="DY17" s="114">
        <v>6695860</v>
      </c>
      <c r="DZ17" s="114">
        <v>10226715</v>
      </c>
      <c r="EA17" s="114">
        <v>9145973</v>
      </c>
      <c r="EB17" s="114">
        <v>4570848</v>
      </c>
      <c r="EC17" s="113">
        <v>35394199</v>
      </c>
      <c r="ED17" s="116">
        <v>35648641</v>
      </c>
      <c r="EE17" s="110">
        <v>0</v>
      </c>
      <c r="EF17" s="112">
        <v>0</v>
      </c>
      <c r="EG17" s="113">
        <v>0</v>
      </c>
      <c r="EH17" s="110">
        <v>0</v>
      </c>
      <c r="EI17" s="114">
        <v>351744</v>
      </c>
      <c r="EJ17" s="114">
        <v>556766</v>
      </c>
      <c r="EK17" s="114">
        <v>948604</v>
      </c>
      <c r="EL17" s="114">
        <v>708847</v>
      </c>
      <c r="EM17" s="114">
        <v>598527</v>
      </c>
      <c r="EN17" s="112">
        <v>3164488</v>
      </c>
      <c r="EO17" s="116">
        <v>3164488</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2796548</v>
      </c>
      <c r="FM17" s="114">
        <v>3829690</v>
      </c>
      <c r="FN17" s="113">
        <v>6626238</v>
      </c>
      <c r="FO17" s="110">
        <v>0</v>
      </c>
      <c r="FP17" s="114">
        <v>7371845</v>
      </c>
      <c r="FQ17" s="114">
        <v>11045652</v>
      </c>
      <c r="FR17" s="114">
        <v>10050937</v>
      </c>
      <c r="FS17" s="114">
        <v>9961749</v>
      </c>
      <c r="FT17" s="114">
        <v>6327067</v>
      </c>
      <c r="FU17" s="113">
        <v>44757250</v>
      </c>
      <c r="FV17" s="116">
        <v>51383488</v>
      </c>
      <c r="FW17" s="115">
        <v>1813757</v>
      </c>
      <c r="FX17" s="114">
        <v>2671307</v>
      </c>
      <c r="FY17" s="112">
        <v>4485064</v>
      </c>
      <c r="FZ17" s="111">
        <v>0</v>
      </c>
      <c r="GA17" s="114">
        <v>6659603</v>
      </c>
      <c r="GB17" s="114">
        <v>10501953</v>
      </c>
      <c r="GC17" s="114">
        <v>9789067</v>
      </c>
      <c r="GD17" s="114">
        <v>9237469</v>
      </c>
      <c r="GE17" s="114">
        <v>6163771</v>
      </c>
      <c r="GF17" s="113">
        <v>42351863</v>
      </c>
      <c r="GG17" s="318">
        <v>46836927</v>
      </c>
      <c r="GH17" s="115">
        <v>147307</v>
      </c>
      <c r="GI17" s="114">
        <v>184514</v>
      </c>
      <c r="GJ17" s="112">
        <v>331821</v>
      </c>
      <c r="GK17" s="111">
        <v>0</v>
      </c>
      <c r="GL17" s="114">
        <v>311512</v>
      </c>
      <c r="GM17" s="114">
        <v>258111</v>
      </c>
      <c r="GN17" s="114">
        <v>170470</v>
      </c>
      <c r="GO17" s="114">
        <v>397022</v>
      </c>
      <c r="GP17" s="114">
        <v>55296</v>
      </c>
      <c r="GQ17" s="113">
        <v>1192411</v>
      </c>
      <c r="GR17" s="116">
        <v>1524232</v>
      </c>
      <c r="GS17" s="110">
        <v>835484</v>
      </c>
      <c r="GT17" s="114">
        <v>973869</v>
      </c>
      <c r="GU17" s="113">
        <v>1809353</v>
      </c>
      <c r="GV17" s="110">
        <v>0</v>
      </c>
      <c r="GW17" s="114">
        <v>400730</v>
      </c>
      <c r="GX17" s="114">
        <v>285588</v>
      </c>
      <c r="GY17" s="114">
        <v>91400</v>
      </c>
      <c r="GZ17" s="114">
        <v>327258</v>
      </c>
      <c r="HA17" s="114">
        <v>108000</v>
      </c>
      <c r="HB17" s="112">
        <v>1212976</v>
      </c>
      <c r="HC17" s="116">
        <v>3022329</v>
      </c>
      <c r="HD17" s="110">
        <v>2161275</v>
      </c>
      <c r="HE17" s="114">
        <v>3154833</v>
      </c>
      <c r="HF17" s="112">
        <v>5316108</v>
      </c>
      <c r="HG17" s="111">
        <v>0</v>
      </c>
      <c r="HH17" s="114">
        <v>32420129</v>
      </c>
      <c r="HI17" s="114">
        <v>23692901</v>
      </c>
      <c r="HJ17" s="114">
        <v>27128576</v>
      </c>
      <c r="HK17" s="114">
        <v>35593618</v>
      </c>
      <c r="HL17" s="114">
        <v>18438150</v>
      </c>
      <c r="HM17" s="113">
        <v>137273374</v>
      </c>
      <c r="HN17" s="109">
        <v>142589482</v>
      </c>
      <c r="HO17" s="115">
        <v>2397981</v>
      </c>
      <c r="HP17" s="114">
        <v>2584888</v>
      </c>
      <c r="HQ17" s="113">
        <v>4982869</v>
      </c>
      <c r="HR17" s="110">
        <v>0</v>
      </c>
      <c r="HS17" s="114">
        <v>27315189</v>
      </c>
      <c r="HT17" s="114">
        <v>15128089</v>
      </c>
      <c r="HU17" s="114">
        <v>13279914</v>
      </c>
      <c r="HV17" s="114">
        <v>9109984</v>
      </c>
      <c r="HW17" s="114">
        <v>5310615</v>
      </c>
      <c r="HX17" s="112">
        <v>70143791</v>
      </c>
      <c r="HY17" s="116">
        <v>75126660</v>
      </c>
      <c r="HZ17" s="131">
        <v>293533</v>
      </c>
      <c r="IA17" s="132">
        <v>1890566</v>
      </c>
      <c r="IB17" s="133">
        <v>2184099</v>
      </c>
      <c r="IC17" s="146">
        <v>0</v>
      </c>
      <c r="ID17" s="132">
        <v>53736196</v>
      </c>
      <c r="IE17" s="147">
        <v>52655143</v>
      </c>
      <c r="IF17" s="133">
        <v>47345229</v>
      </c>
      <c r="IG17" s="132">
        <v>32509682</v>
      </c>
      <c r="IH17" s="133">
        <v>18878983</v>
      </c>
      <c r="II17" s="148">
        <v>205125233</v>
      </c>
      <c r="IJ17" s="139">
        <v>207309332</v>
      </c>
      <c r="IK17" s="232">
        <v>0</v>
      </c>
      <c r="IL17" s="236">
        <v>0</v>
      </c>
      <c r="IM17" s="237">
        <v>0</v>
      </c>
      <c r="IN17" s="140"/>
      <c r="IO17" s="119">
        <v>882533</v>
      </c>
      <c r="IP17" s="119">
        <v>1019115</v>
      </c>
      <c r="IQ17" s="119">
        <v>1235105</v>
      </c>
      <c r="IR17" s="119">
        <v>1591419</v>
      </c>
      <c r="IS17" s="119">
        <v>1503558</v>
      </c>
      <c r="IT17" s="141">
        <v>6231730</v>
      </c>
      <c r="IU17" s="320">
        <v>6231730</v>
      </c>
      <c r="IV17" s="142">
        <v>0</v>
      </c>
      <c r="IW17" s="119">
        <v>0</v>
      </c>
      <c r="IX17" s="120">
        <v>0</v>
      </c>
      <c r="IY17" s="144"/>
      <c r="IZ17" s="119">
        <v>222450</v>
      </c>
      <c r="JA17" s="119">
        <v>248864</v>
      </c>
      <c r="JB17" s="119">
        <v>129962</v>
      </c>
      <c r="JC17" s="119">
        <v>289263</v>
      </c>
      <c r="JD17" s="119">
        <v>175917</v>
      </c>
      <c r="JE17" s="120">
        <v>1066456</v>
      </c>
      <c r="JF17" s="121">
        <v>1066456</v>
      </c>
      <c r="JG17" s="142">
        <v>0</v>
      </c>
      <c r="JH17" s="119">
        <v>0</v>
      </c>
      <c r="JI17" s="141">
        <v>0</v>
      </c>
      <c r="JJ17" s="118">
        <v>0</v>
      </c>
      <c r="JK17" s="119">
        <v>29206350</v>
      </c>
      <c r="JL17" s="119">
        <v>18944952</v>
      </c>
      <c r="JM17" s="119">
        <v>16041256</v>
      </c>
      <c r="JN17" s="119">
        <v>10018531</v>
      </c>
      <c r="JO17" s="119">
        <v>4022148</v>
      </c>
      <c r="JP17" s="120">
        <v>78233237</v>
      </c>
      <c r="JQ17" s="320">
        <v>78233237</v>
      </c>
      <c r="JR17" s="142">
        <v>0</v>
      </c>
      <c r="JS17" s="119">
        <v>65002</v>
      </c>
      <c r="JT17" s="141">
        <v>65002</v>
      </c>
      <c r="JU17" s="118">
        <v>0</v>
      </c>
      <c r="JV17" s="119">
        <v>1021001</v>
      </c>
      <c r="JW17" s="119">
        <v>1432396</v>
      </c>
      <c r="JX17" s="119">
        <v>970971</v>
      </c>
      <c r="JY17" s="119">
        <v>101444</v>
      </c>
      <c r="JZ17" s="119">
        <v>96155</v>
      </c>
      <c r="KA17" s="120">
        <v>3621967</v>
      </c>
      <c r="KB17" s="320">
        <v>3686969</v>
      </c>
      <c r="KC17" s="234">
        <v>293533</v>
      </c>
      <c r="KD17" s="230">
        <v>328801</v>
      </c>
      <c r="KE17" s="120">
        <v>622334</v>
      </c>
      <c r="KF17" s="118">
        <v>0</v>
      </c>
      <c r="KG17" s="119">
        <v>5434874</v>
      </c>
      <c r="KH17" s="119">
        <v>8622303</v>
      </c>
      <c r="KI17" s="119">
        <v>8654358</v>
      </c>
      <c r="KJ17" s="119">
        <v>5104305</v>
      </c>
      <c r="KK17" s="119">
        <v>3088661</v>
      </c>
      <c r="KL17" s="120">
        <v>30904501</v>
      </c>
      <c r="KM17" s="143">
        <v>31526835</v>
      </c>
      <c r="KN17" s="232">
        <v>0</v>
      </c>
      <c r="KO17" s="236">
        <v>1496763</v>
      </c>
      <c r="KP17" s="237">
        <v>1496763</v>
      </c>
      <c r="KQ17" s="140"/>
      <c r="KR17" s="119">
        <v>15611830</v>
      </c>
      <c r="KS17" s="119">
        <v>21343706</v>
      </c>
      <c r="KT17" s="119">
        <v>19654115</v>
      </c>
      <c r="KU17" s="119">
        <v>12915025</v>
      </c>
      <c r="KV17" s="119">
        <v>9021569</v>
      </c>
      <c r="KW17" s="120">
        <v>78546245</v>
      </c>
      <c r="KX17" s="320">
        <v>80043008</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43657</v>
      </c>
      <c r="LP17" s="119">
        <v>0</v>
      </c>
      <c r="LQ17" s="119">
        <v>0</v>
      </c>
      <c r="LR17" s="119">
        <v>0</v>
      </c>
      <c r="LS17" s="120">
        <v>243657</v>
      </c>
      <c r="LT17" s="320">
        <v>243657</v>
      </c>
      <c r="LU17" s="142">
        <v>0</v>
      </c>
      <c r="LV17" s="119">
        <v>0</v>
      </c>
      <c r="LW17" s="120">
        <v>0</v>
      </c>
      <c r="LX17" s="145"/>
      <c r="LY17" s="119">
        <v>1357158</v>
      </c>
      <c r="LZ17" s="119">
        <v>800150</v>
      </c>
      <c r="MA17" s="119">
        <v>659462</v>
      </c>
      <c r="MB17" s="119">
        <v>2489695</v>
      </c>
      <c r="MC17" s="119">
        <v>970975</v>
      </c>
      <c r="MD17" s="120">
        <v>6277440</v>
      </c>
      <c r="ME17" s="121">
        <v>6277440</v>
      </c>
      <c r="MF17" s="142">
        <v>0</v>
      </c>
      <c r="MG17" s="119">
        <v>0</v>
      </c>
      <c r="MH17" s="120">
        <v>0</v>
      </c>
      <c r="MI17" s="145"/>
      <c r="MJ17" s="119">
        <v>18517651</v>
      </c>
      <c r="MK17" s="119">
        <v>24268405</v>
      </c>
      <c r="ML17" s="119">
        <v>88267846</v>
      </c>
      <c r="MM17" s="119">
        <v>141623468</v>
      </c>
      <c r="MN17" s="119">
        <v>81770641</v>
      </c>
      <c r="MO17" s="120">
        <v>354448011</v>
      </c>
      <c r="MP17" s="143">
        <v>354448011</v>
      </c>
      <c r="MQ17" s="142">
        <v>0</v>
      </c>
      <c r="MR17" s="119">
        <v>0</v>
      </c>
      <c r="MS17" s="120">
        <v>0</v>
      </c>
      <c r="MT17" s="145"/>
      <c r="MU17" s="119">
        <v>432015</v>
      </c>
      <c r="MV17" s="119">
        <v>1157023</v>
      </c>
      <c r="MW17" s="119">
        <v>51837874</v>
      </c>
      <c r="MX17" s="119">
        <v>93074172</v>
      </c>
      <c r="MY17" s="119">
        <v>57681603</v>
      </c>
      <c r="MZ17" s="120">
        <v>204182687</v>
      </c>
      <c r="NA17" s="143">
        <v>204182687</v>
      </c>
      <c r="NB17" s="142">
        <v>0</v>
      </c>
      <c r="NC17" s="119">
        <v>0</v>
      </c>
      <c r="ND17" s="120">
        <v>0</v>
      </c>
      <c r="NE17" s="145"/>
      <c r="NF17" s="119">
        <v>17341478</v>
      </c>
      <c r="NG17" s="119">
        <v>21838402</v>
      </c>
      <c r="NH17" s="119">
        <v>34695445</v>
      </c>
      <c r="NI17" s="119">
        <v>45719278</v>
      </c>
      <c r="NJ17" s="119">
        <v>16691027</v>
      </c>
      <c r="NK17" s="120">
        <v>136285630</v>
      </c>
      <c r="NL17" s="320">
        <v>136285630</v>
      </c>
      <c r="NM17" s="142">
        <v>0</v>
      </c>
      <c r="NN17" s="119">
        <v>0</v>
      </c>
      <c r="NO17" s="120">
        <v>0</v>
      </c>
      <c r="NP17" s="145"/>
      <c r="NQ17" s="119">
        <v>0</v>
      </c>
      <c r="NR17" s="119">
        <v>0</v>
      </c>
      <c r="NS17" s="119">
        <v>0</v>
      </c>
      <c r="NT17" s="119">
        <v>405612</v>
      </c>
      <c r="NU17" s="119">
        <v>381326</v>
      </c>
      <c r="NV17" s="120">
        <v>786938</v>
      </c>
      <c r="NW17" s="121">
        <v>786938</v>
      </c>
      <c r="NX17" s="142">
        <v>0</v>
      </c>
      <c r="NY17" s="119">
        <v>0</v>
      </c>
      <c r="NZ17" s="120">
        <v>0</v>
      </c>
      <c r="OA17" s="145"/>
      <c r="OB17" s="119">
        <v>744158</v>
      </c>
      <c r="OC17" s="119">
        <v>1272980</v>
      </c>
      <c r="OD17" s="119">
        <v>1734527</v>
      </c>
      <c r="OE17" s="119">
        <v>2424406</v>
      </c>
      <c r="OF17" s="119">
        <v>7016685</v>
      </c>
      <c r="OG17" s="120">
        <v>13192756</v>
      </c>
      <c r="OH17" s="121">
        <v>13192756</v>
      </c>
      <c r="OI17" s="142">
        <v>11018692</v>
      </c>
      <c r="OJ17" s="119">
        <v>17891756</v>
      </c>
      <c r="OK17" s="141">
        <v>28910448</v>
      </c>
      <c r="OL17" s="118">
        <v>0</v>
      </c>
      <c r="OM17" s="119">
        <v>233282305</v>
      </c>
      <c r="ON17" s="119">
        <v>206427685</v>
      </c>
      <c r="OO17" s="119">
        <v>271041267</v>
      </c>
      <c r="OP17" s="119">
        <v>306316296</v>
      </c>
      <c r="OQ17" s="119">
        <v>191544177</v>
      </c>
      <c r="OR17" s="120">
        <v>1208611730</v>
      </c>
      <c r="OS17" s="143">
        <v>1237522178</v>
      </c>
    </row>
    <row r="18" spans="2:409" ht="18.75" customHeight="1" x14ac:dyDescent="0.2">
      <c r="B18" s="62" t="s">
        <v>12</v>
      </c>
      <c r="C18" s="110">
        <v>17381327</v>
      </c>
      <c r="D18" s="114">
        <v>30391507</v>
      </c>
      <c r="E18" s="113">
        <v>47772834</v>
      </c>
      <c r="F18" s="109">
        <v>0</v>
      </c>
      <c r="G18" s="114">
        <v>117486052</v>
      </c>
      <c r="H18" s="170">
        <v>138261085</v>
      </c>
      <c r="I18" s="170">
        <v>136216802</v>
      </c>
      <c r="J18" s="170">
        <v>144653128</v>
      </c>
      <c r="K18" s="170">
        <v>110573788</v>
      </c>
      <c r="L18" s="112">
        <v>647190855</v>
      </c>
      <c r="M18" s="116">
        <v>694963689</v>
      </c>
      <c r="N18" s="110">
        <v>3555087</v>
      </c>
      <c r="O18" s="114">
        <v>8350029</v>
      </c>
      <c r="P18" s="113">
        <v>11905116</v>
      </c>
      <c r="Q18" s="110">
        <v>0</v>
      </c>
      <c r="R18" s="114">
        <v>33657811</v>
      </c>
      <c r="S18" s="114">
        <v>44019225</v>
      </c>
      <c r="T18" s="114">
        <v>42416599</v>
      </c>
      <c r="U18" s="114">
        <v>54728533</v>
      </c>
      <c r="V18" s="114">
        <v>53292209</v>
      </c>
      <c r="W18" s="113">
        <v>228114377</v>
      </c>
      <c r="X18" s="116">
        <v>240019493</v>
      </c>
      <c r="Y18" s="110">
        <v>0</v>
      </c>
      <c r="Z18" s="114">
        <v>0</v>
      </c>
      <c r="AA18" s="113">
        <v>0</v>
      </c>
      <c r="AB18" s="110">
        <v>0</v>
      </c>
      <c r="AC18" s="114">
        <v>19516240</v>
      </c>
      <c r="AD18" s="114">
        <v>24699691</v>
      </c>
      <c r="AE18" s="114">
        <v>26390145</v>
      </c>
      <c r="AF18" s="114">
        <v>36144995</v>
      </c>
      <c r="AG18" s="114">
        <v>34929604</v>
      </c>
      <c r="AH18" s="113">
        <v>141680675</v>
      </c>
      <c r="AI18" s="116">
        <v>141680675</v>
      </c>
      <c r="AJ18" s="110">
        <v>0</v>
      </c>
      <c r="AK18" s="114">
        <v>156869</v>
      </c>
      <c r="AL18" s="113">
        <v>156869</v>
      </c>
      <c r="AM18" s="110">
        <v>0</v>
      </c>
      <c r="AN18" s="114">
        <v>207765</v>
      </c>
      <c r="AO18" s="114">
        <v>655242</v>
      </c>
      <c r="AP18" s="114">
        <v>1198621</v>
      </c>
      <c r="AQ18" s="114">
        <v>3634808</v>
      </c>
      <c r="AR18" s="114">
        <v>4651527</v>
      </c>
      <c r="AS18" s="113">
        <v>10347963</v>
      </c>
      <c r="AT18" s="116">
        <v>10504832</v>
      </c>
      <c r="AU18" s="110">
        <v>2559394</v>
      </c>
      <c r="AV18" s="114">
        <v>6455683</v>
      </c>
      <c r="AW18" s="113">
        <v>9015077</v>
      </c>
      <c r="AX18" s="110">
        <v>0</v>
      </c>
      <c r="AY18" s="114">
        <v>9609868</v>
      </c>
      <c r="AZ18" s="114">
        <v>12677399</v>
      </c>
      <c r="BA18" s="114">
        <v>9686236</v>
      </c>
      <c r="BB18" s="114">
        <v>8933404</v>
      </c>
      <c r="BC18" s="114">
        <v>8990180</v>
      </c>
      <c r="BD18" s="113">
        <v>49897087</v>
      </c>
      <c r="BE18" s="116">
        <v>58912164</v>
      </c>
      <c r="BF18" s="110">
        <v>70297</v>
      </c>
      <c r="BG18" s="114">
        <v>662537</v>
      </c>
      <c r="BH18" s="112">
        <v>732834</v>
      </c>
      <c r="BI18" s="111">
        <v>0</v>
      </c>
      <c r="BJ18" s="114">
        <v>466778</v>
      </c>
      <c r="BK18" s="114">
        <v>1777800</v>
      </c>
      <c r="BL18" s="114">
        <v>757665</v>
      </c>
      <c r="BM18" s="114">
        <v>1031403</v>
      </c>
      <c r="BN18" s="114">
        <v>578220</v>
      </c>
      <c r="BO18" s="113">
        <v>4611866</v>
      </c>
      <c r="BP18" s="116">
        <v>5344700</v>
      </c>
      <c r="BQ18" s="110">
        <v>925396</v>
      </c>
      <c r="BR18" s="114">
        <v>1074940</v>
      </c>
      <c r="BS18" s="113">
        <v>2000336</v>
      </c>
      <c r="BT18" s="110">
        <v>0</v>
      </c>
      <c r="BU18" s="114">
        <v>3857160</v>
      </c>
      <c r="BV18" s="114">
        <v>4209093</v>
      </c>
      <c r="BW18" s="114">
        <v>4383932</v>
      </c>
      <c r="BX18" s="114">
        <v>4983923</v>
      </c>
      <c r="BY18" s="114">
        <v>4142678</v>
      </c>
      <c r="BZ18" s="113">
        <v>21576786</v>
      </c>
      <c r="CA18" s="116">
        <v>23577122</v>
      </c>
      <c r="CB18" s="110">
        <v>3329502</v>
      </c>
      <c r="CC18" s="114">
        <v>5675435</v>
      </c>
      <c r="CD18" s="113">
        <v>9004937</v>
      </c>
      <c r="CE18" s="110">
        <v>0</v>
      </c>
      <c r="CF18" s="114">
        <v>36090097</v>
      </c>
      <c r="CG18" s="114">
        <v>37714161</v>
      </c>
      <c r="CH18" s="114">
        <v>35967883</v>
      </c>
      <c r="CI18" s="114">
        <v>26208604</v>
      </c>
      <c r="CJ18" s="114">
        <v>14280132</v>
      </c>
      <c r="CK18" s="113">
        <v>150260877</v>
      </c>
      <c r="CL18" s="116">
        <v>159265814</v>
      </c>
      <c r="CM18" s="110">
        <v>0</v>
      </c>
      <c r="CN18" s="114">
        <v>0</v>
      </c>
      <c r="CO18" s="113">
        <v>0</v>
      </c>
      <c r="CP18" s="111">
        <v>0</v>
      </c>
      <c r="CQ18" s="114">
        <v>30571010</v>
      </c>
      <c r="CR18" s="114">
        <v>28580399</v>
      </c>
      <c r="CS18" s="114">
        <v>28645143</v>
      </c>
      <c r="CT18" s="114">
        <v>20753066</v>
      </c>
      <c r="CU18" s="114">
        <v>10816119</v>
      </c>
      <c r="CV18" s="113">
        <v>119365737</v>
      </c>
      <c r="CW18" s="116">
        <v>119365737</v>
      </c>
      <c r="CX18" s="110">
        <v>3329502</v>
      </c>
      <c r="CY18" s="114">
        <v>5675435</v>
      </c>
      <c r="CZ18" s="113">
        <v>9004937</v>
      </c>
      <c r="DA18" s="110">
        <v>0</v>
      </c>
      <c r="DB18" s="114">
        <v>5519087</v>
      </c>
      <c r="DC18" s="114">
        <v>9133762</v>
      </c>
      <c r="DD18" s="114">
        <v>7322740</v>
      </c>
      <c r="DE18" s="114">
        <v>5455538</v>
      </c>
      <c r="DF18" s="114">
        <v>3464013</v>
      </c>
      <c r="DG18" s="113">
        <v>30895140</v>
      </c>
      <c r="DH18" s="116">
        <v>39900077</v>
      </c>
      <c r="DI18" s="110">
        <v>-19142</v>
      </c>
      <c r="DJ18" s="114">
        <v>303131</v>
      </c>
      <c r="DK18" s="112">
        <v>283989</v>
      </c>
      <c r="DL18" s="111">
        <v>0</v>
      </c>
      <c r="DM18" s="114">
        <v>4348770</v>
      </c>
      <c r="DN18" s="114">
        <v>5521360</v>
      </c>
      <c r="DO18" s="114">
        <v>10471202</v>
      </c>
      <c r="DP18" s="114">
        <v>12465572</v>
      </c>
      <c r="DQ18" s="114">
        <v>6420176</v>
      </c>
      <c r="DR18" s="113">
        <v>39227080</v>
      </c>
      <c r="DS18" s="116">
        <v>39511069</v>
      </c>
      <c r="DT18" s="110">
        <v>-19142</v>
      </c>
      <c r="DU18" s="114">
        <v>303131</v>
      </c>
      <c r="DV18" s="113">
        <v>283989</v>
      </c>
      <c r="DW18" s="110">
        <v>0</v>
      </c>
      <c r="DX18" s="114">
        <v>4335764</v>
      </c>
      <c r="DY18" s="114">
        <v>5086662</v>
      </c>
      <c r="DZ18" s="114">
        <v>9983418</v>
      </c>
      <c r="EA18" s="114">
        <v>12084158</v>
      </c>
      <c r="EB18" s="114">
        <v>6360604</v>
      </c>
      <c r="EC18" s="113">
        <v>37850606</v>
      </c>
      <c r="ED18" s="116">
        <v>38134595</v>
      </c>
      <c r="EE18" s="110">
        <v>0</v>
      </c>
      <c r="EF18" s="112">
        <v>0</v>
      </c>
      <c r="EG18" s="113">
        <v>0</v>
      </c>
      <c r="EH18" s="110">
        <v>0</v>
      </c>
      <c r="EI18" s="114">
        <v>13006</v>
      </c>
      <c r="EJ18" s="114">
        <v>434698</v>
      </c>
      <c r="EK18" s="114">
        <v>487784</v>
      </c>
      <c r="EL18" s="114">
        <v>381414</v>
      </c>
      <c r="EM18" s="114">
        <v>59572</v>
      </c>
      <c r="EN18" s="112">
        <v>1376474</v>
      </c>
      <c r="EO18" s="116">
        <v>1376474</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3879179</v>
      </c>
      <c r="FM18" s="114">
        <v>6836809</v>
      </c>
      <c r="FN18" s="113">
        <v>10715988</v>
      </c>
      <c r="FO18" s="110">
        <v>0</v>
      </c>
      <c r="FP18" s="114">
        <v>4648577</v>
      </c>
      <c r="FQ18" s="114">
        <v>12937735</v>
      </c>
      <c r="FR18" s="114">
        <v>11539669</v>
      </c>
      <c r="FS18" s="114">
        <v>12762385</v>
      </c>
      <c r="FT18" s="114">
        <v>8312911</v>
      </c>
      <c r="FU18" s="113">
        <v>50201277</v>
      </c>
      <c r="FV18" s="116">
        <v>60917265</v>
      </c>
      <c r="FW18" s="115">
        <v>2459741</v>
      </c>
      <c r="FX18" s="114">
        <v>5374993</v>
      </c>
      <c r="FY18" s="112">
        <v>7834734</v>
      </c>
      <c r="FZ18" s="111">
        <v>0</v>
      </c>
      <c r="GA18" s="114">
        <v>3452740</v>
      </c>
      <c r="GB18" s="114">
        <v>12167597</v>
      </c>
      <c r="GC18" s="114">
        <v>10719847</v>
      </c>
      <c r="GD18" s="114">
        <v>11907824</v>
      </c>
      <c r="GE18" s="114">
        <v>8222501</v>
      </c>
      <c r="GF18" s="113">
        <v>46470509</v>
      </c>
      <c r="GG18" s="318">
        <v>54305243</v>
      </c>
      <c r="GH18" s="115">
        <v>445926</v>
      </c>
      <c r="GI18" s="114">
        <v>344420</v>
      </c>
      <c r="GJ18" s="112">
        <v>790346</v>
      </c>
      <c r="GK18" s="111">
        <v>0</v>
      </c>
      <c r="GL18" s="114">
        <v>228004</v>
      </c>
      <c r="GM18" s="114">
        <v>205715</v>
      </c>
      <c r="GN18" s="114">
        <v>352624</v>
      </c>
      <c r="GO18" s="114">
        <v>258717</v>
      </c>
      <c r="GP18" s="114">
        <v>90410</v>
      </c>
      <c r="GQ18" s="113">
        <v>1135470</v>
      </c>
      <c r="GR18" s="116">
        <v>1925816</v>
      </c>
      <c r="GS18" s="110">
        <v>973512</v>
      </c>
      <c r="GT18" s="114">
        <v>1117396</v>
      </c>
      <c r="GU18" s="113">
        <v>2090908</v>
      </c>
      <c r="GV18" s="110">
        <v>0</v>
      </c>
      <c r="GW18" s="114">
        <v>967833</v>
      </c>
      <c r="GX18" s="114">
        <v>564423</v>
      </c>
      <c r="GY18" s="114">
        <v>467198</v>
      </c>
      <c r="GZ18" s="114">
        <v>595844</v>
      </c>
      <c r="HA18" s="114">
        <v>0</v>
      </c>
      <c r="HB18" s="112">
        <v>2595298</v>
      </c>
      <c r="HC18" s="116">
        <v>4686206</v>
      </c>
      <c r="HD18" s="110">
        <v>3104679</v>
      </c>
      <c r="HE18" s="114">
        <v>4237149</v>
      </c>
      <c r="HF18" s="112">
        <v>7341828</v>
      </c>
      <c r="HG18" s="111">
        <v>0</v>
      </c>
      <c r="HH18" s="114">
        <v>18155545</v>
      </c>
      <c r="HI18" s="114">
        <v>20444738</v>
      </c>
      <c r="HJ18" s="114">
        <v>21187734</v>
      </c>
      <c r="HK18" s="114">
        <v>27004180</v>
      </c>
      <c r="HL18" s="114">
        <v>22056903</v>
      </c>
      <c r="HM18" s="113">
        <v>108849100</v>
      </c>
      <c r="HN18" s="109">
        <v>116190928</v>
      </c>
      <c r="HO18" s="115">
        <v>3532022</v>
      </c>
      <c r="HP18" s="114">
        <v>4988954</v>
      </c>
      <c r="HQ18" s="113">
        <v>8520976</v>
      </c>
      <c r="HR18" s="110">
        <v>0</v>
      </c>
      <c r="HS18" s="114">
        <v>20585252</v>
      </c>
      <c r="HT18" s="114">
        <v>17623866</v>
      </c>
      <c r="HU18" s="114">
        <v>14633715</v>
      </c>
      <c r="HV18" s="114">
        <v>11483854</v>
      </c>
      <c r="HW18" s="114">
        <v>6211457</v>
      </c>
      <c r="HX18" s="112">
        <v>70538144</v>
      </c>
      <c r="HY18" s="116">
        <v>79059120</v>
      </c>
      <c r="HZ18" s="150">
        <v>0</v>
      </c>
      <c r="IA18" s="135">
        <v>175542</v>
      </c>
      <c r="IB18" s="150">
        <v>175542</v>
      </c>
      <c r="IC18" s="134">
        <v>0</v>
      </c>
      <c r="ID18" s="135">
        <v>37614409</v>
      </c>
      <c r="IE18" s="136">
        <v>37525558</v>
      </c>
      <c r="IF18" s="137">
        <v>50496250</v>
      </c>
      <c r="IG18" s="135">
        <v>47562712</v>
      </c>
      <c r="IH18" s="137">
        <v>31256503</v>
      </c>
      <c r="II18" s="138">
        <v>204455432</v>
      </c>
      <c r="IJ18" s="150">
        <v>204630974</v>
      </c>
      <c r="IK18" s="232">
        <v>0</v>
      </c>
      <c r="IL18" s="236">
        <v>0</v>
      </c>
      <c r="IM18" s="237">
        <v>0</v>
      </c>
      <c r="IN18" s="140"/>
      <c r="IO18" s="119">
        <v>815573</v>
      </c>
      <c r="IP18" s="119">
        <v>572269</v>
      </c>
      <c r="IQ18" s="119">
        <v>1427303</v>
      </c>
      <c r="IR18" s="119">
        <v>1391206</v>
      </c>
      <c r="IS18" s="119">
        <v>1219018</v>
      </c>
      <c r="IT18" s="141">
        <v>5425369</v>
      </c>
      <c r="IU18" s="320">
        <v>5425369</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20205325</v>
      </c>
      <c r="JL18" s="119">
        <v>15446395</v>
      </c>
      <c r="JM18" s="119">
        <v>14986902</v>
      </c>
      <c r="JN18" s="119">
        <v>8687207</v>
      </c>
      <c r="JO18" s="119">
        <v>4263405</v>
      </c>
      <c r="JP18" s="120">
        <v>63589234</v>
      </c>
      <c r="JQ18" s="320">
        <v>63589234</v>
      </c>
      <c r="JR18" s="142">
        <v>0</v>
      </c>
      <c r="JS18" s="119">
        <v>0</v>
      </c>
      <c r="JT18" s="141">
        <v>0</v>
      </c>
      <c r="JU18" s="118">
        <v>0</v>
      </c>
      <c r="JV18" s="119">
        <v>396316</v>
      </c>
      <c r="JW18" s="119">
        <v>203143</v>
      </c>
      <c r="JX18" s="119">
        <v>0</v>
      </c>
      <c r="JY18" s="119">
        <v>0</v>
      </c>
      <c r="JZ18" s="119">
        <v>232786</v>
      </c>
      <c r="KA18" s="120">
        <v>832245</v>
      </c>
      <c r="KB18" s="320">
        <v>832245</v>
      </c>
      <c r="KC18" s="234">
        <v>0</v>
      </c>
      <c r="KD18" s="230">
        <v>175542</v>
      </c>
      <c r="KE18" s="120">
        <v>175542</v>
      </c>
      <c r="KF18" s="118">
        <v>0</v>
      </c>
      <c r="KG18" s="119">
        <v>3038715</v>
      </c>
      <c r="KH18" s="119">
        <v>6939145</v>
      </c>
      <c r="KI18" s="119">
        <v>11773439</v>
      </c>
      <c r="KJ18" s="119">
        <v>14767519</v>
      </c>
      <c r="KK18" s="119">
        <v>7954536</v>
      </c>
      <c r="KL18" s="120">
        <v>44473354</v>
      </c>
      <c r="KM18" s="143">
        <v>44648896</v>
      </c>
      <c r="KN18" s="232">
        <v>0</v>
      </c>
      <c r="KO18" s="236">
        <v>0</v>
      </c>
      <c r="KP18" s="237">
        <v>0</v>
      </c>
      <c r="KQ18" s="140"/>
      <c r="KR18" s="119">
        <v>11824808</v>
      </c>
      <c r="KS18" s="119">
        <v>10734920</v>
      </c>
      <c r="KT18" s="119">
        <v>12935514</v>
      </c>
      <c r="KU18" s="119">
        <v>9458732</v>
      </c>
      <c r="KV18" s="119">
        <v>10725745</v>
      </c>
      <c r="KW18" s="120">
        <v>55679719</v>
      </c>
      <c r="KX18" s="320">
        <v>55679719</v>
      </c>
      <c r="KY18" s="142">
        <v>0</v>
      </c>
      <c r="KZ18" s="119">
        <v>0</v>
      </c>
      <c r="LA18" s="120">
        <v>0</v>
      </c>
      <c r="LB18" s="145"/>
      <c r="LC18" s="119">
        <v>58639</v>
      </c>
      <c r="LD18" s="119">
        <v>1292019</v>
      </c>
      <c r="LE18" s="119">
        <v>751740</v>
      </c>
      <c r="LF18" s="119">
        <v>2278433</v>
      </c>
      <c r="LG18" s="119">
        <v>807201</v>
      </c>
      <c r="LH18" s="120">
        <v>5188032</v>
      </c>
      <c r="LI18" s="121">
        <v>5188032</v>
      </c>
      <c r="LJ18" s="142">
        <v>0</v>
      </c>
      <c r="LK18" s="119">
        <v>0</v>
      </c>
      <c r="LL18" s="120">
        <v>0</v>
      </c>
      <c r="LM18" s="145"/>
      <c r="LN18" s="119">
        <v>0</v>
      </c>
      <c r="LO18" s="119">
        <v>260828</v>
      </c>
      <c r="LP18" s="119">
        <v>3353217</v>
      </c>
      <c r="LQ18" s="119">
        <v>2939492</v>
      </c>
      <c r="LR18" s="119">
        <v>1399444</v>
      </c>
      <c r="LS18" s="120">
        <v>7952981</v>
      </c>
      <c r="LT18" s="320">
        <v>7952981</v>
      </c>
      <c r="LU18" s="142">
        <v>0</v>
      </c>
      <c r="LV18" s="119">
        <v>0</v>
      </c>
      <c r="LW18" s="120">
        <v>0</v>
      </c>
      <c r="LX18" s="145"/>
      <c r="LY18" s="119">
        <v>1275033</v>
      </c>
      <c r="LZ18" s="119">
        <v>2076839</v>
      </c>
      <c r="MA18" s="119">
        <v>5268135</v>
      </c>
      <c r="MB18" s="119">
        <v>8040123</v>
      </c>
      <c r="MC18" s="119">
        <v>4654368</v>
      </c>
      <c r="MD18" s="120">
        <v>21314498</v>
      </c>
      <c r="ME18" s="121">
        <v>21314498</v>
      </c>
      <c r="MF18" s="142">
        <v>0</v>
      </c>
      <c r="MG18" s="119">
        <v>0</v>
      </c>
      <c r="MH18" s="120">
        <v>0</v>
      </c>
      <c r="MI18" s="145"/>
      <c r="MJ18" s="119">
        <v>12063056</v>
      </c>
      <c r="MK18" s="119">
        <v>25529754</v>
      </c>
      <c r="ML18" s="119">
        <v>88895454</v>
      </c>
      <c r="MM18" s="119">
        <v>135957306</v>
      </c>
      <c r="MN18" s="119">
        <v>95836945</v>
      </c>
      <c r="MO18" s="120">
        <v>358282515</v>
      </c>
      <c r="MP18" s="143">
        <v>358282515</v>
      </c>
      <c r="MQ18" s="142">
        <v>0</v>
      </c>
      <c r="MR18" s="119">
        <v>0</v>
      </c>
      <c r="MS18" s="120">
        <v>0</v>
      </c>
      <c r="MT18" s="145"/>
      <c r="MU18" s="119">
        <v>566714</v>
      </c>
      <c r="MV18" s="119">
        <v>4336770</v>
      </c>
      <c r="MW18" s="119">
        <v>44476418</v>
      </c>
      <c r="MX18" s="119">
        <v>83362366</v>
      </c>
      <c r="MY18" s="119">
        <v>68964642</v>
      </c>
      <c r="MZ18" s="120">
        <v>201706910</v>
      </c>
      <c r="NA18" s="143">
        <v>201706910</v>
      </c>
      <c r="NB18" s="142">
        <v>0</v>
      </c>
      <c r="NC18" s="119">
        <v>0</v>
      </c>
      <c r="ND18" s="120">
        <v>0</v>
      </c>
      <c r="NE18" s="145"/>
      <c r="NF18" s="119">
        <v>11496342</v>
      </c>
      <c r="NG18" s="119">
        <v>20866554</v>
      </c>
      <c r="NH18" s="119">
        <v>43704647</v>
      </c>
      <c r="NI18" s="119">
        <v>46890494</v>
      </c>
      <c r="NJ18" s="119">
        <v>21478820</v>
      </c>
      <c r="NK18" s="120">
        <v>144436857</v>
      </c>
      <c r="NL18" s="320">
        <v>144436857</v>
      </c>
      <c r="NM18" s="142">
        <v>0</v>
      </c>
      <c r="NN18" s="119">
        <v>0</v>
      </c>
      <c r="NO18" s="120">
        <v>0</v>
      </c>
      <c r="NP18" s="145"/>
      <c r="NQ18" s="119">
        <v>0</v>
      </c>
      <c r="NR18" s="119">
        <v>0</v>
      </c>
      <c r="NS18" s="119">
        <v>0</v>
      </c>
      <c r="NT18" s="119">
        <v>0</v>
      </c>
      <c r="NU18" s="119">
        <v>396050</v>
      </c>
      <c r="NV18" s="120">
        <v>396050</v>
      </c>
      <c r="NW18" s="121">
        <v>396050</v>
      </c>
      <c r="NX18" s="142">
        <v>0</v>
      </c>
      <c r="NY18" s="119">
        <v>0</v>
      </c>
      <c r="NZ18" s="120">
        <v>0</v>
      </c>
      <c r="OA18" s="145"/>
      <c r="OB18" s="119">
        <v>0</v>
      </c>
      <c r="OC18" s="119">
        <v>326430</v>
      </c>
      <c r="OD18" s="119">
        <v>714389</v>
      </c>
      <c r="OE18" s="119">
        <v>5704446</v>
      </c>
      <c r="OF18" s="119">
        <v>4997433</v>
      </c>
      <c r="OG18" s="120">
        <v>11742698</v>
      </c>
      <c r="OH18" s="121">
        <v>11742698</v>
      </c>
      <c r="OI18" s="142">
        <v>17381327</v>
      </c>
      <c r="OJ18" s="119">
        <v>30567049</v>
      </c>
      <c r="OK18" s="141">
        <v>47948376</v>
      </c>
      <c r="OL18" s="118">
        <v>0</v>
      </c>
      <c r="OM18" s="119">
        <v>167163517</v>
      </c>
      <c r="ON18" s="119">
        <v>201316397</v>
      </c>
      <c r="OO18" s="119">
        <v>275608506</v>
      </c>
      <c r="OP18" s="119">
        <v>328173146</v>
      </c>
      <c r="OQ18" s="119">
        <v>237667236</v>
      </c>
      <c r="OR18" s="120">
        <v>1209928802</v>
      </c>
      <c r="OS18" s="143">
        <v>1257877178</v>
      </c>
    </row>
    <row r="19" spans="2:409" ht="18.75" customHeight="1" x14ac:dyDescent="0.2">
      <c r="B19" s="62" t="s">
        <v>13</v>
      </c>
      <c r="C19" s="110">
        <v>3682694</v>
      </c>
      <c r="D19" s="114">
        <v>6245588</v>
      </c>
      <c r="E19" s="113">
        <v>9928282</v>
      </c>
      <c r="F19" s="110">
        <v>0</v>
      </c>
      <c r="G19" s="170">
        <v>48963389</v>
      </c>
      <c r="H19" s="114">
        <v>56377702</v>
      </c>
      <c r="I19" s="114">
        <v>54942766</v>
      </c>
      <c r="J19" s="114">
        <v>57434793</v>
      </c>
      <c r="K19" s="114">
        <v>51347339</v>
      </c>
      <c r="L19" s="112">
        <v>269065989</v>
      </c>
      <c r="M19" s="116">
        <v>278994271</v>
      </c>
      <c r="N19" s="110">
        <v>669998</v>
      </c>
      <c r="O19" s="114">
        <v>1257169</v>
      </c>
      <c r="P19" s="113">
        <v>1927167</v>
      </c>
      <c r="Q19" s="110">
        <v>0</v>
      </c>
      <c r="R19" s="114">
        <v>14043831</v>
      </c>
      <c r="S19" s="114">
        <v>19765984</v>
      </c>
      <c r="T19" s="114">
        <v>17389935</v>
      </c>
      <c r="U19" s="114">
        <v>21237432</v>
      </c>
      <c r="V19" s="114">
        <v>26221796</v>
      </c>
      <c r="W19" s="113">
        <v>98658978</v>
      </c>
      <c r="X19" s="116">
        <v>100586145</v>
      </c>
      <c r="Y19" s="110">
        <v>0</v>
      </c>
      <c r="Z19" s="114">
        <v>0</v>
      </c>
      <c r="AA19" s="113">
        <v>0</v>
      </c>
      <c r="AB19" s="110">
        <v>0</v>
      </c>
      <c r="AC19" s="114">
        <v>6390218</v>
      </c>
      <c r="AD19" s="114">
        <v>10611176</v>
      </c>
      <c r="AE19" s="114">
        <v>10300588</v>
      </c>
      <c r="AF19" s="114">
        <v>12868973</v>
      </c>
      <c r="AG19" s="114">
        <v>16686522</v>
      </c>
      <c r="AH19" s="113">
        <v>56857477</v>
      </c>
      <c r="AI19" s="116">
        <v>56857477</v>
      </c>
      <c r="AJ19" s="110">
        <v>0</v>
      </c>
      <c r="AK19" s="114">
        <v>0</v>
      </c>
      <c r="AL19" s="113">
        <v>0</v>
      </c>
      <c r="AM19" s="110">
        <v>0</v>
      </c>
      <c r="AN19" s="114">
        <v>53782</v>
      </c>
      <c r="AO19" s="114">
        <v>208472</v>
      </c>
      <c r="AP19" s="114">
        <v>263177</v>
      </c>
      <c r="AQ19" s="114">
        <v>850520</v>
      </c>
      <c r="AR19" s="114">
        <v>2082401</v>
      </c>
      <c r="AS19" s="113">
        <v>3458352</v>
      </c>
      <c r="AT19" s="116">
        <v>3458352</v>
      </c>
      <c r="AU19" s="110">
        <v>242503</v>
      </c>
      <c r="AV19" s="114">
        <v>606650</v>
      </c>
      <c r="AW19" s="113">
        <v>849153</v>
      </c>
      <c r="AX19" s="110">
        <v>0</v>
      </c>
      <c r="AY19" s="114">
        <v>4519305</v>
      </c>
      <c r="AZ19" s="114">
        <v>5676295</v>
      </c>
      <c r="BA19" s="114">
        <v>4010184</v>
      </c>
      <c r="BB19" s="114">
        <v>4626091</v>
      </c>
      <c r="BC19" s="114">
        <v>4971454</v>
      </c>
      <c r="BD19" s="113">
        <v>23803329</v>
      </c>
      <c r="BE19" s="116">
        <v>24652482</v>
      </c>
      <c r="BF19" s="110">
        <v>29261</v>
      </c>
      <c r="BG19" s="114">
        <v>199622</v>
      </c>
      <c r="BH19" s="112">
        <v>228883</v>
      </c>
      <c r="BI19" s="111">
        <v>0</v>
      </c>
      <c r="BJ19" s="114">
        <v>461741</v>
      </c>
      <c r="BK19" s="114">
        <v>795458</v>
      </c>
      <c r="BL19" s="114">
        <v>222576</v>
      </c>
      <c r="BM19" s="114">
        <v>455347</v>
      </c>
      <c r="BN19" s="114">
        <v>232938</v>
      </c>
      <c r="BO19" s="113">
        <v>2168060</v>
      </c>
      <c r="BP19" s="116">
        <v>2396943</v>
      </c>
      <c r="BQ19" s="110">
        <v>398234</v>
      </c>
      <c r="BR19" s="114">
        <v>450897</v>
      </c>
      <c r="BS19" s="113">
        <v>849131</v>
      </c>
      <c r="BT19" s="110">
        <v>0</v>
      </c>
      <c r="BU19" s="114">
        <v>2618785</v>
      </c>
      <c r="BV19" s="114">
        <v>2474583</v>
      </c>
      <c r="BW19" s="114">
        <v>2593410</v>
      </c>
      <c r="BX19" s="114">
        <v>2436501</v>
      </c>
      <c r="BY19" s="114">
        <v>2248481</v>
      </c>
      <c r="BZ19" s="113">
        <v>12371760</v>
      </c>
      <c r="CA19" s="116">
        <v>13220891</v>
      </c>
      <c r="CB19" s="110">
        <v>294706</v>
      </c>
      <c r="CC19" s="114">
        <v>1041423</v>
      </c>
      <c r="CD19" s="113">
        <v>1336129</v>
      </c>
      <c r="CE19" s="110">
        <v>0</v>
      </c>
      <c r="CF19" s="114">
        <v>9325474</v>
      </c>
      <c r="CG19" s="114">
        <v>12018528</v>
      </c>
      <c r="CH19" s="114">
        <v>10962459</v>
      </c>
      <c r="CI19" s="114">
        <v>9005162</v>
      </c>
      <c r="CJ19" s="114">
        <v>4046343</v>
      </c>
      <c r="CK19" s="113">
        <v>45357966</v>
      </c>
      <c r="CL19" s="116">
        <v>46694095</v>
      </c>
      <c r="CM19" s="110">
        <v>0</v>
      </c>
      <c r="CN19" s="114">
        <v>0</v>
      </c>
      <c r="CO19" s="113">
        <v>0</v>
      </c>
      <c r="CP19" s="111">
        <v>0</v>
      </c>
      <c r="CQ19" s="114">
        <v>8420021</v>
      </c>
      <c r="CR19" s="114">
        <v>9846487</v>
      </c>
      <c r="CS19" s="114">
        <v>9632212</v>
      </c>
      <c r="CT19" s="114">
        <v>7081239</v>
      </c>
      <c r="CU19" s="114">
        <v>3245267</v>
      </c>
      <c r="CV19" s="113">
        <v>38225226</v>
      </c>
      <c r="CW19" s="116">
        <v>38225226</v>
      </c>
      <c r="CX19" s="110">
        <v>294706</v>
      </c>
      <c r="CY19" s="114">
        <v>1041423</v>
      </c>
      <c r="CZ19" s="113">
        <v>1336129</v>
      </c>
      <c r="DA19" s="110">
        <v>0</v>
      </c>
      <c r="DB19" s="114">
        <v>905453</v>
      </c>
      <c r="DC19" s="114">
        <v>2172041</v>
      </c>
      <c r="DD19" s="114">
        <v>1330247</v>
      </c>
      <c r="DE19" s="114">
        <v>1923923</v>
      </c>
      <c r="DF19" s="114">
        <v>801076</v>
      </c>
      <c r="DG19" s="113">
        <v>7132740</v>
      </c>
      <c r="DH19" s="116">
        <v>8468869</v>
      </c>
      <c r="DI19" s="110">
        <v>0</v>
      </c>
      <c r="DJ19" s="114">
        <v>18383</v>
      </c>
      <c r="DK19" s="112">
        <v>18383</v>
      </c>
      <c r="DL19" s="111">
        <v>0</v>
      </c>
      <c r="DM19" s="114">
        <v>984733</v>
      </c>
      <c r="DN19" s="114">
        <v>853643</v>
      </c>
      <c r="DO19" s="114">
        <v>3954016</v>
      </c>
      <c r="DP19" s="114">
        <v>4463616</v>
      </c>
      <c r="DQ19" s="114">
        <v>3753860</v>
      </c>
      <c r="DR19" s="113">
        <v>14009868</v>
      </c>
      <c r="DS19" s="116">
        <v>14028251</v>
      </c>
      <c r="DT19" s="110">
        <v>0</v>
      </c>
      <c r="DU19" s="114">
        <v>18383</v>
      </c>
      <c r="DV19" s="113">
        <v>18383</v>
      </c>
      <c r="DW19" s="110">
        <v>0</v>
      </c>
      <c r="DX19" s="114">
        <v>912498</v>
      </c>
      <c r="DY19" s="114">
        <v>840359</v>
      </c>
      <c r="DZ19" s="114">
        <v>3814502</v>
      </c>
      <c r="EA19" s="114">
        <v>4387787</v>
      </c>
      <c r="EB19" s="114">
        <v>3642275</v>
      </c>
      <c r="EC19" s="113">
        <v>13597421</v>
      </c>
      <c r="ED19" s="116">
        <v>13615804</v>
      </c>
      <c r="EE19" s="110">
        <v>0</v>
      </c>
      <c r="EF19" s="112">
        <v>0</v>
      </c>
      <c r="EG19" s="113">
        <v>0</v>
      </c>
      <c r="EH19" s="110">
        <v>0</v>
      </c>
      <c r="EI19" s="114">
        <v>72235</v>
      </c>
      <c r="EJ19" s="114">
        <v>13284</v>
      </c>
      <c r="EK19" s="114">
        <v>139514</v>
      </c>
      <c r="EL19" s="114">
        <v>75829</v>
      </c>
      <c r="EM19" s="114">
        <v>111585</v>
      </c>
      <c r="EN19" s="112">
        <v>412447</v>
      </c>
      <c r="EO19" s="116">
        <v>412447</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748999</v>
      </c>
      <c r="FM19" s="114">
        <v>1231780</v>
      </c>
      <c r="FN19" s="113">
        <v>1980779</v>
      </c>
      <c r="FO19" s="110">
        <v>0</v>
      </c>
      <c r="FP19" s="114">
        <v>2298814</v>
      </c>
      <c r="FQ19" s="114">
        <v>5544995</v>
      </c>
      <c r="FR19" s="114">
        <v>3878845</v>
      </c>
      <c r="FS19" s="114">
        <v>4474481</v>
      </c>
      <c r="FT19" s="114">
        <v>2899064</v>
      </c>
      <c r="FU19" s="113">
        <v>19096199</v>
      </c>
      <c r="FV19" s="116">
        <v>21076978</v>
      </c>
      <c r="FW19" s="115">
        <v>331866</v>
      </c>
      <c r="FX19" s="114">
        <v>822675</v>
      </c>
      <c r="FY19" s="112">
        <v>1154541</v>
      </c>
      <c r="FZ19" s="111">
        <v>0</v>
      </c>
      <c r="GA19" s="114">
        <v>1726570</v>
      </c>
      <c r="GB19" s="114">
        <v>5198488</v>
      </c>
      <c r="GC19" s="114">
        <v>3309360</v>
      </c>
      <c r="GD19" s="114">
        <v>4297553</v>
      </c>
      <c r="GE19" s="114">
        <v>2832824</v>
      </c>
      <c r="GF19" s="113">
        <v>17364795</v>
      </c>
      <c r="GG19" s="318">
        <v>18519336</v>
      </c>
      <c r="GH19" s="115">
        <v>37150</v>
      </c>
      <c r="GI19" s="114">
        <v>63705</v>
      </c>
      <c r="GJ19" s="112">
        <v>100855</v>
      </c>
      <c r="GK19" s="111">
        <v>0</v>
      </c>
      <c r="GL19" s="114">
        <v>106634</v>
      </c>
      <c r="GM19" s="114">
        <v>190987</v>
      </c>
      <c r="GN19" s="114">
        <v>79685</v>
      </c>
      <c r="GO19" s="114">
        <v>108978</v>
      </c>
      <c r="GP19" s="114">
        <v>66240</v>
      </c>
      <c r="GQ19" s="113">
        <v>552524</v>
      </c>
      <c r="GR19" s="116">
        <v>653379</v>
      </c>
      <c r="GS19" s="110">
        <v>379983</v>
      </c>
      <c r="GT19" s="114">
        <v>345400</v>
      </c>
      <c r="GU19" s="113">
        <v>725383</v>
      </c>
      <c r="GV19" s="110">
        <v>0</v>
      </c>
      <c r="GW19" s="114">
        <v>465610</v>
      </c>
      <c r="GX19" s="114">
        <v>155520</v>
      </c>
      <c r="GY19" s="114">
        <v>489800</v>
      </c>
      <c r="GZ19" s="114">
        <v>67950</v>
      </c>
      <c r="HA19" s="114">
        <v>0</v>
      </c>
      <c r="HB19" s="112">
        <v>1178880</v>
      </c>
      <c r="HC19" s="116">
        <v>1904263</v>
      </c>
      <c r="HD19" s="110">
        <v>1525409</v>
      </c>
      <c r="HE19" s="114">
        <v>1750159</v>
      </c>
      <c r="HF19" s="112">
        <v>3275568</v>
      </c>
      <c r="HG19" s="111">
        <v>0</v>
      </c>
      <c r="HH19" s="114">
        <v>14330497</v>
      </c>
      <c r="HI19" s="114">
        <v>10456680</v>
      </c>
      <c r="HJ19" s="114">
        <v>13471181</v>
      </c>
      <c r="HK19" s="114">
        <v>14026565</v>
      </c>
      <c r="HL19" s="114">
        <v>11550395</v>
      </c>
      <c r="HM19" s="113">
        <v>63835318</v>
      </c>
      <c r="HN19" s="109">
        <v>67110886</v>
      </c>
      <c r="HO19" s="115">
        <v>443582</v>
      </c>
      <c r="HP19" s="114">
        <v>946674</v>
      </c>
      <c r="HQ19" s="113">
        <v>1390256</v>
      </c>
      <c r="HR19" s="110">
        <v>0</v>
      </c>
      <c r="HS19" s="114">
        <v>7980040</v>
      </c>
      <c r="HT19" s="114">
        <v>7737872</v>
      </c>
      <c r="HU19" s="114">
        <v>5286330</v>
      </c>
      <c r="HV19" s="114">
        <v>4227537</v>
      </c>
      <c r="HW19" s="114">
        <v>2875881</v>
      </c>
      <c r="HX19" s="112">
        <v>28107660</v>
      </c>
      <c r="HY19" s="116">
        <v>29497916</v>
      </c>
      <c r="HZ19" s="131">
        <v>32984</v>
      </c>
      <c r="IA19" s="132">
        <v>133316</v>
      </c>
      <c r="IB19" s="133">
        <v>166300</v>
      </c>
      <c r="IC19" s="146">
        <v>0</v>
      </c>
      <c r="ID19" s="132">
        <v>10602109</v>
      </c>
      <c r="IE19" s="147">
        <v>14065493</v>
      </c>
      <c r="IF19" s="133">
        <v>15219034</v>
      </c>
      <c r="IG19" s="132">
        <v>11120412</v>
      </c>
      <c r="IH19" s="133">
        <v>6304676</v>
      </c>
      <c r="II19" s="148">
        <v>57311724</v>
      </c>
      <c r="IJ19" s="139">
        <v>57478024</v>
      </c>
      <c r="IK19" s="232">
        <v>0</v>
      </c>
      <c r="IL19" s="236">
        <v>0</v>
      </c>
      <c r="IM19" s="237">
        <v>0</v>
      </c>
      <c r="IN19" s="140"/>
      <c r="IO19" s="119">
        <v>0</v>
      </c>
      <c r="IP19" s="119">
        <v>136457</v>
      </c>
      <c r="IQ19" s="119">
        <v>205695</v>
      </c>
      <c r="IR19" s="119">
        <v>0</v>
      </c>
      <c r="IS19" s="119">
        <v>329893</v>
      </c>
      <c r="IT19" s="141">
        <v>672045</v>
      </c>
      <c r="IU19" s="320">
        <v>672045</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329338</v>
      </c>
      <c r="JL19" s="119">
        <v>8147534</v>
      </c>
      <c r="JM19" s="119">
        <v>6016442</v>
      </c>
      <c r="JN19" s="119">
        <v>3292086</v>
      </c>
      <c r="JO19" s="119">
        <v>877112</v>
      </c>
      <c r="JP19" s="120">
        <v>24662512</v>
      </c>
      <c r="JQ19" s="320">
        <v>24662512</v>
      </c>
      <c r="JR19" s="142">
        <v>0</v>
      </c>
      <c r="JS19" s="119">
        <v>0</v>
      </c>
      <c r="JT19" s="141">
        <v>0</v>
      </c>
      <c r="JU19" s="118">
        <v>0</v>
      </c>
      <c r="JV19" s="119">
        <v>143956</v>
      </c>
      <c r="JW19" s="119">
        <v>201581</v>
      </c>
      <c r="JX19" s="119">
        <v>801904</v>
      </c>
      <c r="JY19" s="119">
        <v>508862</v>
      </c>
      <c r="JZ19" s="119">
        <v>623687</v>
      </c>
      <c r="KA19" s="120">
        <v>2279990</v>
      </c>
      <c r="KB19" s="320">
        <v>2279990</v>
      </c>
      <c r="KC19" s="234">
        <v>32984</v>
      </c>
      <c r="KD19" s="230">
        <v>133316</v>
      </c>
      <c r="KE19" s="120">
        <v>166300</v>
      </c>
      <c r="KF19" s="118">
        <v>0</v>
      </c>
      <c r="KG19" s="119">
        <v>1781089</v>
      </c>
      <c r="KH19" s="119">
        <v>1344874</v>
      </c>
      <c r="KI19" s="119">
        <v>1472515</v>
      </c>
      <c r="KJ19" s="119">
        <v>831376</v>
      </c>
      <c r="KK19" s="119">
        <v>581567</v>
      </c>
      <c r="KL19" s="120">
        <v>6011421</v>
      </c>
      <c r="KM19" s="143">
        <v>6177721</v>
      </c>
      <c r="KN19" s="232">
        <v>0</v>
      </c>
      <c r="KO19" s="236">
        <v>0</v>
      </c>
      <c r="KP19" s="237">
        <v>0</v>
      </c>
      <c r="KQ19" s="140"/>
      <c r="KR19" s="119">
        <v>2347726</v>
      </c>
      <c r="KS19" s="119">
        <v>4235047</v>
      </c>
      <c r="KT19" s="119">
        <v>6157181</v>
      </c>
      <c r="KU19" s="119">
        <v>4459758</v>
      </c>
      <c r="KV19" s="119">
        <v>3048497</v>
      </c>
      <c r="KW19" s="120">
        <v>20248209</v>
      </c>
      <c r="KX19" s="320">
        <v>20248209</v>
      </c>
      <c r="KY19" s="142">
        <v>0</v>
      </c>
      <c r="KZ19" s="119">
        <v>0</v>
      </c>
      <c r="LA19" s="120">
        <v>0</v>
      </c>
      <c r="LB19" s="145"/>
      <c r="LC19" s="119">
        <v>0</v>
      </c>
      <c r="LD19" s="119">
        <v>0</v>
      </c>
      <c r="LE19" s="119">
        <v>565297</v>
      </c>
      <c r="LF19" s="119">
        <v>2028330</v>
      </c>
      <c r="LG19" s="119">
        <v>843920</v>
      </c>
      <c r="LH19" s="120">
        <v>3437547</v>
      </c>
      <c r="LI19" s="121">
        <v>3437547</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3867423</v>
      </c>
      <c r="MK19" s="119">
        <v>8547691</v>
      </c>
      <c r="ML19" s="119">
        <v>27350005</v>
      </c>
      <c r="MM19" s="119">
        <v>46237349</v>
      </c>
      <c r="MN19" s="119">
        <v>44072631</v>
      </c>
      <c r="MO19" s="120">
        <v>130075099</v>
      </c>
      <c r="MP19" s="143">
        <v>130075099</v>
      </c>
      <c r="MQ19" s="142">
        <v>0</v>
      </c>
      <c r="MR19" s="119">
        <v>0</v>
      </c>
      <c r="MS19" s="120">
        <v>0</v>
      </c>
      <c r="MT19" s="145"/>
      <c r="MU19" s="119">
        <v>657801</v>
      </c>
      <c r="MV19" s="119">
        <v>759964</v>
      </c>
      <c r="MW19" s="119">
        <v>16709354</v>
      </c>
      <c r="MX19" s="119">
        <v>38840292</v>
      </c>
      <c r="MY19" s="119">
        <v>36464590</v>
      </c>
      <c r="MZ19" s="120">
        <v>93432001</v>
      </c>
      <c r="NA19" s="143">
        <v>93432001</v>
      </c>
      <c r="NB19" s="142">
        <v>0</v>
      </c>
      <c r="NC19" s="119">
        <v>0</v>
      </c>
      <c r="ND19" s="120">
        <v>0</v>
      </c>
      <c r="NE19" s="145"/>
      <c r="NF19" s="119">
        <v>3209622</v>
      </c>
      <c r="NG19" s="119">
        <v>7787727</v>
      </c>
      <c r="NH19" s="119">
        <v>10640651</v>
      </c>
      <c r="NI19" s="119">
        <v>7397057</v>
      </c>
      <c r="NJ19" s="119">
        <v>7608041</v>
      </c>
      <c r="NK19" s="120">
        <v>36643098</v>
      </c>
      <c r="NL19" s="320">
        <v>36643098</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3715678</v>
      </c>
      <c r="OJ19" s="119">
        <v>6378904</v>
      </c>
      <c r="OK19" s="141">
        <v>10094582</v>
      </c>
      <c r="OL19" s="118">
        <v>0</v>
      </c>
      <c r="OM19" s="119">
        <v>63432921</v>
      </c>
      <c r="ON19" s="119">
        <v>78990886</v>
      </c>
      <c r="OO19" s="119">
        <v>97511805</v>
      </c>
      <c r="OP19" s="119">
        <v>114792554</v>
      </c>
      <c r="OQ19" s="119">
        <v>101724646</v>
      </c>
      <c r="OR19" s="120">
        <v>456452812</v>
      </c>
      <c r="OS19" s="143">
        <v>466547394</v>
      </c>
    </row>
    <row r="20" spans="2:409" ht="18.75" customHeight="1" x14ac:dyDescent="0.2">
      <c r="B20" s="62" t="s">
        <v>15</v>
      </c>
      <c r="C20" s="110">
        <v>1600405</v>
      </c>
      <c r="D20" s="114">
        <v>3879633</v>
      </c>
      <c r="E20" s="113">
        <v>5480038</v>
      </c>
      <c r="F20" s="109">
        <v>0</v>
      </c>
      <c r="G20" s="114">
        <v>29394984</v>
      </c>
      <c r="H20" s="114">
        <v>42989796</v>
      </c>
      <c r="I20" s="114">
        <v>35810063</v>
      </c>
      <c r="J20" s="114">
        <v>35789855</v>
      </c>
      <c r="K20" s="114">
        <v>30798842</v>
      </c>
      <c r="L20" s="109">
        <v>174783540</v>
      </c>
      <c r="M20" s="116">
        <v>180263578</v>
      </c>
      <c r="N20" s="110">
        <v>135318</v>
      </c>
      <c r="O20" s="114">
        <v>542967</v>
      </c>
      <c r="P20" s="113">
        <v>678285</v>
      </c>
      <c r="Q20" s="110">
        <v>0</v>
      </c>
      <c r="R20" s="114">
        <v>6800111</v>
      </c>
      <c r="S20" s="114">
        <v>11405708</v>
      </c>
      <c r="T20" s="114">
        <v>9317511</v>
      </c>
      <c r="U20" s="114">
        <v>9743648</v>
      </c>
      <c r="V20" s="114">
        <v>16257977</v>
      </c>
      <c r="W20" s="113">
        <v>53524955</v>
      </c>
      <c r="X20" s="116">
        <v>54203240</v>
      </c>
      <c r="Y20" s="110">
        <v>0</v>
      </c>
      <c r="Z20" s="114">
        <v>0</v>
      </c>
      <c r="AA20" s="113">
        <v>0</v>
      </c>
      <c r="AB20" s="110">
        <v>0</v>
      </c>
      <c r="AC20" s="114">
        <v>3357000</v>
      </c>
      <c r="AD20" s="114">
        <v>6063302</v>
      </c>
      <c r="AE20" s="114">
        <v>5369335</v>
      </c>
      <c r="AF20" s="114">
        <v>5034911</v>
      </c>
      <c r="AG20" s="114">
        <v>10223853</v>
      </c>
      <c r="AH20" s="113">
        <v>30048401</v>
      </c>
      <c r="AI20" s="116">
        <v>30048401</v>
      </c>
      <c r="AJ20" s="110">
        <v>0</v>
      </c>
      <c r="AK20" s="114">
        <v>0</v>
      </c>
      <c r="AL20" s="113">
        <v>0</v>
      </c>
      <c r="AM20" s="110">
        <v>0</v>
      </c>
      <c r="AN20" s="114">
        <v>0</v>
      </c>
      <c r="AO20" s="114">
        <v>234661</v>
      </c>
      <c r="AP20" s="114">
        <v>381369</v>
      </c>
      <c r="AQ20" s="114">
        <v>1177341</v>
      </c>
      <c r="AR20" s="114">
        <v>1929858</v>
      </c>
      <c r="AS20" s="113">
        <v>3723229</v>
      </c>
      <c r="AT20" s="116">
        <v>3723229</v>
      </c>
      <c r="AU20" s="110">
        <v>14957</v>
      </c>
      <c r="AV20" s="114">
        <v>374350</v>
      </c>
      <c r="AW20" s="113">
        <v>389307</v>
      </c>
      <c r="AX20" s="110">
        <v>0</v>
      </c>
      <c r="AY20" s="114">
        <v>1801800</v>
      </c>
      <c r="AZ20" s="114">
        <v>3473172</v>
      </c>
      <c r="BA20" s="114">
        <v>2077562</v>
      </c>
      <c r="BB20" s="114">
        <v>2019664</v>
      </c>
      <c r="BC20" s="114">
        <v>2900751</v>
      </c>
      <c r="BD20" s="113">
        <v>12272949</v>
      </c>
      <c r="BE20" s="116">
        <v>12662256</v>
      </c>
      <c r="BF20" s="110">
        <v>0</v>
      </c>
      <c r="BG20" s="114">
        <v>17546</v>
      </c>
      <c r="BH20" s="112">
        <v>17546</v>
      </c>
      <c r="BI20" s="111">
        <v>0</v>
      </c>
      <c r="BJ20" s="114">
        <v>194765</v>
      </c>
      <c r="BK20" s="114">
        <v>376918</v>
      </c>
      <c r="BL20" s="114">
        <v>226211</v>
      </c>
      <c r="BM20" s="114">
        <v>105530</v>
      </c>
      <c r="BN20" s="114">
        <v>172836</v>
      </c>
      <c r="BO20" s="113">
        <v>1076260</v>
      </c>
      <c r="BP20" s="116">
        <v>1093806</v>
      </c>
      <c r="BQ20" s="110">
        <v>120361</v>
      </c>
      <c r="BR20" s="114">
        <v>151071</v>
      </c>
      <c r="BS20" s="113">
        <v>271432</v>
      </c>
      <c r="BT20" s="110">
        <v>0</v>
      </c>
      <c r="BU20" s="114">
        <v>1446546</v>
      </c>
      <c r="BV20" s="114">
        <v>1257655</v>
      </c>
      <c r="BW20" s="114">
        <v>1263034</v>
      </c>
      <c r="BX20" s="114">
        <v>1406202</v>
      </c>
      <c r="BY20" s="114">
        <v>1030679</v>
      </c>
      <c r="BZ20" s="113">
        <v>6404116</v>
      </c>
      <c r="CA20" s="116">
        <v>6675548</v>
      </c>
      <c r="CB20" s="110">
        <v>23865</v>
      </c>
      <c r="CC20" s="114">
        <v>262293</v>
      </c>
      <c r="CD20" s="113">
        <v>286158</v>
      </c>
      <c r="CE20" s="110">
        <v>0</v>
      </c>
      <c r="CF20" s="114">
        <v>6055086</v>
      </c>
      <c r="CG20" s="114">
        <v>11357953</v>
      </c>
      <c r="CH20" s="114">
        <v>6525879</v>
      </c>
      <c r="CI20" s="114">
        <v>2968172</v>
      </c>
      <c r="CJ20" s="114">
        <v>1974219</v>
      </c>
      <c r="CK20" s="113">
        <v>28881309</v>
      </c>
      <c r="CL20" s="116">
        <v>29167467</v>
      </c>
      <c r="CM20" s="110">
        <v>0</v>
      </c>
      <c r="CN20" s="114">
        <v>0</v>
      </c>
      <c r="CO20" s="113">
        <v>0</v>
      </c>
      <c r="CP20" s="111">
        <v>0</v>
      </c>
      <c r="CQ20" s="114">
        <v>4508125</v>
      </c>
      <c r="CR20" s="114">
        <v>9068363</v>
      </c>
      <c r="CS20" s="114">
        <v>4580152</v>
      </c>
      <c r="CT20" s="114">
        <v>1918019</v>
      </c>
      <c r="CU20" s="114">
        <v>1607061</v>
      </c>
      <c r="CV20" s="113">
        <v>21681720</v>
      </c>
      <c r="CW20" s="116">
        <v>21681720</v>
      </c>
      <c r="CX20" s="110">
        <v>23865</v>
      </c>
      <c r="CY20" s="114">
        <v>262293</v>
      </c>
      <c r="CZ20" s="113">
        <v>286158</v>
      </c>
      <c r="DA20" s="110">
        <v>0</v>
      </c>
      <c r="DB20" s="114">
        <v>1546961</v>
      </c>
      <c r="DC20" s="114">
        <v>2289590</v>
      </c>
      <c r="DD20" s="114">
        <v>1945727</v>
      </c>
      <c r="DE20" s="114">
        <v>1050153</v>
      </c>
      <c r="DF20" s="114">
        <v>367158</v>
      </c>
      <c r="DG20" s="113">
        <v>7199589</v>
      </c>
      <c r="DH20" s="116">
        <v>7485747</v>
      </c>
      <c r="DI20" s="110">
        <v>0</v>
      </c>
      <c r="DJ20" s="114">
        <v>0</v>
      </c>
      <c r="DK20" s="112">
        <v>0</v>
      </c>
      <c r="DL20" s="111">
        <v>0</v>
      </c>
      <c r="DM20" s="114">
        <v>520893</v>
      </c>
      <c r="DN20" s="114">
        <v>2471125</v>
      </c>
      <c r="DO20" s="114">
        <v>6382505</v>
      </c>
      <c r="DP20" s="114">
        <v>8023102</v>
      </c>
      <c r="DQ20" s="114">
        <v>3597227</v>
      </c>
      <c r="DR20" s="113">
        <v>20994852</v>
      </c>
      <c r="DS20" s="116">
        <v>20994852</v>
      </c>
      <c r="DT20" s="110">
        <v>0</v>
      </c>
      <c r="DU20" s="114">
        <v>0</v>
      </c>
      <c r="DV20" s="113">
        <v>0</v>
      </c>
      <c r="DW20" s="110">
        <v>0</v>
      </c>
      <c r="DX20" s="114">
        <v>171813</v>
      </c>
      <c r="DY20" s="114">
        <v>2314051</v>
      </c>
      <c r="DZ20" s="114">
        <v>6304919</v>
      </c>
      <c r="EA20" s="114">
        <v>7867238</v>
      </c>
      <c r="EB20" s="114">
        <v>3597227</v>
      </c>
      <c r="EC20" s="113">
        <v>20255248</v>
      </c>
      <c r="ED20" s="116">
        <v>20255248</v>
      </c>
      <c r="EE20" s="110">
        <v>0</v>
      </c>
      <c r="EF20" s="112">
        <v>0</v>
      </c>
      <c r="EG20" s="113">
        <v>0</v>
      </c>
      <c r="EH20" s="110">
        <v>0</v>
      </c>
      <c r="EI20" s="114">
        <v>349080</v>
      </c>
      <c r="EJ20" s="114">
        <v>157074</v>
      </c>
      <c r="EK20" s="114">
        <v>77586</v>
      </c>
      <c r="EL20" s="114">
        <v>155864</v>
      </c>
      <c r="EM20" s="114">
        <v>0</v>
      </c>
      <c r="EN20" s="112">
        <v>739604</v>
      </c>
      <c r="EO20" s="116">
        <v>739604</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325288</v>
      </c>
      <c r="FM20" s="114">
        <v>923977</v>
      </c>
      <c r="FN20" s="113">
        <v>1249265</v>
      </c>
      <c r="FO20" s="110">
        <v>0</v>
      </c>
      <c r="FP20" s="114">
        <v>1698590</v>
      </c>
      <c r="FQ20" s="114">
        <v>4303742</v>
      </c>
      <c r="FR20" s="114">
        <v>2746387</v>
      </c>
      <c r="FS20" s="114">
        <v>2632573</v>
      </c>
      <c r="FT20" s="114">
        <v>1762356</v>
      </c>
      <c r="FU20" s="113">
        <v>13143648</v>
      </c>
      <c r="FV20" s="116">
        <v>14392913</v>
      </c>
      <c r="FW20" s="115">
        <v>315928</v>
      </c>
      <c r="FX20" s="114">
        <v>759907</v>
      </c>
      <c r="FY20" s="112">
        <v>1075835</v>
      </c>
      <c r="FZ20" s="111">
        <v>0</v>
      </c>
      <c r="GA20" s="114">
        <v>1071150</v>
      </c>
      <c r="GB20" s="114">
        <v>4027667</v>
      </c>
      <c r="GC20" s="114">
        <v>2695259</v>
      </c>
      <c r="GD20" s="114">
        <v>2452573</v>
      </c>
      <c r="GE20" s="114">
        <v>1725846</v>
      </c>
      <c r="GF20" s="113">
        <v>11972495</v>
      </c>
      <c r="GG20" s="318">
        <v>13048330</v>
      </c>
      <c r="GH20" s="115">
        <v>9360</v>
      </c>
      <c r="GI20" s="114">
        <v>49500</v>
      </c>
      <c r="GJ20" s="112">
        <v>58860</v>
      </c>
      <c r="GK20" s="111">
        <v>0</v>
      </c>
      <c r="GL20" s="114">
        <v>25740</v>
      </c>
      <c r="GM20" s="114">
        <v>140175</v>
      </c>
      <c r="GN20" s="114">
        <v>21384</v>
      </c>
      <c r="GO20" s="114">
        <v>0</v>
      </c>
      <c r="GP20" s="114">
        <v>14910</v>
      </c>
      <c r="GQ20" s="113">
        <v>202209</v>
      </c>
      <c r="GR20" s="116">
        <v>261069</v>
      </c>
      <c r="GS20" s="110">
        <v>0</v>
      </c>
      <c r="GT20" s="114">
        <v>114570</v>
      </c>
      <c r="GU20" s="113">
        <v>114570</v>
      </c>
      <c r="GV20" s="110">
        <v>0</v>
      </c>
      <c r="GW20" s="114">
        <v>601700</v>
      </c>
      <c r="GX20" s="114">
        <v>135900</v>
      </c>
      <c r="GY20" s="114">
        <v>29744</v>
      </c>
      <c r="GZ20" s="114">
        <v>180000</v>
      </c>
      <c r="HA20" s="114">
        <v>21600</v>
      </c>
      <c r="HB20" s="112">
        <v>968944</v>
      </c>
      <c r="HC20" s="116">
        <v>1083514</v>
      </c>
      <c r="HD20" s="110">
        <v>855843</v>
      </c>
      <c r="HE20" s="114">
        <v>1366745</v>
      </c>
      <c r="HF20" s="112">
        <v>2222588</v>
      </c>
      <c r="HG20" s="111">
        <v>0</v>
      </c>
      <c r="HH20" s="114">
        <v>9142560</v>
      </c>
      <c r="HI20" s="114">
        <v>6549708</v>
      </c>
      <c r="HJ20" s="114">
        <v>6701127</v>
      </c>
      <c r="HK20" s="114">
        <v>9556075</v>
      </c>
      <c r="HL20" s="114">
        <v>5460007</v>
      </c>
      <c r="HM20" s="113">
        <v>37409477</v>
      </c>
      <c r="HN20" s="109">
        <v>39632065</v>
      </c>
      <c r="HO20" s="115">
        <v>260091</v>
      </c>
      <c r="HP20" s="114">
        <v>783651</v>
      </c>
      <c r="HQ20" s="113">
        <v>1043742</v>
      </c>
      <c r="HR20" s="110">
        <v>0</v>
      </c>
      <c r="HS20" s="114">
        <v>5177744</v>
      </c>
      <c r="HT20" s="114">
        <v>6901560</v>
      </c>
      <c r="HU20" s="114">
        <v>4136654</v>
      </c>
      <c r="HV20" s="114">
        <v>2866285</v>
      </c>
      <c r="HW20" s="114">
        <v>1747056</v>
      </c>
      <c r="HX20" s="112">
        <v>20829299</v>
      </c>
      <c r="HY20" s="116">
        <v>21873041</v>
      </c>
      <c r="HZ20" s="150">
        <v>182088</v>
      </c>
      <c r="IA20" s="135">
        <v>1554822</v>
      </c>
      <c r="IB20" s="150">
        <v>1736910</v>
      </c>
      <c r="IC20" s="134">
        <v>0</v>
      </c>
      <c r="ID20" s="135">
        <v>18182731</v>
      </c>
      <c r="IE20" s="136">
        <v>21209605</v>
      </c>
      <c r="IF20" s="137">
        <v>24974585</v>
      </c>
      <c r="IG20" s="135">
        <v>22489689</v>
      </c>
      <c r="IH20" s="137">
        <v>10770060</v>
      </c>
      <c r="II20" s="138">
        <v>97626670</v>
      </c>
      <c r="IJ20" s="150">
        <v>99363580</v>
      </c>
      <c r="IK20" s="232">
        <v>0</v>
      </c>
      <c r="IL20" s="236">
        <v>0</v>
      </c>
      <c r="IM20" s="237">
        <v>0</v>
      </c>
      <c r="IN20" s="140"/>
      <c r="IO20" s="119">
        <v>284339</v>
      </c>
      <c r="IP20" s="119">
        <v>736743</v>
      </c>
      <c r="IQ20" s="119">
        <v>423529</v>
      </c>
      <c r="IR20" s="119">
        <v>1587181</v>
      </c>
      <c r="IS20" s="119">
        <v>2356383</v>
      </c>
      <c r="IT20" s="141">
        <v>5388175</v>
      </c>
      <c r="IU20" s="320">
        <v>5388175</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6168689</v>
      </c>
      <c r="JL20" s="119">
        <v>9275523</v>
      </c>
      <c r="JM20" s="119">
        <v>7185237</v>
      </c>
      <c r="JN20" s="119">
        <v>4487163</v>
      </c>
      <c r="JO20" s="119">
        <v>823202</v>
      </c>
      <c r="JP20" s="120">
        <v>27939814</v>
      </c>
      <c r="JQ20" s="320">
        <v>27939814</v>
      </c>
      <c r="JR20" s="142">
        <v>0</v>
      </c>
      <c r="JS20" s="119">
        <v>0</v>
      </c>
      <c r="JT20" s="141">
        <v>0</v>
      </c>
      <c r="JU20" s="118">
        <v>0</v>
      </c>
      <c r="JV20" s="119">
        <v>350139</v>
      </c>
      <c r="JW20" s="119">
        <v>373917</v>
      </c>
      <c r="JX20" s="119">
        <v>717080</v>
      </c>
      <c r="JY20" s="119">
        <v>314051</v>
      </c>
      <c r="JZ20" s="119">
        <v>210175</v>
      </c>
      <c r="KA20" s="120">
        <v>1965362</v>
      </c>
      <c r="KB20" s="320">
        <v>1965362</v>
      </c>
      <c r="KC20" s="234">
        <v>182088</v>
      </c>
      <c r="KD20" s="230">
        <v>1062144</v>
      </c>
      <c r="KE20" s="120">
        <v>1244232</v>
      </c>
      <c r="KF20" s="118">
        <v>0</v>
      </c>
      <c r="KG20" s="119">
        <v>2139143</v>
      </c>
      <c r="KH20" s="119">
        <v>3251321</v>
      </c>
      <c r="KI20" s="119">
        <v>2083861</v>
      </c>
      <c r="KJ20" s="119">
        <v>3973946</v>
      </c>
      <c r="KK20" s="119">
        <v>1499358</v>
      </c>
      <c r="KL20" s="120">
        <v>12947629</v>
      </c>
      <c r="KM20" s="143">
        <v>14191861</v>
      </c>
      <c r="KN20" s="232">
        <v>0</v>
      </c>
      <c r="KO20" s="236">
        <v>492678</v>
      </c>
      <c r="KP20" s="237">
        <v>492678</v>
      </c>
      <c r="KQ20" s="140"/>
      <c r="KR20" s="119">
        <v>9240421</v>
      </c>
      <c r="KS20" s="119">
        <v>7572101</v>
      </c>
      <c r="KT20" s="119">
        <v>11555213</v>
      </c>
      <c r="KU20" s="119">
        <v>9163060</v>
      </c>
      <c r="KV20" s="119">
        <v>4293417</v>
      </c>
      <c r="KW20" s="120">
        <v>41824212</v>
      </c>
      <c r="KX20" s="320">
        <v>42316890</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3009665</v>
      </c>
      <c r="LQ20" s="119">
        <v>2964288</v>
      </c>
      <c r="LR20" s="119">
        <v>1587525</v>
      </c>
      <c r="LS20" s="120">
        <v>7561478</v>
      </c>
      <c r="LT20" s="320">
        <v>7561478</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6584273</v>
      </c>
      <c r="MK20" s="119">
        <v>9676260</v>
      </c>
      <c r="ML20" s="119">
        <v>36578818</v>
      </c>
      <c r="MM20" s="119">
        <v>51566565</v>
      </c>
      <c r="MN20" s="119">
        <v>30687822</v>
      </c>
      <c r="MO20" s="120">
        <v>135093738</v>
      </c>
      <c r="MP20" s="143">
        <v>135093738</v>
      </c>
      <c r="MQ20" s="142">
        <v>0</v>
      </c>
      <c r="MR20" s="119">
        <v>0</v>
      </c>
      <c r="MS20" s="120">
        <v>0</v>
      </c>
      <c r="MT20" s="145"/>
      <c r="MU20" s="119">
        <v>0</v>
      </c>
      <c r="MV20" s="119">
        <v>210942</v>
      </c>
      <c r="MW20" s="119">
        <v>21208110</v>
      </c>
      <c r="MX20" s="119">
        <v>36317055</v>
      </c>
      <c r="MY20" s="119">
        <v>22031474</v>
      </c>
      <c r="MZ20" s="120">
        <v>79767581</v>
      </c>
      <c r="NA20" s="143">
        <v>79767581</v>
      </c>
      <c r="NB20" s="142">
        <v>0</v>
      </c>
      <c r="NC20" s="119">
        <v>0</v>
      </c>
      <c r="ND20" s="120">
        <v>0</v>
      </c>
      <c r="NE20" s="145"/>
      <c r="NF20" s="119">
        <v>6584273</v>
      </c>
      <c r="NG20" s="119">
        <v>9465318</v>
      </c>
      <c r="NH20" s="119">
        <v>15370708</v>
      </c>
      <c r="NI20" s="119">
        <v>15249510</v>
      </c>
      <c r="NJ20" s="119">
        <v>8299237</v>
      </c>
      <c r="NK20" s="120">
        <v>54969046</v>
      </c>
      <c r="NL20" s="320">
        <v>54969046</v>
      </c>
      <c r="NM20" s="142">
        <v>0</v>
      </c>
      <c r="NN20" s="119">
        <v>0</v>
      </c>
      <c r="NO20" s="120">
        <v>0</v>
      </c>
      <c r="NP20" s="145"/>
      <c r="NQ20" s="119">
        <v>0</v>
      </c>
      <c r="NR20" s="119">
        <v>0</v>
      </c>
      <c r="NS20" s="119">
        <v>0</v>
      </c>
      <c r="NT20" s="119">
        <v>0</v>
      </c>
      <c r="NU20" s="119">
        <v>357111</v>
      </c>
      <c r="NV20" s="120">
        <v>357111</v>
      </c>
      <c r="NW20" s="121">
        <v>357111</v>
      </c>
      <c r="NX20" s="142">
        <v>0</v>
      </c>
      <c r="NY20" s="119">
        <v>0</v>
      </c>
      <c r="NZ20" s="120">
        <v>0</v>
      </c>
      <c r="OA20" s="145"/>
      <c r="OB20" s="119">
        <v>0</v>
      </c>
      <c r="OC20" s="119">
        <v>0</v>
      </c>
      <c r="OD20" s="119">
        <v>0</v>
      </c>
      <c r="OE20" s="119">
        <v>0</v>
      </c>
      <c r="OF20" s="119">
        <v>0</v>
      </c>
      <c r="OG20" s="120">
        <v>0</v>
      </c>
      <c r="OH20" s="121">
        <v>0</v>
      </c>
      <c r="OI20" s="142">
        <v>1782493</v>
      </c>
      <c r="OJ20" s="119">
        <v>5434455</v>
      </c>
      <c r="OK20" s="141">
        <v>7216948</v>
      </c>
      <c r="OL20" s="118">
        <v>0</v>
      </c>
      <c r="OM20" s="119">
        <v>54161988</v>
      </c>
      <c r="ON20" s="119">
        <v>73875661</v>
      </c>
      <c r="OO20" s="119">
        <v>97363466</v>
      </c>
      <c r="OP20" s="119">
        <v>109846109</v>
      </c>
      <c r="OQ20" s="119">
        <v>72256724</v>
      </c>
      <c r="OR20" s="120">
        <v>407503948</v>
      </c>
      <c r="OS20" s="143">
        <v>414720896</v>
      </c>
    </row>
    <row r="21" spans="2:409" ht="18.75" customHeight="1" x14ac:dyDescent="0.2">
      <c r="B21" s="62" t="s">
        <v>16</v>
      </c>
      <c r="C21" s="110">
        <v>5704828</v>
      </c>
      <c r="D21" s="114">
        <v>12156469</v>
      </c>
      <c r="E21" s="113">
        <v>17861297</v>
      </c>
      <c r="F21" s="109">
        <v>0</v>
      </c>
      <c r="G21" s="114">
        <v>77131348</v>
      </c>
      <c r="H21" s="114">
        <v>126522531</v>
      </c>
      <c r="I21" s="114">
        <v>106753673</v>
      </c>
      <c r="J21" s="114">
        <v>102114612</v>
      </c>
      <c r="K21" s="114">
        <v>71437138</v>
      </c>
      <c r="L21" s="109">
        <v>483959302</v>
      </c>
      <c r="M21" s="116">
        <v>501820599</v>
      </c>
      <c r="N21" s="110">
        <v>1006563</v>
      </c>
      <c r="O21" s="114">
        <v>2331198</v>
      </c>
      <c r="P21" s="113">
        <v>3337761</v>
      </c>
      <c r="Q21" s="110">
        <v>0</v>
      </c>
      <c r="R21" s="114">
        <v>16973288</v>
      </c>
      <c r="S21" s="114">
        <v>28688627</v>
      </c>
      <c r="T21" s="114">
        <v>25143145</v>
      </c>
      <c r="U21" s="114">
        <v>31143217</v>
      </c>
      <c r="V21" s="114">
        <v>23537535</v>
      </c>
      <c r="W21" s="113">
        <v>125485812</v>
      </c>
      <c r="X21" s="116">
        <v>128823573</v>
      </c>
      <c r="Y21" s="110">
        <v>0</v>
      </c>
      <c r="Z21" s="114">
        <v>0</v>
      </c>
      <c r="AA21" s="113">
        <v>0</v>
      </c>
      <c r="AB21" s="110">
        <v>0</v>
      </c>
      <c r="AC21" s="114">
        <v>7156685</v>
      </c>
      <c r="AD21" s="114">
        <v>11783009</v>
      </c>
      <c r="AE21" s="114">
        <v>12328309</v>
      </c>
      <c r="AF21" s="114">
        <v>17001888</v>
      </c>
      <c r="AG21" s="114">
        <v>10340509</v>
      </c>
      <c r="AH21" s="113">
        <v>58610400</v>
      </c>
      <c r="AI21" s="116">
        <v>58610400</v>
      </c>
      <c r="AJ21" s="110">
        <v>0</v>
      </c>
      <c r="AK21" s="114">
        <v>0</v>
      </c>
      <c r="AL21" s="113">
        <v>0</v>
      </c>
      <c r="AM21" s="110">
        <v>0</v>
      </c>
      <c r="AN21" s="114">
        <v>50715</v>
      </c>
      <c r="AO21" s="114">
        <v>604614</v>
      </c>
      <c r="AP21" s="114">
        <v>912660</v>
      </c>
      <c r="AQ21" s="114">
        <v>1482642</v>
      </c>
      <c r="AR21" s="114">
        <v>3198577</v>
      </c>
      <c r="AS21" s="113">
        <v>6249208</v>
      </c>
      <c r="AT21" s="116">
        <v>6249208</v>
      </c>
      <c r="AU21" s="110">
        <v>525580</v>
      </c>
      <c r="AV21" s="114">
        <v>1588859</v>
      </c>
      <c r="AW21" s="113">
        <v>2114439</v>
      </c>
      <c r="AX21" s="110">
        <v>0</v>
      </c>
      <c r="AY21" s="114">
        <v>6781624</v>
      </c>
      <c r="AZ21" s="114">
        <v>12232165</v>
      </c>
      <c r="BA21" s="114">
        <v>7738868</v>
      </c>
      <c r="BB21" s="114">
        <v>8250487</v>
      </c>
      <c r="BC21" s="114">
        <v>6597052</v>
      </c>
      <c r="BD21" s="113">
        <v>41600196</v>
      </c>
      <c r="BE21" s="116">
        <v>43714635</v>
      </c>
      <c r="BF21" s="110">
        <v>0</v>
      </c>
      <c r="BG21" s="114">
        <v>423540</v>
      </c>
      <c r="BH21" s="112">
        <v>423540</v>
      </c>
      <c r="BI21" s="111">
        <v>0</v>
      </c>
      <c r="BJ21" s="114">
        <v>532649</v>
      </c>
      <c r="BK21" s="114">
        <v>893498</v>
      </c>
      <c r="BL21" s="114">
        <v>833086</v>
      </c>
      <c r="BM21" s="114">
        <v>405469</v>
      </c>
      <c r="BN21" s="114">
        <v>353642</v>
      </c>
      <c r="BO21" s="113">
        <v>3018344</v>
      </c>
      <c r="BP21" s="116">
        <v>3441884</v>
      </c>
      <c r="BQ21" s="110">
        <v>480983</v>
      </c>
      <c r="BR21" s="114">
        <v>318799</v>
      </c>
      <c r="BS21" s="113">
        <v>799782</v>
      </c>
      <c r="BT21" s="110">
        <v>0</v>
      </c>
      <c r="BU21" s="114">
        <v>2451615</v>
      </c>
      <c r="BV21" s="114">
        <v>3175341</v>
      </c>
      <c r="BW21" s="114">
        <v>3330222</v>
      </c>
      <c r="BX21" s="114">
        <v>4002731</v>
      </c>
      <c r="BY21" s="114">
        <v>3047755</v>
      </c>
      <c r="BZ21" s="113">
        <v>16007664</v>
      </c>
      <c r="CA21" s="116">
        <v>16807446</v>
      </c>
      <c r="CB21" s="110">
        <v>970434</v>
      </c>
      <c r="CC21" s="114">
        <v>3814533</v>
      </c>
      <c r="CD21" s="113">
        <v>4784967</v>
      </c>
      <c r="CE21" s="110">
        <v>0</v>
      </c>
      <c r="CF21" s="114">
        <v>25957092</v>
      </c>
      <c r="CG21" s="114">
        <v>47994165</v>
      </c>
      <c r="CH21" s="114">
        <v>34963040</v>
      </c>
      <c r="CI21" s="114">
        <v>24921672</v>
      </c>
      <c r="CJ21" s="114">
        <v>14011498</v>
      </c>
      <c r="CK21" s="113">
        <v>147847467</v>
      </c>
      <c r="CL21" s="116">
        <v>152632434</v>
      </c>
      <c r="CM21" s="110">
        <v>0</v>
      </c>
      <c r="CN21" s="114">
        <v>0</v>
      </c>
      <c r="CO21" s="113">
        <v>0</v>
      </c>
      <c r="CP21" s="111">
        <v>0</v>
      </c>
      <c r="CQ21" s="114">
        <v>16404825</v>
      </c>
      <c r="CR21" s="114">
        <v>30733389</v>
      </c>
      <c r="CS21" s="114">
        <v>25941801</v>
      </c>
      <c r="CT21" s="114">
        <v>19147399</v>
      </c>
      <c r="CU21" s="114">
        <v>12335618</v>
      </c>
      <c r="CV21" s="113">
        <v>104563032</v>
      </c>
      <c r="CW21" s="116">
        <v>104563032</v>
      </c>
      <c r="CX21" s="110">
        <v>970434</v>
      </c>
      <c r="CY21" s="114">
        <v>3814533</v>
      </c>
      <c r="CZ21" s="113">
        <v>4784967</v>
      </c>
      <c r="DA21" s="110">
        <v>0</v>
      </c>
      <c r="DB21" s="114">
        <v>9552267</v>
      </c>
      <c r="DC21" s="114">
        <v>17260776</v>
      </c>
      <c r="DD21" s="114">
        <v>9021239</v>
      </c>
      <c r="DE21" s="114">
        <v>5774273</v>
      </c>
      <c r="DF21" s="114">
        <v>1675880</v>
      </c>
      <c r="DG21" s="113">
        <v>43284435</v>
      </c>
      <c r="DH21" s="116">
        <v>48069402</v>
      </c>
      <c r="DI21" s="110">
        <v>0</v>
      </c>
      <c r="DJ21" s="114">
        <v>147848</v>
      </c>
      <c r="DK21" s="112">
        <v>147848</v>
      </c>
      <c r="DL21" s="111">
        <v>0</v>
      </c>
      <c r="DM21" s="114">
        <v>1798870</v>
      </c>
      <c r="DN21" s="114">
        <v>3954740</v>
      </c>
      <c r="DO21" s="114">
        <v>9516736</v>
      </c>
      <c r="DP21" s="114">
        <v>6051167</v>
      </c>
      <c r="DQ21" s="114">
        <v>2659911</v>
      </c>
      <c r="DR21" s="113">
        <v>23981424</v>
      </c>
      <c r="DS21" s="116">
        <v>24129272</v>
      </c>
      <c r="DT21" s="110">
        <v>0</v>
      </c>
      <c r="DU21" s="114">
        <v>147848</v>
      </c>
      <c r="DV21" s="113">
        <v>147848</v>
      </c>
      <c r="DW21" s="110">
        <v>0</v>
      </c>
      <c r="DX21" s="114">
        <v>1617581</v>
      </c>
      <c r="DY21" s="114">
        <v>3672544</v>
      </c>
      <c r="DZ21" s="114">
        <v>8739219</v>
      </c>
      <c r="EA21" s="114">
        <v>5531336</v>
      </c>
      <c r="EB21" s="114">
        <v>2437794</v>
      </c>
      <c r="EC21" s="113">
        <v>21998474</v>
      </c>
      <c r="ED21" s="116">
        <v>22146322</v>
      </c>
      <c r="EE21" s="110">
        <v>0</v>
      </c>
      <c r="EF21" s="112">
        <v>0</v>
      </c>
      <c r="EG21" s="113">
        <v>0</v>
      </c>
      <c r="EH21" s="110">
        <v>0</v>
      </c>
      <c r="EI21" s="114">
        <v>181289</v>
      </c>
      <c r="EJ21" s="114">
        <v>282196</v>
      </c>
      <c r="EK21" s="114">
        <v>777517</v>
      </c>
      <c r="EL21" s="114">
        <v>519831</v>
      </c>
      <c r="EM21" s="114">
        <v>222117</v>
      </c>
      <c r="EN21" s="112">
        <v>1982950</v>
      </c>
      <c r="EO21" s="116">
        <v>1982950</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1123187</v>
      </c>
      <c r="FM21" s="114">
        <v>2321955</v>
      </c>
      <c r="FN21" s="113">
        <v>3445142</v>
      </c>
      <c r="FO21" s="110">
        <v>0</v>
      </c>
      <c r="FP21" s="114">
        <v>3355151</v>
      </c>
      <c r="FQ21" s="114">
        <v>11748481</v>
      </c>
      <c r="FR21" s="114">
        <v>8134037</v>
      </c>
      <c r="FS21" s="114">
        <v>7954191</v>
      </c>
      <c r="FT21" s="114">
        <v>5092932</v>
      </c>
      <c r="FU21" s="113">
        <v>36284792</v>
      </c>
      <c r="FV21" s="116">
        <v>39729934</v>
      </c>
      <c r="FW21" s="115">
        <v>880717</v>
      </c>
      <c r="FX21" s="114">
        <v>1891060</v>
      </c>
      <c r="FY21" s="112">
        <v>2771777</v>
      </c>
      <c r="FZ21" s="111">
        <v>0</v>
      </c>
      <c r="GA21" s="114">
        <v>2784772</v>
      </c>
      <c r="GB21" s="114">
        <v>10965648</v>
      </c>
      <c r="GC21" s="114">
        <v>7723858</v>
      </c>
      <c r="GD21" s="114">
        <v>7345788</v>
      </c>
      <c r="GE21" s="114">
        <v>4894212</v>
      </c>
      <c r="GF21" s="113">
        <v>33714278</v>
      </c>
      <c r="GG21" s="318">
        <v>36486055</v>
      </c>
      <c r="GH21" s="115">
        <v>0</v>
      </c>
      <c r="GI21" s="114">
        <v>90335</v>
      </c>
      <c r="GJ21" s="112">
        <v>90335</v>
      </c>
      <c r="GK21" s="111">
        <v>0</v>
      </c>
      <c r="GL21" s="114">
        <v>325219</v>
      </c>
      <c r="GM21" s="114">
        <v>287081</v>
      </c>
      <c r="GN21" s="114">
        <v>234101</v>
      </c>
      <c r="GO21" s="114">
        <v>436445</v>
      </c>
      <c r="GP21" s="114">
        <v>160920</v>
      </c>
      <c r="GQ21" s="113">
        <v>1443766</v>
      </c>
      <c r="GR21" s="116">
        <v>1534101</v>
      </c>
      <c r="GS21" s="110">
        <v>242470</v>
      </c>
      <c r="GT21" s="114">
        <v>340560</v>
      </c>
      <c r="GU21" s="113">
        <v>583030</v>
      </c>
      <c r="GV21" s="110">
        <v>0</v>
      </c>
      <c r="GW21" s="114">
        <v>245160</v>
      </c>
      <c r="GX21" s="114">
        <v>495752</v>
      </c>
      <c r="GY21" s="114">
        <v>176078</v>
      </c>
      <c r="GZ21" s="114">
        <v>171958</v>
      </c>
      <c r="HA21" s="114">
        <v>37800</v>
      </c>
      <c r="HB21" s="112">
        <v>1126748</v>
      </c>
      <c r="HC21" s="116">
        <v>1709778</v>
      </c>
      <c r="HD21" s="110">
        <v>1602847</v>
      </c>
      <c r="HE21" s="114">
        <v>1745710</v>
      </c>
      <c r="HF21" s="112">
        <v>3348557</v>
      </c>
      <c r="HG21" s="111">
        <v>0</v>
      </c>
      <c r="HH21" s="114">
        <v>17167033</v>
      </c>
      <c r="HI21" s="114">
        <v>17594338</v>
      </c>
      <c r="HJ21" s="114">
        <v>18259762</v>
      </c>
      <c r="HK21" s="114">
        <v>24954382</v>
      </c>
      <c r="HL21" s="114">
        <v>22088218</v>
      </c>
      <c r="HM21" s="113">
        <v>100063733</v>
      </c>
      <c r="HN21" s="109">
        <v>103412290</v>
      </c>
      <c r="HO21" s="115">
        <v>1001797</v>
      </c>
      <c r="HP21" s="114">
        <v>1795225</v>
      </c>
      <c r="HQ21" s="113">
        <v>2797022</v>
      </c>
      <c r="HR21" s="110">
        <v>0</v>
      </c>
      <c r="HS21" s="114">
        <v>11879914</v>
      </c>
      <c r="HT21" s="114">
        <v>16542180</v>
      </c>
      <c r="HU21" s="114">
        <v>10736953</v>
      </c>
      <c r="HV21" s="114">
        <v>7089983</v>
      </c>
      <c r="HW21" s="114">
        <v>4047044</v>
      </c>
      <c r="HX21" s="112">
        <v>50296074</v>
      </c>
      <c r="HY21" s="116">
        <v>53093096</v>
      </c>
      <c r="HZ21" s="131">
        <v>0</v>
      </c>
      <c r="IA21" s="132">
        <v>85011</v>
      </c>
      <c r="IB21" s="133">
        <v>85011</v>
      </c>
      <c r="IC21" s="146">
        <v>0</v>
      </c>
      <c r="ID21" s="132">
        <v>13461957</v>
      </c>
      <c r="IE21" s="147">
        <v>31586905</v>
      </c>
      <c r="IF21" s="133">
        <v>36806647</v>
      </c>
      <c r="IG21" s="132">
        <v>28176725</v>
      </c>
      <c r="IH21" s="133">
        <v>20096461</v>
      </c>
      <c r="II21" s="148">
        <v>130128695</v>
      </c>
      <c r="IJ21" s="139">
        <v>130213706</v>
      </c>
      <c r="IK21" s="232">
        <v>0</v>
      </c>
      <c r="IL21" s="236">
        <v>0</v>
      </c>
      <c r="IM21" s="237">
        <v>0</v>
      </c>
      <c r="IN21" s="140"/>
      <c r="IO21" s="119">
        <v>643115</v>
      </c>
      <c r="IP21" s="119">
        <v>1606455</v>
      </c>
      <c r="IQ21" s="119">
        <v>2856223</v>
      </c>
      <c r="IR21" s="119">
        <v>3406418</v>
      </c>
      <c r="IS21" s="119">
        <v>1821482</v>
      </c>
      <c r="IT21" s="141">
        <v>10333693</v>
      </c>
      <c r="IU21" s="320">
        <v>10333693</v>
      </c>
      <c r="IV21" s="142">
        <v>0</v>
      </c>
      <c r="IW21" s="119">
        <v>0</v>
      </c>
      <c r="IX21" s="120">
        <v>0</v>
      </c>
      <c r="IY21" s="144"/>
      <c r="IZ21" s="119">
        <v>0</v>
      </c>
      <c r="JA21" s="119">
        <v>18080</v>
      </c>
      <c r="JB21" s="119">
        <v>48571</v>
      </c>
      <c r="JC21" s="119">
        <v>36160</v>
      </c>
      <c r="JD21" s="119">
        <v>99481</v>
      </c>
      <c r="JE21" s="120">
        <v>202292</v>
      </c>
      <c r="JF21" s="121">
        <v>202292</v>
      </c>
      <c r="JG21" s="142">
        <v>0</v>
      </c>
      <c r="JH21" s="119">
        <v>0</v>
      </c>
      <c r="JI21" s="141">
        <v>0</v>
      </c>
      <c r="JJ21" s="118">
        <v>0</v>
      </c>
      <c r="JK21" s="119">
        <v>7282716</v>
      </c>
      <c r="JL21" s="119">
        <v>10312606</v>
      </c>
      <c r="JM21" s="119">
        <v>9170597</v>
      </c>
      <c r="JN21" s="119">
        <v>4679428</v>
      </c>
      <c r="JO21" s="119">
        <v>2590578</v>
      </c>
      <c r="JP21" s="120">
        <v>34035925</v>
      </c>
      <c r="JQ21" s="320">
        <v>34035925</v>
      </c>
      <c r="JR21" s="142">
        <v>0</v>
      </c>
      <c r="JS21" s="119">
        <v>0</v>
      </c>
      <c r="JT21" s="141">
        <v>0</v>
      </c>
      <c r="JU21" s="118">
        <v>0</v>
      </c>
      <c r="JV21" s="119">
        <v>519134</v>
      </c>
      <c r="JW21" s="119">
        <v>1130660</v>
      </c>
      <c r="JX21" s="119">
        <v>1184575</v>
      </c>
      <c r="JY21" s="119">
        <v>742360</v>
      </c>
      <c r="JZ21" s="119">
        <v>900225</v>
      </c>
      <c r="KA21" s="120">
        <v>4476954</v>
      </c>
      <c r="KB21" s="320">
        <v>4476954</v>
      </c>
      <c r="KC21" s="234">
        <v>0</v>
      </c>
      <c r="KD21" s="230">
        <v>85011</v>
      </c>
      <c r="KE21" s="120">
        <v>85011</v>
      </c>
      <c r="KF21" s="118">
        <v>0</v>
      </c>
      <c r="KG21" s="119">
        <v>1174593</v>
      </c>
      <c r="KH21" s="119">
        <v>5224648</v>
      </c>
      <c r="KI21" s="119">
        <v>3130932</v>
      </c>
      <c r="KJ21" s="119">
        <v>4689828</v>
      </c>
      <c r="KK21" s="119">
        <v>2687301</v>
      </c>
      <c r="KL21" s="120">
        <v>16907302</v>
      </c>
      <c r="KM21" s="143">
        <v>16992313</v>
      </c>
      <c r="KN21" s="232">
        <v>0</v>
      </c>
      <c r="KO21" s="236">
        <v>0</v>
      </c>
      <c r="KP21" s="237">
        <v>0</v>
      </c>
      <c r="KQ21" s="140"/>
      <c r="KR21" s="119">
        <v>3566798</v>
      </c>
      <c r="KS21" s="119">
        <v>11334351</v>
      </c>
      <c r="KT21" s="119">
        <v>16539164</v>
      </c>
      <c r="KU21" s="119">
        <v>11461806</v>
      </c>
      <c r="KV21" s="119">
        <v>7834557</v>
      </c>
      <c r="KW21" s="120">
        <v>50736676</v>
      </c>
      <c r="KX21" s="320">
        <v>50736676</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744753</v>
      </c>
      <c r="LP21" s="119">
        <v>2342114</v>
      </c>
      <c r="LQ21" s="119">
        <v>2754438</v>
      </c>
      <c r="LR21" s="119">
        <v>2415704</v>
      </c>
      <c r="LS21" s="120">
        <v>8257009</v>
      </c>
      <c r="LT21" s="320">
        <v>8257009</v>
      </c>
      <c r="LU21" s="142">
        <v>0</v>
      </c>
      <c r="LV21" s="119">
        <v>0</v>
      </c>
      <c r="LW21" s="120">
        <v>0</v>
      </c>
      <c r="LX21" s="145"/>
      <c r="LY21" s="119">
        <v>275601</v>
      </c>
      <c r="LZ21" s="119">
        <v>1215352</v>
      </c>
      <c r="MA21" s="119">
        <v>1534471</v>
      </c>
      <c r="MB21" s="119">
        <v>406287</v>
      </c>
      <c r="MC21" s="119">
        <v>1747133</v>
      </c>
      <c r="MD21" s="120">
        <v>5178844</v>
      </c>
      <c r="ME21" s="121">
        <v>5178844</v>
      </c>
      <c r="MF21" s="142">
        <v>0</v>
      </c>
      <c r="MG21" s="119">
        <v>0</v>
      </c>
      <c r="MH21" s="120">
        <v>0</v>
      </c>
      <c r="MI21" s="145"/>
      <c r="MJ21" s="119">
        <v>17355422</v>
      </c>
      <c r="MK21" s="119">
        <v>31988447</v>
      </c>
      <c r="ML21" s="119">
        <v>88057357</v>
      </c>
      <c r="MM21" s="119">
        <v>129355119</v>
      </c>
      <c r="MN21" s="119">
        <v>78580521</v>
      </c>
      <c r="MO21" s="120">
        <v>345336866</v>
      </c>
      <c r="MP21" s="143">
        <v>345336866</v>
      </c>
      <c r="MQ21" s="142">
        <v>0</v>
      </c>
      <c r="MR21" s="119">
        <v>0</v>
      </c>
      <c r="MS21" s="120">
        <v>0</v>
      </c>
      <c r="MT21" s="145"/>
      <c r="MU21" s="119">
        <v>1281623</v>
      </c>
      <c r="MV21" s="119">
        <v>5969185</v>
      </c>
      <c r="MW21" s="119">
        <v>49036058</v>
      </c>
      <c r="MX21" s="119">
        <v>78552405</v>
      </c>
      <c r="MY21" s="119">
        <v>57507350</v>
      </c>
      <c r="MZ21" s="120">
        <v>192346621</v>
      </c>
      <c r="NA21" s="143">
        <v>192346621</v>
      </c>
      <c r="NB21" s="142">
        <v>0</v>
      </c>
      <c r="NC21" s="119">
        <v>0</v>
      </c>
      <c r="ND21" s="120">
        <v>0</v>
      </c>
      <c r="NE21" s="145"/>
      <c r="NF21" s="119">
        <v>15850059</v>
      </c>
      <c r="NG21" s="119">
        <v>26019262</v>
      </c>
      <c r="NH21" s="119">
        <v>37915021</v>
      </c>
      <c r="NI21" s="119">
        <v>45849989</v>
      </c>
      <c r="NJ21" s="119">
        <v>14848313</v>
      </c>
      <c r="NK21" s="120">
        <v>140482644</v>
      </c>
      <c r="NL21" s="320">
        <v>140482644</v>
      </c>
      <c r="NM21" s="142">
        <v>0</v>
      </c>
      <c r="NN21" s="119">
        <v>0</v>
      </c>
      <c r="NO21" s="120">
        <v>0</v>
      </c>
      <c r="NP21" s="145"/>
      <c r="NQ21" s="119">
        <v>0</v>
      </c>
      <c r="NR21" s="119">
        <v>0</v>
      </c>
      <c r="NS21" s="119">
        <v>0</v>
      </c>
      <c r="NT21" s="119">
        <v>0</v>
      </c>
      <c r="NU21" s="119">
        <v>1110310</v>
      </c>
      <c r="NV21" s="120">
        <v>1110310</v>
      </c>
      <c r="NW21" s="121">
        <v>1110310</v>
      </c>
      <c r="NX21" s="142">
        <v>0</v>
      </c>
      <c r="NY21" s="119">
        <v>0</v>
      </c>
      <c r="NZ21" s="120">
        <v>0</v>
      </c>
      <c r="OA21" s="145"/>
      <c r="OB21" s="119">
        <v>223740</v>
      </c>
      <c r="OC21" s="119">
        <v>0</v>
      </c>
      <c r="OD21" s="119">
        <v>1106278</v>
      </c>
      <c r="OE21" s="119">
        <v>4952725</v>
      </c>
      <c r="OF21" s="119">
        <v>5114548</v>
      </c>
      <c r="OG21" s="120">
        <v>11397291</v>
      </c>
      <c r="OH21" s="121">
        <v>11397291</v>
      </c>
      <c r="OI21" s="142">
        <v>5704828</v>
      </c>
      <c r="OJ21" s="119">
        <v>12241480</v>
      </c>
      <c r="OK21" s="141">
        <v>17946308</v>
      </c>
      <c r="OL21" s="118">
        <v>0</v>
      </c>
      <c r="OM21" s="119">
        <v>107948727</v>
      </c>
      <c r="ON21" s="119">
        <v>190097883</v>
      </c>
      <c r="OO21" s="119">
        <v>231617677</v>
      </c>
      <c r="OP21" s="119">
        <v>259646456</v>
      </c>
      <c r="OQ21" s="119">
        <v>170114120</v>
      </c>
      <c r="OR21" s="120">
        <v>959424863</v>
      </c>
      <c r="OS21" s="143">
        <v>977371171</v>
      </c>
    </row>
    <row r="22" spans="2:409" ht="18.75" customHeight="1" x14ac:dyDescent="0.2">
      <c r="B22" s="62" t="s">
        <v>17</v>
      </c>
      <c r="C22" s="110">
        <v>6606601</v>
      </c>
      <c r="D22" s="114">
        <v>17014937</v>
      </c>
      <c r="E22" s="113">
        <v>23621538</v>
      </c>
      <c r="F22" s="109">
        <v>0</v>
      </c>
      <c r="G22" s="114">
        <v>81829302</v>
      </c>
      <c r="H22" s="114">
        <v>157974051</v>
      </c>
      <c r="I22" s="114">
        <v>125389844</v>
      </c>
      <c r="J22" s="114">
        <v>123333285</v>
      </c>
      <c r="K22" s="114">
        <v>95457818</v>
      </c>
      <c r="L22" s="109">
        <v>583984300</v>
      </c>
      <c r="M22" s="116">
        <v>607605838</v>
      </c>
      <c r="N22" s="110">
        <v>1155059</v>
      </c>
      <c r="O22" s="114">
        <v>3314051</v>
      </c>
      <c r="P22" s="113">
        <v>4469110</v>
      </c>
      <c r="Q22" s="110">
        <v>0</v>
      </c>
      <c r="R22" s="114">
        <v>17996198</v>
      </c>
      <c r="S22" s="114">
        <v>43264555</v>
      </c>
      <c r="T22" s="114">
        <v>39237270</v>
      </c>
      <c r="U22" s="114">
        <v>46115942</v>
      </c>
      <c r="V22" s="114">
        <v>48107316</v>
      </c>
      <c r="W22" s="113">
        <v>194721281</v>
      </c>
      <c r="X22" s="116">
        <v>199190391</v>
      </c>
      <c r="Y22" s="110">
        <v>0</v>
      </c>
      <c r="Z22" s="114">
        <v>0</v>
      </c>
      <c r="AA22" s="113">
        <v>0</v>
      </c>
      <c r="AB22" s="110">
        <v>0</v>
      </c>
      <c r="AC22" s="114">
        <v>8004676</v>
      </c>
      <c r="AD22" s="114">
        <v>22593336</v>
      </c>
      <c r="AE22" s="114">
        <v>22879701</v>
      </c>
      <c r="AF22" s="114">
        <v>28662103</v>
      </c>
      <c r="AG22" s="114">
        <v>29946116</v>
      </c>
      <c r="AH22" s="113">
        <v>112085932</v>
      </c>
      <c r="AI22" s="116">
        <v>112085932</v>
      </c>
      <c r="AJ22" s="110">
        <v>0</v>
      </c>
      <c r="AK22" s="114">
        <v>62428</v>
      </c>
      <c r="AL22" s="113">
        <v>62428</v>
      </c>
      <c r="AM22" s="110">
        <v>0</v>
      </c>
      <c r="AN22" s="114">
        <v>219154</v>
      </c>
      <c r="AO22" s="114">
        <v>249711</v>
      </c>
      <c r="AP22" s="114">
        <v>1074145</v>
      </c>
      <c r="AQ22" s="114">
        <v>2379608</v>
      </c>
      <c r="AR22" s="114">
        <v>4618848</v>
      </c>
      <c r="AS22" s="113">
        <v>8541466</v>
      </c>
      <c r="AT22" s="116">
        <v>8603894</v>
      </c>
      <c r="AU22" s="110">
        <v>609399</v>
      </c>
      <c r="AV22" s="114">
        <v>2312069</v>
      </c>
      <c r="AW22" s="113">
        <v>2921468</v>
      </c>
      <c r="AX22" s="110">
        <v>0</v>
      </c>
      <c r="AY22" s="114">
        <v>5778887</v>
      </c>
      <c r="AZ22" s="114">
        <v>13129776</v>
      </c>
      <c r="BA22" s="114">
        <v>9250506</v>
      </c>
      <c r="BB22" s="114">
        <v>9288916</v>
      </c>
      <c r="BC22" s="114">
        <v>8747934</v>
      </c>
      <c r="BD22" s="113">
        <v>46196019</v>
      </c>
      <c r="BE22" s="116">
        <v>49117487</v>
      </c>
      <c r="BF22" s="110">
        <v>49536</v>
      </c>
      <c r="BG22" s="114">
        <v>218500</v>
      </c>
      <c r="BH22" s="112">
        <v>268036</v>
      </c>
      <c r="BI22" s="111">
        <v>0</v>
      </c>
      <c r="BJ22" s="114">
        <v>326374</v>
      </c>
      <c r="BK22" s="114">
        <v>1241198</v>
      </c>
      <c r="BL22" s="114">
        <v>949498</v>
      </c>
      <c r="BM22" s="114">
        <v>467425</v>
      </c>
      <c r="BN22" s="114">
        <v>429240</v>
      </c>
      <c r="BO22" s="113">
        <v>3413735</v>
      </c>
      <c r="BP22" s="116">
        <v>3681771</v>
      </c>
      <c r="BQ22" s="110">
        <v>496124</v>
      </c>
      <c r="BR22" s="114">
        <v>721054</v>
      </c>
      <c r="BS22" s="113">
        <v>1217178</v>
      </c>
      <c r="BT22" s="110">
        <v>0</v>
      </c>
      <c r="BU22" s="114">
        <v>3667107</v>
      </c>
      <c r="BV22" s="114">
        <v>6050534</v>
      </c>
      <c r="BW22" s="114">
        <v>5083420</v>
      </c>
      <c r="BX22" s="114">
        <v>5317890</v>
      </c>
      <c r="BY22" s="114">
        <v>4365178</v>
      </c>
      <c r="BZ22" s="113">
        <v>24484129</v>
      </c>
      <c r="CA22" s="116">
        <v>25701307</v>
      </c>
      <c r="CB22" s="110">
        <v>624411</v>
      </c>
      <c r="CC22" s="114">
        <v>3065905</v>
      </c>
      <c r="CD22" s="113">
        <v>3690316</v>
      </c>
      <c r="CE22" s="110">
        <v>0</v>
      </c>
      <c r="CF22" s="114">
        <v>25660443</v>
      </c>
      <c r="CG22" s="114">
        <v>53974702</v>
      </c>
      <c r="CH22" s="114">
        <v>34275448</v>
      </c>
      <c r="CI22" s="114">
        <v>24273540</v>
      </c>
      <c r="CJ22" s="114">
        <v>12913251</v>
      </c>
      <c r="CK22" s="113">
        <v>151097384</v>
      </c>
      <c r="CL22" s="116">
        <v>154787700</v>
      </c>
      <c r="CM22" s="110">
        <v>0</v>
      </c>
      <c r="CN22" s="114">
        <v>0</v>
      </c>
      <c r="CO22" s="113">
        <v>0</v>
      </c>
      <c r="CP22" s="111">
        <v>0</v>
      </c>
      <c r="CQ22" s="114">
        <v>20929911</v>
      </c>
      <c r="CR22" s="114">
        <v>41009098</v>
      </c>
      <c r="CS22" s="114">
        <v>27409622</v>
      </c>
      <c r="CT22" s="114">
        <v>19601474</v>
      </c>
      <c r="CU22" s="114">
        <v>10319103</v>
      </c>
      <c r="CV22" s="113">
        <v>119269208</v>
      </c>
      <c r="CW22" s="116">
        <v>119269208</v>
      </c>
      <c r="CX22" s="110">
        <v>624411</v>
      </c>
      <c r="CY22" s="114">
        <v>3065905</v>
      </c>
      <c r="CZ22" s="113">
        <v>3690316</v>
      </c>
      <c r="DA22" s="110">
        <v>0</v>
      </c>
      <c r="DB22" s="114">
        <v>4730532</v>
      </c>
      <c r="DC22" s="114">
        <v>12965604</v>
      </c>
      <c r="DD22" s="114">
        <v>6865826</v>
      </c>
      <c r="DE22" s="114">
        <v>4672066</v>
      </c>
      <c r="DF22" s="114">
        <v>2594148</v>
      </c>
      <c r="DG22" s="113">
        <v>31828176</v>
      </c>
      <c r="DH22" s="116">
        <v>35518492</v>
      </c>
      <c r="DI22" s="110">
        <v>44285</v>
      </c>
      <c r="DJ22" s="114">
        <v>385949</v>
      </c>
      <c r="DK22" s="112">
        <v>430234</v>
      </c>
      <c r="DL22" s="111">
        <v>0</v>
      </c>
      <c r="DM22" s="114">
        <v>2923473</v>
      </c>
      <c r="DN22" s="114">
        <v>5618574</v>
      </c>
      <c r="DO22" s="114">
        <v>10406665</v>
      </c>
      <c r="DP22" s="114">
        <v>11296174</v>
      </c>
      <c r="DQ22" s="114">
        <v>6276999</v>
      </c>
      <c r="DR22" s="113">
        <v>36521885</v>
      </c>
      <c r="DS22" s="116">
        <v>36952119</v>
      </c>
      <c r="DT22" s="110">
        <v>44285</v>
      </c>
      <c r="DU22" s="114">
        <v>385949</v>
      </c>
      <c r="DV22" s="113">
        <v>430234</v>
      </c>
      <c r="DW22" s="110">
        <v>0</v>
      </c>
      <c r="DX22" s="114">
        <v>2712486</v>
      </c>
      <c r="DY22" s="114">
        <v>4828046</v>
      </c>
      <c r="DZ22" s="114">
        <v>9983776</v>
      </c>
      <c r="EA22" s="114">
        <v>10345458</v>
      </c>
      <c r="EB22" s="114">
        <v>5363963</v>
      </c>
      <c r="EC22" s="113">
        <v>33233729</v>
      </c>
      <c r="ED22" s="116">
        <v>33663963</v>
      </c>
      <c r="EE22" s="110">
        <v>0</v>
      </c>
      <c r="EF22" s="112">
        <v>0</v>
      </c>
      <c r="EG22" s="113">
        <v>0</v>
      </c>
      <c r="EH22" s="110">
        <v>0</v>
      </c>
      <c r="EI22" s="114">
        <v>210987</v>
      </c>
      <c r="EJ22" s="114">
        <v>790528</v>
      </c>
      <c r="EK22" s="114">
        <v>422889</v>
      </c>
      <c r="EL22" s="114">
        <v>950716</v>
      </c>
      <c r="EM22" s="114">
        <v>913036</v>
      </c>
      <c r="EN22" s="112">
        <v>3288156</v>
      </c>
      <c r="EO22" s="116">
        <v>3288156</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1717401</v>
      </c>
      <c r="FM22" s="114">
        <v>3954314</v>
      </c>
      <c r="FN22" s="113">
        <v>5671715</v>
      </c>
      <c r="FO22" s="110">
        <v>0</v>
      </c>
      <c r="FP22" s="114">
        <v>4824543</v>
      </c>
      <c r="FQ22" s="114">
        <v>15858945</v>
      </c>
      <c r="FR22" s="114">
        <v>10662297</v>
      </c>
      <c r="FS22" s="114">
        <v>10453835</v>
      </c>
      <c r="FT22" s="114">
        <v>8183602</v>
      </c>
      <c r="FU22" s="113">
        <v>49983222</v>
      </c>
      <c r="FV22" s="116">
        <v>55654937</v>
      </c>
      <c r="FW22" s="115">
        <v>972247</v>
      </c>
      <c r="FX22" s="114">
        <v>3229901</v>
      </c>
      <c r="FY22" s="112">
        <v>4202148</v>
      </c>
      <c r="FZ22" s="111">
        <v>0</v>
      </c>
      <c r="GA22" s="114">
        <v>3093781</v>
      </c>
      <c r="GB22" s="114">
        <v>14878326</v>
      </c>
      <c r="GC22" s="114">
        <v>9925473</v>
      </c>
      <c r="GD22" s="114">
        <v>9919771</v>
      </c>
      <c r="GE22" s="114">
        <v>7910002</v>
      </c>
      <c r="GF22" s="113">
        <v>45727353</v>
      </c>
      <c r="GG22" s="318">
        <v>49929501</v>
      </c>
      <c r="GH22" s="115">
        <v>50812</v>
      </c>
      <c r="GI22" s="114">
        <v>153666</v>
      </c>
      <c r="GJ22" s="112">
        <v>204478</v>
      </c>
      <c r="GK22" s="111">
        <v>0</v>
      </c>
      <c r="GL22" s="114">
        <v>253414</v>
      </c>
      <c r="GM22" s="114">
        <v>450519</v>
      </c>
      <c r="GN22" s="114">
        <v>285433</v>
      </c>
      <c r="GO22" s="114">
        <v>107856</v>
      </c>
      <c r="GP22" s="114">
        <v>93600</v>
      </c>
      <c r="GQ22" s="113">
        <v>1190822</v>
      </c>
      <c r="GR22" s="116">
        <v>1395300</v>
      </c>
      <c r="GS22" s="110">
        <v>694342</v>
      </c>
      <c r="GT22" s="114">
        <v>570747</v>
      </c>
      <c r="GU22" s="113">
        <v>1265089</v>
      </c>
      <c r="GV22" s="110">
        <v>0</v>
      </c>
      <c r="GW22" s="114">
        <v>1477348</v>
      </c>
      <c r="GX22" s="114">
        <v>530100</v>
      </c>
      <c r="GY22" s="114">
        <v>451391</v>
      </c>
      <c r="GZ22" s="114">
        <v>426208</v>
      </c>
      <c r="HA22" s="114">
        <v>180000</v>
      </c>
      <c r="HB22" s="112">
        <v>3065047</v>
      </c>
      <c r="HC22" s="116">
        <v>4330136</v>
      </c>
      <c r="HD22" s="110">
        <v>1892269</v>
      </c>
      <c r="HE22" s="114">
        <v>3567192</v>
      </c>
      <c r="HF22" s="112">
        <v>5459461</v>
      </c>
      <c r="HG22" s="111">
        <v>0</v>
      </c>
      <c r="HH22" s="114">
        <v>16847194</v>
      </c>
      <c r="HI22" s="114">
        <v>18387025</v>
      </c>
      <c r="HJ22" s="114">
        <v>17202104</v>
      </c>
      <c r="HK22" s="114">
        <v>21394795</v>
      </c>
      <c r="HL22" s="114">
        <v>13394560</v>
      </c>
      <c r="HM22" s="113">
        <v>87225678</v>
      </c>
      <c r="HN22" s="109">
        <v>92685139</v>
      </c>
      <c r="HO22" s="115">
        <v>1173176</v>
      </c>
      <c r="HP22" s="114">
        <v>2727526</v>
      </c>
      <c r="HQ22" s="113">
        <v>3900702</v>
      </c>
      <c r="HR22" s="110">
        <v>0</v>
      </c>
      <c r="HS22" s="114">
        <v>13577451</v>
      </c>
      <c r="HT22" s="114">
        <v>20870250</v>
      </c>
      <c r="HU22" s="114">
        <v>13606060</v>
      </c>
      <c r="HV22" s="114">
        <v>9798999</v>
      </c>
      <c r="HW22" s="114">
        <v>6582090</v>
      </c>
      <c r="HX22" s="112">
        <v>64434850</v>
      </c>
      <c r="HY22" s="116">
        <v>68335552</v>
      </c>
      <c r="HZ22" s="150">
        <v>223385</v>
      </c>
      <c r="IA22" s="135">
        <v>269280</v>
      </c>
      <c r="IB22" s="150">
        <v>492665</v>
      </c>
      <c r="IC22" s="134">
        <v>0</v>
      </c>
      <c r="ID22" s="135">
        <v>25263747</v>
      </c>
      <c r="IE22" s="136">
        <v>42863334</v>
      </c>
      <c r="IF22" s="137">
        <v>48127781</v>
      </c>
      <c r="IG22" s="135">
        <v>46093846</v>
      </c>
      <c r="IH22" s="137">
        <v>36391945</v>
      </c>
      <c r="II22" s="138">
        <v>198740653</v>
      </c>
      <c r="IJ22" s="150">
        <v>199233318</v>
      </c>
      <c r="IK22" s="232">
        <v>0</v>
      </c>
      <c r="IL22" s="236">
        <v>0</v>
      </c>
      <c r="IM22" s="237">
        <v>0</v>
      </c>
      <c r="IN22" s="140"/>
      <c r="IO22" s="119">
        <v>325891</v>
      </c>
      <c r="IP22" s="119">
        <v>539172</v>
      </c>
      <c r="IQ22" s="119">
        <v>352042</v>
      </c>
      <c r="IR22" s="119">
        <v>893229</v>
      </c>
      <c r="IS22" s="119">
        <v>0</v>
      </c>
      <c r="IT22" s="141">
        <v>2110334</v>
      </c>
      <c r="IU22" s="320">
        <v>2110334</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1311614</v>
      </c>
      <c r="JL22" s="119">
        <v>17275925</v>
      </c>
      <c r="JM22" s="119">
        <v>13617360</v>
      </c>
      <c r="JN22" s="119">
        <v>13089730</v>
      </c>
      <c r="JO22" s="119">
        <v>9396100</v>
      </c>
      <c r="JP22" s="120">
        <v>64690729</v>
      </c>
      <c r="JQ22" s="320">
        <v>64690729</v>
      </c>
      <c r="JR22" s="142">
        <v>79550</v>
      </c>
      <c r="JS22" s="119">
        <v>91870</v>
      </c>
      <c r="JT22" s="141">
        <v>171420</v>
      </c>
      <c r="JU22" s="118">
        <v>0</v>
      </c>
      <c r="JV22" s="119">
        <v>1814285</v>
      </c>
      <c r="JW22" s="119">
        <v>1803635</v>
      </c>
      <c r="JX22" s="119">
        <v>2218778</v>
      </c>
      <c r="JY22" s="119">
        <v>2351049</v>
      </c>
      <c r="JZ22" s="119">
        <v>798455</v>
      </c>
      <c r="KA22" s="120">
        <v>8986202</v>
      </c>
      <c r="KB22" s="320">
        <v>9157622</v>
      </c>
      <c r="KC22" s="234">
        <v>143835</v>
      </c>
      <c r="KD22" s="230">
        <v>177410</v>
      </c>
      <c r="KE22" s="120">
        <v>321245</v>
      </c>
      <c r="KF22" s="118">
        <v>0</v>
      </c>
      <c r="KG22" s="119">
        <v>1777219</v>
      </c>
      <c r="KH22" s="119">
        <v>5383135</v>
      </c>
      <c r="KI22" s="119">
        <v>9569541</v>
      </c>
      <c r="KJ22" s="119">
        <v>6829049</v>
      </c>
      <c r="KK22" s="119">
        <v>4107255</v>
      </c>
      <c r="KL22" s="120">
        <v>27666199</v>
      </c>
      <c r="KM22" s="143">
        <v>27987444</v>
      </c>
      <c r="KN22" s="232">
        <v>0</v>
      </c>
      <c r="KO22" s="236">
        <v>0</v>
      </c>
      <c r="KP22" s="237">
        <v>0</v>
      </c>
      <c r="KQ22" s="140"/>
      <c r="KR22" s="119">
        <v>9671529</v>
      </c>
      <c r="KS22" s="119">
        <v>17212893</v>
      </c>
      <c r="KT22" s="119">
        <v>14853796</v>
      </c>
      <c r="KU22" s="119">
        <v>12522282</v>
      </c>
      <c r="KV22" s="119">
        <v>6113529</v>
      </c>
      <c r="KW22" s="120">
        <v>60374029</v>
      </c>
      <c r="KX22" s="320">
        <v>60374029</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648574</v>
      </c>
      <c r="LP22" s="119">
        <v>7516264</v>
      </c>
      <c r="LQ22" s="119">
        <v>9131126</v>
      </c>
      <c r="LR22" s="119">
        <v>12537446</v>
      </c>
      <c r="LS22" s="120">
        <v>29833410</v>
      </c>
      <c r="LT22" s="320">
        <v>29833410</v>
      </c>
      <c r="LU22" s="142">
        <v>0</v>
      </c>
      <c r="LV22" s="119">
        <v>0</v>
      </c>
      <c r="LW22" s="120">
        <v>0</v>
      </c>
      <c r="LX22" s="145"/>
      <c r="LY22" s="119">
        <v>363209</v>
      </c>
      <c r="LZ22" s="119">
        <v>0</v>
      </c>
      <c r="MA22" s="119">
        <v>0</v>
      </c>
      <c r="MB22" s="119">
        <v>1277381</v>
      </c>
      <c r="MC22" s="119">
        <v>3439160</v>
      </c>
      <c r="MD22" s="120">
        <v>5079750</v>
      </c>
      <c r="ME22" s="121">
        <v>5079750</v>
      </c>
      <c r="MF22" s="142">
        <v>0</v>
      </c>
      <c r="MG22" s="119">
        <v>0</v>
      </c>
      <c r="MH22" s="120">
        <v>0</v>
      </c>
      <c r="MI22" s="145"/>
      <c r="MJ22" s="119">
        <v>10718122</v>
      </c>
      <c r="MK22" s="119">
        <v>32620959</v>
      </c>
      <c r="ML22" s="119">
        <v>96268276</v>
      </c>
      <c r="MM22" s="119">
        <v>121140055</v>
      </c>
      <c r="MN22" s="119">
        <v>91887583</v>
      </c>
      <c r="MO22" s="120">
        <v>352634995</v>
      </c>
      <c r="MP22" s="143">
        <v>352634995</v>
      </c>
      <c r="MQ22" s="142">
        <v>0</v>
      </c>
      <c r="MR22" s="119">
        <v>0</v>
      </c>
      <c r="MS22" s="120">
        <v>0</v>
      </c>
      <c r="MT22" s="145"/>
      <c r="MU22" s="119">
        <v>1081459</v>
      </c>
      <c r="MV22" s="119">
        <v>3313249</v>
      </c>
      <c r="MW22" s="119">
        <v>54299639</v>
      </c>
      <c r="MX22" s="119">
        <v>75917254</v>
      </c>
      <c r="MY22" s="119">
        <v>59898790</v>
      </c>
      <c r="MZ22" s="120">
        <v>194510391</v>
      </c>
      <c r="NA22" s="143">
        <v>194510391</v>
      </c>
      <c r="NB22" s="142">
        <v>0</v>
      </c>
      <c r="NC22" s="119">
        <v>0</v>
      </c>
      <c r="ND22" s="120">
        <v>0</v>
      </c>
      <c r="NE22" s="145"/>
      <c r="NF22" s="119">
        <v>9636663</v>
      </c>
      <c r="NG22" s="119">
        <v>29307710</v>
      </c>
      <c r="NH22" s="119">
        <v>41595893</v>
      </c>
      <c r="NI22" s="119">
        <v>43699849</v>
      </c>
      <c r="NJ22" s="119">
        <v>25267594</v>
      </c>
      <c r="NK22" s="120">
        <v>149507709</v>
      </c>
      <c r="NL22" s="320">
        <v>149507709</v>
      </c>
      <c r="NM22" s="142">
        <v>0</v>
      </c>
      <c r="NN22" s="119">
        <v>0</v>
      </c>
      <c r="NO22" s="120">
        <v>0</v>
      </c>
      <c r="NP22" s="145"/>
      <c r="NQ22" s="119">
        <v>0</v>
      </c>
      <c r="NR22" s="119">
        <v>0</v>
      </c>
      <c r="NS22" s="119">
        <v>0</v>
      </c>
      <c r="NT22" s="119">
        <v>0</v>
      </c>
      <c r="NU22" s="119">
        <v>1400204</v>
      </c>
      <c r="NV22" s="120">
        <v>1400204</v>
      </c>
      <c r="NW22" s="121">
        <v>1400204</v>
      </c>
      <c r="NX22" s="142">
        <v>0</v>
      </c>
      <c r="NY22" s="119">
        <v>0</v>
      </c>
      <c r="NZ22" s="120">
        <v>0</v>
      </c>
      <c r="OA22" s="145"/>
      <c r="OB22" s="119">
        <v>0</v>
      </c>
      <c r="OC22" s="119">
        <v>0</v>
      </c>
      <c r="OD22" s="119">
        <v>372744</v>
      </c>
      <c r="OE22" s="119">
        <v>1522952</v>
      </c>
      <c r="OF22" s="119">
        <v>5320995</v>
      </c>
      <c r="OG22" s="120">
        <v>7216691</v>
      </c>
      <c r="OH22" s="121">
        <v>7216691</v>
      </c>
      <c r="OI22" s="142">
        <v>6829986</v>
      </c>
      <c r="OJ22" s="119">
        <v>17284217</v>
      </c>
      <c r="OK22" s="141">
        <v>24114203</v>
      </c>
      <c r="OL22" s="118">
        <v>0</v>
      </c>
      <c r="OM22" s="119">
        <v>117811171</v>
      </c>
      <c r="ON22" s="119">
        <v>233458344</v>
      </c>
      <c r="OO22" s="119">
        <v>269785901</v>
      </c>
      <c r="OP22" s="119">
        <v>290567186</v>
      </c>
      <c r="OQ22" s="119">
        <v>223737346</v>
      </c>
      <c r="OR22" s="120">
        <v>1135359948</v>
      </c>
      <c r="OS22" s="143">
        <v>1159474151</v>
      </c>
    </row>
    <row r="23" spans="2:409" ht="18.75" customHeight="1" x14ac:dyDescent="0.2">
      <c r="B23" s="62" t="s">
        <v>18</v>
      </c>
      <c r="C23" s="110">
        <v>7114212</v>
      </c>
      <c r="D23" s="114">
        <v>14838047</v>
      </c>
      <c r="E23" s="113">
        <v>21952259</v>
      </c>
      <c r="F23" s="109">
        <v>0</v>
      </c>
      <c r="G23" s="114">
        <v>133357683</v>
      </c>
      <c r="H23" s="114">
        <v>160709442</v>
      </c>
      <c r="I23" s="114">
        <v>143171844</v>
      </c>
      <c r="J23" s="114">
        <v>135719394</v>
      </c>
      <c r="K23" s="114">
        <v>93860637</v>
      </c>
      <c r="L23" s="109">
        <v>666819000</v>
      </c>
      <c r="M23" s="116">
        <v>688771259</v>
      </c>
      <c r="N23" s="110">
        <v>1894979</v>
      </c>
      <c r="O23" s="114">
        <v>4107657</v>
      </c>
      <c r="P23" s="113">
        <v>6002636</v>
      </c>
      <c r="Q23" s="110">
        <v>0</v>
      </c>
      <c r="R23" s="114">
        <v>36817578</v>
      </c>
      <c r="S23" s="114">
        <v>47485655</v>
      </c>
      <c r="T23" s="114">
        <v>44430285</v>
      </c>
      <c r="U23" s="114">
        <v>54004757</v>
      </c>
      <c r="V23" s="114">
        <v>48298934</v>
      </c>
      <c r="W23" s="113">
        <v>231037209</v>
      </c>
      <c r="X23" s="116">
        <v>237039845</v>
      </c>
      <c r="Y23" s="110">
        <v>0</v>
      </c>
      <c r="Z23" s="114">
        <v>0</v>
      </c>
      <c r="AA23" s="113">
        <v>0</v>
      </c>
      <c r="AB23" s="110">
        <v>0</v>
      </c>
      <c r="AC23" s="114">
        <v>16926308</v>
      </c>
      <c r="AD23" s="114">
        <v>24147619</v>
      </c>
      <c r="AE23" s="114">
        <v>26151353</v>
      </c>
      <c r="AF23" s="114">
        <v>36755046</v>
      </c>
      <c r="AG23" s="114">
        <v>28759759</v>
      </c>
      <c r="AH23" s="113">
        <v>132740085</v>
      </c>
      <c r="AI23" s="116">
        <v>132740085</v>
      </c>
      <c r="AJ23" s="110">
        <v>0</v>
      </c>
      <c r="AK23" s="114">
        <v>0</v>
      </c>
      <c r="AL23" s="113">
        <v>0</v>
      </c>
      <c r="AM23" s="110">
        <v>0</v>
      </c>
      <c r="AN23" s="114">
        <v>103505</v>
      </c>
      <c r="AO23" s="114">
        <v>645645</v>
      </c>
      <c r="AP23" s="114">
        <v>1148215</v>
      </c>
      <c r="AQ23" s="114">
        <v>2407980</v>
      </c>
      <c r="AR23" s="114">
        <v>5192271</v>
      </c>
      <c r="AS23" s="113">
        <v>9497616</v>
      </c>
      <c r="AT23" s="116">
        <v>9497616</v>
      </c>
      <c r="AU23" s="110">
        <v>1018701</v>
      </c>
      <c r="AV23" s="114">
        <v>3238477</v>
      </c>
      <c r="AW23" s="113">
        <v>4257178</v>
      </c>
      <c r="AX23" s="110">
        <v>0</v>
      </c>
      <c r="AY23" s="114">
        <v>12480728</v>
      </c>
      <c r="AZ23" s="114">
        <v>13863489</v>
      </c>
      <c r="BA23" s="114">
        <v>9513393</v>
      </c>
      <c r="BB23" s="114">
        <v>8094592</v>
      </c>
      <c r="BC23" s="114">
        <v>8533239</v>
      </c>
      <c r="BD23" s="113">
        <v>52485441</v>
      </c>
      <c r="BE23" s="116">
        <v>56742619</v>
      </c>
      <c r="BF23" s="110">
        <v>234107</v>
      </c>
      <c r="BG23" s="114">
        <v>258902</v>
      </c>
      <c r="BH23" s="112">
        <v>493009</v>
      </c>
      <c r="BI23" s="111">
        <v>0</v>
      </c>
      <c r="BJ23" s="114">
        <v>1630287</v>
      </c>
      <c r="BK23" s="114">
        <v>2210954</v>
      </c>
      <c r="BL23" s="114">
        <v>1412121</v>
      </c>
      <c r="BM23" s="114">
        <v>1112283</v>
      </c>
      <c r="BN23" s="114">
        <v>698428</v>
      </c>
      <c r="BO23" s="113">
        <v>7064073</v>
      </c>
      <c r="BP23" s="116">
        <v>7557082</v>
      </c>
      <c r="BQ23" s="110">
        <v>642171</v>
      </c>
      <c r="BR23" s="114">
        <v>610278</v>
      </c>
      <c r="BS23" s="113">
        <v>1252449</v>
      </c>
      <c r="BT23" s="110">
        <v>0</v>
      </c>
      <c r="BU23" s="114">
        <v>5676750</v>
      </c>
      <c r="BV23" s="114">
        <v>6617948</v>
      </c>
      <c r="BW23" s="114">
        <v>6205203</v>
      </c>
      <c r="BX23" s="114">
        <v>5634856</v>
      </c>
      <c r="BY23" s="114">
        <v>5115237</v>
      </c>
      <c r="BZ23" s="113">
        <v>29249994</v>
      </c>
      <c r="CA23" s="116">
        <v>30502443</v>
      </c>
      <c r="CB23" s="110">
        <v>920625</v>
      </c>
      <c r="CC23" s="114">
        <v>3070972</v>
      </c>
      <c r="CD23" s="113">
        <v>3991597</v>
      </c>
      <c r="CE23" s="110">
        <v>0</v>
      </c>
      <c r="CF23" s="114">
        <v>42162478</v>
      </c>
      <c r="CG23" s="114">
        <v>51737228</v>
      </c>
      <c r="CH23" s="114">
        <v>38665038</v>
      </c>
      <c r="CI23" s="114">
        <v>26552586</v>
      </c>
      <c r="CJ23" s="114">
        <v>10478685</v>
      </c>
      <c r="CK23" s="113">
        <v>169596015</v>
      </c>
      <c r="CL23" s="116">
        <v>173587612</v>
      </c>
      <c r="CM23" s="110">
        <v>0</v>
      </c>
      <c r="CN23" s="114">
        <v>0</v>
      </c>
      <c r="CO23" s="113">
        <v>0</v>
      </c>
      <c r="CP23" s="111">
        <v>0</v>
      </c>
      <c r="CQ23" s="114">
        <v>35714027</v>
      </c>
      <c r="CR23" s="114">
        <v>43221255</v>
      </c>
      <c r="CS23" s="114">
        <v>32290274</v>
      </c>
      <c r="CT23" s="114">
        <v>21911915</v>
      </c>
      <c r="CU23" s="114">
        <v>9536541</v>
      </c>
      <c r="CV23" s="113">
        <v>142674012</v>
      </c>
      <c r="CW23" s="116">
        <v>142674012</v>
      </c>
      <c r="CX23" s="110">
        <v>920625</v>
      </c>
      <c r="CY23" s="114">
        <v>3070972</v>
      </c>
      <c r="CZ23" s="113">
        <v>3991597</v>
      </c>
      <c r="DA23" s="110">
        <v>0</v>
      </c>
      <c r="DB23" s="114">
        <v>6448451</v>
      </c>
      <c r="DC23" s="114">
        <v>8515973</v>
      </c>
      <c r="DD23" s="114">
        <v>6374764</v>
      </c>
      <c r="DE23" s="114">
        <v>4640671</v>
      </c>
      <c r="DF23" s="114">
        <v>942144</v>
      </c>
      <c r="DG23" s="113">
        <v>26922003</v>
      </c>
      <c r="DH23" s="116">
        <v>30913600</v>
      </c>
      <c r="DI23" s="110">
        <v>0</v>
      </c>
      <c r="DJ23" s="114">
        <v>68220</v>
      </c>
      <c r="DK23" s="112">
        <v>68220</v>
      </c>
      <c r="DL23" s="111">
        <v>0</v>
      </c>
      <c r="DM23" s="114">
        <v>3007323</v>
      </c>
      <c r="DN23" s="114">
        <v>6732050</v>
      </c>
      <c r="DO23" s="114">
        <v>16276774</v>
      </c>
      <c r="DP23" s="114">
        <v>13665880</v>
      </c>
      <c r="DQ23" s="114">
        <v>5031454</v>
      </c>
      <c r="DR23" s="113">
        <v>44713481</v>
      </c>
      <c r="DS23" s="116">
        <v>44781701</v>
      </c>
      <c r="DT23" s="110">
        <v>0</v>
      </c>
      <c r="DU23" s="114">
        <v>68220</v>
      </c>
      <c r="DV23" s="113">
        <v>68220</v>
      </c>
      <c r="DW23" s="110">
        <v>0</v>
      </c>
      <c r="DX23" s="114">
        <v>2982682</v>
      </c>
      <c r="DY23" s="114">
        <v>6633468</v>
      </c>
      <c r="DZ23" s="114">
        <v>16151477</v>
      </c>
      <c r="EA23" s="114">
        <v>13356618</v>
      </c>
      <c r="EB23" s="114">
        <v>5031454</v>
      </c>
      <c r="EC23" s="113">
        <v>44155699</v>
      </c>
      <c r="ED23" s="116">
        <v>44223919</v>
      </c>
      <c r="EE23" s="110">
        <v>0</v>
      </c>
      <c r="EF23" s="112">
        <v>0</v>
      </c>
      <c r="EG23" s="113">
        <v>0</v>
      </c>
      <c r="EH23" s="110">
        <v>0</v>
      </c>
      <c r="EI23" s="114">
        <v>24641</v>
      </c>
      <c r="EJ23" s="114">
        <v>98582</v>
      </c>
      <c r="EK23" s="114">
        <v>125297</v>
      </c>
      <c r="EL23" s="114">
        <v>309262</v>
      </c>
      <c r="EM23" s="114">
        <v>0</v>
      </c>
      <c r="EN23" s="112">
        <v>557782</v>
      </c>
      <c r="EO23" s="116">
        <v>557782</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1481682</v>
      </c>
      <c r="FM23" s="114">
        <v>3293962</v>
      </c>
      <c r="FN23" s="113">
        <v>4775644</v>
      </c>
      <c r="FO23" s="110">
        <v>0</v>
      </c>
      <c r="FP23" s="114">
        <v>7114626</v>
      </c>
      <c r="FQ23" s="114">
        <v>14148898</v>
      </c>
      <c r="FR23" s="114">
        <v>10762129</v>
      </c>
      <c r="FS23" s="114">
        <v>10040717</v>
      </c>
      <c r="FT23" s="114">
        <v>7274441</v>
      </c>
      <c r="FU23" s="113">
        <v>49340811</v>
      </c>
      <c r="FV23" s="116">
        <v>54116455</v>
      </c>
      <c r="FW23" s="115">
        <v>1035858</v>
      </c>
      <c r="FX23" s="114">
        <v>2568779</v>
      </c>
      <c r="FY23" s="112">
        <v>3604637</v>
      </c>
      <c r="FZ23" s="111">
        <v>0</v>
      </c>
      <c r="GA23" s="114">
        <v>5830100</v>
      </c>
      <c r="GB23" s="114">
        <v>13458629</v>
      </c>
      <c r="GC23" s="114">
        <v>10009962</v>
      </c>
      <c r="GD23" s="114">
        <v>9752830</v>
      </c>
      <c r="GE23" s="114">
        <v>6944867</v>
      </c>
      <c r="GF23" s="113">
        <v>45996388</v>
      </c>
      <c r="GG23" s="318">
        <v>49601025</v>
      </c>
      <c r="GH23" s="115">
        <v>61254</v>
      </c>
      <c r="GI23" s="114">
        <v>78759</v>
      </c>
      <c r="GJ23" s="112">
        <v>140013</v>
      </c>
      <c r="GK23" s="111">
        <v>0</v>
      </c>
      <c r="GL23" s="114">
        <v>223443</v>
      </c>
      <c r="GM23" s="114">
        <v>265949</v>
      </c>
      <c r="GN23" s="114">
        <v>56227</v>
      </c>
      <c r="GO23" s="114">
        <v>162787</v>
      </c>
      <c r="GP23" s="114">
        <v>83874</v>
      </c>
      <c r="GQ23" s="113">
        <v>792280</v>
      </c>
      <c r="GR23" s="116">
        <v>932293</v>
      </c>
      <c r="GS23" s="110">
        <v>384570</v>
      </c>
      <c r="GT23" s="114">
        <v>646424</v>
      </c>
      <c r="GU23" s="113">
        <v>1030994</v>
      </c>
      <c r="GV23" s="110">
        <v>0</v>
      </c>
      <c r="GW23" s="114">
        <v>1061083</v>
      </c>
      <c r="GX23" s="114">
        <v>424320</v>
      </c>
      <c r="GY23" s="114">
        <v>695940</v>
      </c>
      <c r="GZ23" s="114">
        <v>125100</v>
      </c>
      <c r="HA23" s="114">
        <v>245700</v>
      </c>
      <c r="HB23" s="112">
        <v>2552143</v>
      </c>
      <c r="HC23" s="116">
        <v>3583137</v>
      </c>
      <c r="HD23" s="110">
        <v>1357056</v>
      </c>
      <c r="HE23" s="114">
        <v>1359070</v>
      </c>
      <c r="HF23" s="112">
        <v>2716126</v>
      </c>
      <c r="HG23" s="111">
        <v>0</v>
      </c>
      <c r="HH23" s="114">
        <v>22167061</v>
      </c>
      <c r="HI23" s="114">
        <v>19949946</v>
      </c>
      <c r="HJ23" s="114">
        <v>17773559</v>
      </c>
      <c r="HK23" s="114">
        <v>21618666</v>
      </c>
      <c r="HL23" s="114">
        <v>17307449</v>
      </c>
      <c r="HM23" s="113">
        <v>98816681</v>
      </c>
      <c r="HN23" s="109">
        <v>101532807</v>
      </c>
      <c r="HO23" s="115">
        <v>1459870</v>
      </c>
      <c r="HP23" s="114">
        <v>2938166</v>
      </c>
      <c r="HQ23" s="113">
        <v>4398036</v>
      </c>
      <c r="HR23" s="110">
        <v>0</v>
      </c>
      <c r="HS23" s="114">
        <v>22088617</v>
      </c>
      <c r="HT23" s="114">
        <v>20655665</v>
      </c>
      <c r="HU23" s="114">
        <v>15264059</v>
      </c>
      <c r="HV23" s="114">
        <v>9836788</v>
      </c>
      <c r="HW23" s="114">
        <v>5469674</v>
      </c>
      <c r="HX23" s="112">
        <v>73314803</v>
      </c>
      <c r="HY23" s="116">
        <v>77712839</v>
      </c>
      <c r="HZ23" s="131">
        <v>516384</v>
      </c>
      <c r="IA23" s="132">
        <v>1343984</v>
      </c>
      <c r="IB23" s="133">
        <v>1860368</v>
      </c>
      <c r="IC23" s="146">
        <v>0</v>
      </c>
      <c r="ID23" s="132">
        <v>31967036</v>
      </c>
      <c r="IE23" s="147">
        <v>46008956</v>
      </c>
      <c r="IF23" s="133">
        <v>55445889</v>
      </c>
      <c r="IG23" s="132">
        <v>35559661</v>
      </c>
      <c r="IH23" s="133">
        <v>26287672</v>
      </c>
      <c r="II23" s="148">
        <v>195269214</v>
      </c>
      <c r="IJ23" s="139">
        <v>197129582</v>
      </c>
      <c r="IK23" s="232">
        <v>0</v>
      </c>
      <c r="IL23" s="236">
        <v>0</v>
      </c>
      <c r="IM23" s="237">
        <v>0</v>
      </c>
      <c r="IN23" s="140"/>
      <c r="IO23" s="119">
        <v>190281</v>
      </c>
      <c r="IP23" s="119">
        <v>279928</v>
      </c>
      <c r="IQ23" s="119">
        <v>411477</v>
      </c>
      <c r="IR23" s="119">
        <v>0</v>
      </c>
      <c r="IS23" s="119">
        <v>237450</v>
      </c>
      <c r="IT23" s="141">
        <v>1119136</v>
      </c>
      <c r="IU23" s="320">
        <v>1119136</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1211713</v>
      </c>
      <c r="JL23" s="119">
        <v>11677329</v>
      </c>
      <c r="JM23" s="119">
        <v>9550508</v>
      </c>
      <c r="JN23" s="119">
        <v>3268966</v>
      </c>
      <c r="JO23" s="119">
        <v>1718319</v>
      </c>
      <c r="JP23" s="120">
        <v>37426835</v>
      </c>
      <c r="JQ23" s="320">
        <v>37426835</v>
      </c>
      <c r="JR23" s="142">
        <v>0</v>
      </c>
      <c r="JS23" s="119">
        <v>0</v>
      </c>
      <c r="JT23" s="141">
        <v>0</v>
      </c>
      <c r="JU23" s="118">
        <v>0</v>
      </c>
      <c r="JV23" s="119">
        <v>1331324</v>
      </c>
      <c r="JW23" s="119">
        <v>378304</v>
      </c>
      <c r="JX23" s="119">
        <v>1682502</v>
      </c>
      <c r="JY23" s="119">
        <v>1371307</v>
      </c>
      <c r="JZ23" s="119">
        <v>2791264</v>
      </c>
      <c r="KA23" s="120">
        <v>7554701</v>
      </c>
      <c r="KB23" s="320">
        <v>7554701</v>
      </c>
      <c r="KC23" s="234">
        <v>516384</v>
      </c>
      <c r="KD23" s="230">
        <v>847383</v>
      </c>
      <c r="KE23" s="120">
        <v>1363767</v>
      </c>
      <c r="KF23" s="118">
        <v>0</v>
      </c>
      <c r="KG23" s="119">
        <v>6105451</v>
      </c>
      <c r="KH23" s="119">
        <v>10135498</v>
      </c>
      <c r="KI23" s="119">
        <v>9636769</v>
      </c>
      <c r="KJ23" s="119">
        <v>5344987</v>
      </c>
      <c r="KK23" s="119">
        <v>3645918</v>
      </c>
      <c r="KL23" s="120">
        <v>34868623</v>
      </c>
      <c r="KM23" s="143">
        <v>36232390</v>
      </c>
      <c r="KN23" s="232">
        <v>0</v>
      </c>
      <c r="KO23" s="236">
        <v>496601</v>
      </c>
      <c r="KP23" s="237">
        <v>496601</v>
      </c>
      <c r="KQ23" s="140"/>
      <c r="KR23" s="119">
        <v>11665400</v>
      </c>
      <c r="KS23" s="119">
        <v>21520769</v>
      </c>
      <c r="KT23" s="119">
        <v>27775142</v>
      </c>
      <c r="KU23" s="119">
        <v>14244886</v>
      </c>
      <c r="KV23" s="119">
        <v>8051704</v>
      </c>
      <c r="KW23" s="120">
        <v>83257901</v>
      </c>
      <c r="KX23" s="320">
        <v>83754502</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270243</v>
      </c>
      <c r="LP23" s="119">
        <v>2057013</v>
      </c>
      <c r="LQ23" s="119">
        <v>4871570</v>
      </c>
      <c r="LR23" s="119">
        <v>1313667</v>
      </c>
      <c r="LS23" s="120">
        <v>8512493</v>
      </c>
      <c r="LT23" s="320">
        <v>8512493</v>
      </c>
      <c r="LU23" s="142">
        <v>0</v>
      </c>
      <c r="LV23" s="119">
        <v>0</v>
      </c>
      <c r="LW23" s="120">
        <v>0</v>
      </c>
      <c r="LX23" s="145"/>
      <c r="LY23" s="119">
        <v>1462867</v>
      </c>
      <c r="LZ23" s="119">
        <v>1746885</v>
      </c>
      <c r="MA23" s="119">
        <v>4332478</v>
      </c>
      <c r="MB23" s="119">
        <v>6457945</v>
      </c>
      <c r="MC23" s="119">
        <v>8529350</v>
      </c>
      <c r="MD23" s="120">
        <v>22529525</v>
      </c>
      <c r="ME23" s="121">
        <v>22529525</v>
      </c>
      <c r="MF23" s="142">
        <v>0</v>
      </c>
      <c r="MG23" s="119">
        <v>0</v>
      </c>
      <c r="MH23" s="120">
        <v>0</v>
      </c>
      <c r="MI23" s="145"/>
      <c r="MJ23" s="119">
        <v>9416505</v>
      </c>
      <c r="MK23" s="119">
        <v>20997545</v>
      </c>
      <c r="ML23" s="119">
        <v>79864776</v>
      </c>
      <c r="MM23" s="119">
        <v>143140134</v>
      </c>
      <c r="MN23" s="119">
        <v>115422394</v>
      </c>
      <c r="MO23" s="120">
        <v>368841354</v>
      </c>
      <c r="MP23" s="143">
        <v>368841354</v>
      </c>
      <c r="MQ23" s="142">
        <v>0</v>
      </c>
      <c r="MR23" s="119">
        <v>0</v>
      </c>
      <c r="MS23" s="120">
        <v>0</v>
      </c>
      <c r="MT23" s="145"/>
      <c r="MU23" s="119">
        <v>1212004</v>
      </c>
      <c r="MV23" s="119">
        <v>3712651</v>
      </c>
      <c r="MW23" s="119">
        <v>46450362</v>
      </c>
      <c r="MX23" s="119">
        <v>101862773</v>
      </c>
      <c r="MY23" s="119">
        <v>79803176</v>
      </c>
      <c r="MZ23" s="120">
        <v>233040966</v>
      </c>
      <c r="NA23" s="143">
        <v>233040966</v>
      </c>
      <c r="NB23" s="142">
        <v>0</v>
      </c>
      <c r="NC23" s="119">
        <v>0</v>
      </c>
      <c r="ND23" s="120">
        <v>0</v>
      </c>
      <c r="NE23" s="145"/>
      <c r="NF23" s="119">
        <v>8204501</v>
      </c>
      <c r="NG23" s="119">
        <v>17284894</v>
      </c>
      <c r="NH23" s="119">
        <v>33035571</v>
      </c>
      <c r="NI23" s="119">
        <v>37537961</v>
      </c>
      <c r="NJ23" s="119">
        <v>25900883</v>
      </c>
      <c r="NK23" s="120">
        <v>121963810</v>
      </c>
      <c r="NL23" s="320">
        <v>121963810</v>
      </c>
      <c r="NM23" s="142">
        <v>0</v>
      </c>
      <c r="NN23" s="119">
        <v>0</v>
      </c>
      <c r="NO23" s="120">
        <v>0</v>
      </c>
      <c r="NP23" s="145"/>
      <c r="NQ23" s="119">
        <v>0</v>
      </c>
      <c r="NR23" s="119">
        <v>0</v>
      </c>
      <c r="NS23" s="119">
        <v>0</v>
      </c>
      <c r="NT23" s="119">
        <v>380019</v>
      </c>
      <c r="NU23" s="119">
        <v>2810732</v>
      </c>
      <c r="NV23" s="120">
        <v>3190751</v>
      </c>
      <c r="NW23" s="121">
        <v>3190751</v>
      </c>
      <c r="NX23" s="142">
        <v>0</v>
      </c>
      <c r="NY23" s="119">
        <v>0</v>
      </c>
      <c r="NZ23" s="120">
        <v>0</v>
      </c>
      <c r="OA23" s="145"/>
      <c r="OB23" s="119">
        <v>0</v>
      </c>
      <c r="OC23" s="119">
        <v>0</v>
      </c>
      <c r="OD23" s="119">
        <v>378843</v>
      </c>
      <c r="OE23" s="119">
        <v>3359381</v>
      </c>
      <c r="OF23" s="119">
        <v>6907603</v>
      </c>
      <c r="OG23" s="120">
        <v>10645827</v>
      </c>
      <c r="OH23" s="121">
        <v>10645827</v>
      </c>
      <c r="OI23" s="142">
        <v>7630596</v>
      </c>
      <c r="OJ23" s="119">
        <v>16182031</v>
      </c>
      <c r="OK23" s="141">
        <v>23812627</v>
      </c>
      <c r="OL23" s="118">
        <v>0</v>
      </c>
      <c r="OM23" s="119">
        <v>174741224</v>
      </c>
      <c r="ON23" s="119">
        <v>227715943</v>
      </c>
      <c r="OO23" s="119">
        <v>278482509</v>
      </c>
      <c r="OP23" s="119">
        <v>314419189</v>
      </c>
      <c r="OQ23" s="119">
        <v>235570703</v>
      </c>
      <c r="OR23" s="120">
        <v>1230929568</v>
      </c>
      <c r="OS23" s="143">
        <v>1254742195</v>
      </c>
    </row>
    <row r="24" spans="2:409" ht="18.75" customHeight="1" x14ac:dyDescent="0.2">
      <c r="B24" s="62" t="s">
        <v>19</v>
      </c>
      <c r="C24" s="110">
        <v>4414701</v>
      </c>
      <c r="D24" s="114">
        <v>8310877</v>
      </c>
      <c r="E24" s="113">
        <v>12725578</v>
      </c>
      <c r="F24" s="109">
        <v>0</v>
      </c>
      <c r="G24" s="114">
        <v>60953101</v>
      </c>
      <c r="H24" s="114">
        <v>68197346</v>
      </c>
      <c r="I24" s="114">
        <v>57259585</v>
      </c>
      <c r="J24" s="114">
        <v>46434208</v>
      </c>
      <c r="K24" s="114">
        <v>39697281</v>
      </c>
      <c r="L24" s="109">
        <v>272541521</v>
      </c>
      <c r="M24" s="116">
        <v>285267099</v>
      </c>
      <c r="N24" s="110">
        <v>1088576</v>
      </c>
      <c r="O24" s="114">
        <v>1920451</v>
      </c>
      <c r="P24" s="113">
        <v>3009027</v>
      </c>
      <c r="Q24" s="110">
        <v>0</v>
      </c>
      <c r="R24" s="114">
        <v>15030554</v>
      </c>
      <c r="S24" s="114">
        <v>17450389</v>
      </c>
      <c r="T24" s="114">
        <v>15943726</v>
      </c>
      <c r="U24" s="114">
        <v>16573240</v>
      </c>
      <c r="V24" s="114">
        <v>17359929</v>
      </c>
      <c r="W24" s="113">
        <v>82357838</v>
      </c>
      <c r="X24" s="116">
        <v>85366865</v>
      </c>
      <c r="Y24" s="110">
        <v>0</v>
      </c>
      <c r="Z24" s="114">
        <v>0</v>
      </c>
      <c r="AA24" s="113">
        <v>0</v>
      </c>
      <c r="AB24" s="110">
        <v>0</v>
      </c>
      <c r="AC24" s="114">
        <v>6442104</v>
      </c>
      <c r="AD24" s="114">
        <v>8119991</v>
      </c>
      <c r="AE24" s="114">
        <v>8560871</v>
      </c>
      <c r="AF24" s="114">
        <v>9169504</v>
      </c>
      <c r="AG24" s="114">
        <v>9178890</v>
      </c>
      <c r="AH24" s="113">
        <v>41471360</v>
      </c>
      <c r="AI24" s="116">
        <v>41471360</v>
      </c>
      <c r="AJ24" s="110">
        <v>0</v>
      </c>
      <c r="AK24" s="114">
        <v>0</v>
      </c>
      <c r="AL24" s="113">
        <v>0</v>
      </c>
      <c r="AM24" s="110">
        <v>0</v>
      </c>
      <c r="AN24" s="114">
        <v>203931</v>
      </c>
      <c r="AO24" s="114">
        <v>144752</v>
      </c>
      <c r="AP24" s="114">
        <v>550629</v>
      </c>
      <c r="AQ24" s="114">
        <v>1291455</v>
      </c>
      <c r="AR24" s="114">
        <v>2042386</v>
      </c>
      <c r="AS24" s="113">
        <v>4233153</v>
      </c>
      <c r="AT24" s="116">
        <v>4233153</v>
      </c>
      <c r="AU24" s="110">
        <v>560382</v>
      </c>
      <c r="AV24" s="114">
        <v>1506902</v>
      </c>
      <c r="AW24" s="113">
        <v>2067284</v>
      </c>
      <c r="AX24" s="110">
        <v>0</v>
      </c>
      <c r="AY24" s="114">
        <v>5291358</v>
      </c>
      <c r="AZ24" s="114">
        <v>5782647</v>
      </c>
      <c r="BA24" s="114">
        <v>4127018</v>
      </c>
      <c r="BB24" s="114">
        <v>3229533</v>
      </c>
      <c r="BC24" s="114">
        <v>4081763</v>
      </c>
      <c r="BD24" s="113">
        <v>22512319</v>
      </c>
      <c r="BE24" s="116">
        <v>24579603</v>
      </c>
      <c r="BF24" s="110">
        <v>40941</v>
      </c>
      <c r="BG24" s="114">
        <v>91481</v>
      </c>
      <c r="BH24" s="112">
        <v>132422</v>
      </c>
      <c r="BI24" s="111">
        <v>0</v>
      </c>
      <c r="BJ24" s="114">
        <v>941807</v>
      </c>
      <c r="BK24" s="114">
        <v>576795</v>
      </c>
      <c r="BL24" s="114">
        <v>380781</v>
      </c>
      <c r="BM24" s="114">
        <v>704472</v>
      </c>
      <c r="BN24" s="114">
        <v>138306</v>
      </c>
      <c r="BO24" s="113">
        <v>2742161</v>
      </c>
      <c r="BP24" s="116">
        <v>2874583</v>
      </c>
      <c r="BQ24" s="110">
        <v>487253</v>
      </c>
      <c r="BR24" s="114">
        <v>322068</v>
      </c>
      <c r="BS24" s="113">
        <v>809321</v>
      </c>
      <c r="BT24" s="110">
        <v>0</v>
      </c>
      <c r="BU24" s="114">
        <v>2151354</v>
      </c>
      <c r="BV24" s="114">
        <v>2826204</v>
      </c>
      <c r="BW24" s="114">
        <v>2324427</v>
      </c>
      <c r="BX24" s="114">
        <v>2178276</v>
      </c>
      <c r="BY24" s="114">
        <v>1918584</v>
      </c>
      <c r="BZ24" s="113">
        <v>11398845</v>
      </c>
      <c r="CA24" s="116">
        <v>12208166</v>
      </c>
      <c r="CB24" s="110">
        <v>634389</v>
      </c>
      <c r="CC24" s="114">
        <v>1940654</v>
      </c>
      <c r="CD24" s="113">
        <v>2575043</v>
      </c>
      <c r="CE24" s="110">
        <v>0</v>
      </c>
      <c r="CF24" s="114">
        <v>18491558</v>
      </c>
      <c r="CG24" s="114">
        <v>22367498</v>
      </c>
      <c r="CH24" s="114">
        <v>16475256</v>
      </c>
      <c r="CI24" s="114">
        <v>8236288</v>
      </c>
      <c r="CJ24" s="114">
        <v>6109571</v>
      </c>
      <c r="CK24" s="113">
        <v>71680171</v>
      </c>
      <c r="CL24" s="116">
        <v>74255214</v>
      </c>
      <c r="CM24" s="110">
        <v>0</v>
      </c>
      <c r="CN24" s="114">
        <v>0</v>
      </c>
      <c r="CO24" s="113">
        <v>0</v>
      </c>
      <c r="CP24" s="111">
        <v>0</v>
      </c>
      <c r="CQ24" s="114">
        <v>13407370</v>
      </c>
      <c r="CR24" s="114">
        <v>17309746</v>
      </c>
      <c r="CS24" s="114">
        <v>11853052</v>
      </c>
      <c r="CT24" s="114">
        <v>4867386</v>
      </c>
      <c r="CU24" s="114">
        <v>4962380</v>
      </c>
      <c r="CV24" s="113">
        <v>52399934</v>
      </c>
      <c r="CW24" s="116">
        <v>52399934</v>
      </c>
      <c r="CX24" s="110">
        <v>634389</v>
      </c>
      <c r="CY24" s="114">
        <v>1940654</v>
      </c>
      <c r="CZ24" s="113">
        <v>2575043</v>
      </c>
      <c r="DA24" s="110">
        <v>0</v>
      </c>
      <c r="DB24" s="114">
        <v>5084188</v>
      </c>
      <c r="DC24" s="114">
        <v>5057752</v>
      </c>
      <c r="DD24" s="114">
        <v>4622204</v>
      </c>
      <c r="DE24" s="114">
        <v>3368902</v>
      </c>
      <c r="DF24" s="114">
        <v>1147191</v>
      </c>
      <c r="DG24" s="113">
        <v>19280237</v>
      </c>
      <c r="DH24" s="116">
        <v>21855280</v>
      </c>
      <c r="DI24" s="110">
        <v>0</v>
      </c>
      <c r="DJ24" s="114">
        <v>32290</v>
      </c>
      <c r="DK24" s="112">
        <v>32290</v>
      </c>
      <c r="DL24" s="111">
        <v>0</v>
      </c>
      <c r="DM24" s="114">
        <v>1119577</v>
      </c>
      <c r="DN24" s="114">
        <v>3383395</v>
      </c>
      <c r="DO24" s="114">
        <v>4465619</v>
      </c>
      <c r="DP24" s="114">
        <v>3680867</v>
      </c>
      <c r="DQ24" s="114">
        <v>2302035</v>
      </c>
      <c r="DR24" s="113">
        <v>14951493</v>
      </c>
      <c r="DS24" s="116">
        <v>14983783</v>
      </c>
      <c r="DT24" s="110">
        <v>0</v>
      </c>
      <c r="DU24" s="114">
        <v>32290</v>
      </c>
      <c r="DV24" s="113">
        <v>32290</v>
      </c>
      <c r="DW24" s="110">
        <v>0</v>
      </c>
      <c r="DX24" s="114">
        <v>1012800</v>
      </c>
      <c r="DY24" s="114">
        <v>2875502</v>
      </c>
      <c r="DZ24" s="114">
        <v>4235767</v>
      </c>
      <c r="EA24" s="114">
        <v>2770559</v>
      </c>
      <c r="EB24" s="114">
        <v>1700218</v>
      </c>
      <c r="EC24" s="113">
        <v>12594846</v>
      </c>
      <c r="ED24" s="116">
        <v>12627136</v>
      </c>
      <c r="EE24" s="110">
        <v>0</v>
      </c>
      <c r="EF24" s="112">
        <v>0</v>
      </c>
      <c r="EG24" s="113">
        <v>0</v>
      </c>
      <c r="EH24" s="110">
        <v>0</v>
      </c>
      <c r="EI24" s="114">
        <v>106777</v>
      </c>
      <c r="EJ24" s="114">
        <v>507893</v>
      </c>
      <c r="EK24" s="114">
        <v>229852</v>
      </c>
      <c r="EL24" s="114">
        <v>910308</v>
      </c>
      <c r="EM24" s="114">
        <v>601817</v>
      </c>
      <c r="EN24" s="112">
        <v>2356647</v>
      </c>
      <c r="EO24" s="116">
        <v>2356647</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1050335</v>
      </c>
      <c r="FM24" s="114">
        <v>1884913</v>
      </c>
      <c r="FN24" s="113">
        <v>2935248</v>
      </c>
      <c r="FO24" s="110">
        <v>0</v>
      </c>
      <c r="FP24" s="114">
        <v>4534625</v>
      </c>
      <c r="FQ24" s="114">
        <v>6328313</v>
      </c>
      <c r="FR24" s="114">
        <v>4732802</v>
      </c>
      <c r="FS24" s="114">
        <v>3151399</v>
      </c>
      <c r="FT24" s="114">
        <v>3386928</v>
      </c>
      <c r="FU24" s="113">
        <v>22134067</v>
      </c>
      <c r="FV24" s="116">
        <v>25069315</v>
      </c>
      <c r="FW24" s="115">
        <v>745230</v>
      </c>
      <c r="FX24" s="114">
        <v>1436562</v>
      </c>
      <c r="FY24" s="112">
        <v>2181792</v>
      </c>
      <c r="FZ24" s="111">
        <v>0</v>
      </c>
      <c r="GA24" s="114">
        <v>3411865</v>
      </c>
      <c r="GB24" s="114">
        <v>5621434</v>
      </c>
      <c r="GC24" s="114">
        <v>4295691</v>
      </c>
      <c r="GD24" s="114">
        <v>3151399</v>
      </c>
      <c r="GE24" s="114">
        <v>3372528</v>
      </c>
      <c r="GF24" s="113">
        <v>19852917</v>
      </c>
      <c r="GG24" s="318">
        <v>22034709</v>
      </c>
      <c r="GH24" s="115">
        <v>80000</v>
      </c>
      <c r="GI24" s="114">
        <v>42075</v>
      </c>
      <c r="GJ24" s="112">
        <v>122075</v>
      </c>
      <c r="GK24" s="111">
        <v>0</v>
      </c>
      <c r="GL24" s="114">
        <v>113454</v>
      </c>
      <c r="GM24" s="114">
        <v>176457</v>
      </c>
      <c r="GN24" s="114">
        <v>113355</v>
      </c>
      <c r="GO24" s="114">
        <v>0</v>
      </c>
      <c r="GP24" s="114">
        <v>14400</v>
      </c>
      <c r="GQ24" s="113">
        <v>417666</v>
      </c>
      <c r="GR24" s="116">
        <v>539741</v>
      </c>
      <c r="GS24" s="110">
        <v>225105</v>
      </c>
      <c r="GT24" s="114">
        <v>406276</v>
      </c>
      <c r="GU24" s="113">
        <v>631381</v>
      </c>
      <c r="GV24" s="110">
        <v>0</v>
      </c>
      <c r="GW24" s="114">
        <v>1009306</v>
      </c>
      <c r="GX24" s="114">
        <v>530422</v>
      </c>
      <c r="GY24" s="114">
        <v>323756</v>
      </c>
      <c r="GZ24" s="114">
        <v>0</v>
      </c>
      <c r="HA24" s="114">
        <v>0</v>
      </c>
      <c r="HB24" s="112">
        <v>1863484</v>
      </c>
      <c r="HC24" s="116">
        <v>2494865</v>
      </c>
      <c r="HD24" s="110">
        <v>902823</v>
      </c>
      <c r="HE24" s="114">
        <v>1246159</v>
      </c>
      <c r="HF24" s="112">
        <v>2148982</v>
      </c>
      <c r="HG24" s="111">
        <v>0</v>
      </c>
      <c r="HH24" s="114">
        <v>11546659</v>
      </c>
      <c r="HI24" s="114">
        <v>10381443</v>
      </c>
      <c r="HJ24" s="114">
        <v>10279218</v>
      </c>
      <c r="HK24" s="114">
        <v>11688792</v>
      </c>
      <c r="HL24" s="114">
        <v>8178167</v>
      </c>
      <c r="HM24" s="113">
        <v>52074279</v>
      </c>
      <c r="HN24" s="109">
        <v>54223261</v>
      </c>
      <c r="HO24" s="115">
        <v>738578</v>
      </c>
      <c r="HP24" s="114">
        <v>1286410</v>
      </c>
      <c r="HQ24" s="113">
        <v>2024988</v>
      </c>
      <c r="HR24" s="110">
        <v>0</v>
      </c>
      <c r="HS24" s="114">
        <v>10230128</v>
      </c>
      <c r="HT24" s="114">
        <v>8286308</v>
      </c>
      <c r="HU24" s="114">
        <v>5362964</v>
      </c>
      <c r="HV24" s="114">
        <v>3103622</v>
      </c>
      <c r="HW24" s="114">
        <v>2360651</v>
      </c>
      <c r="HX24" s="112">
        <v>29343673</v>
      </c>
      <c r="HY24" s="116">
        <v>31368661</v>
      </c>
      <c r="HZ24" s="150">
        <v>50094</v>
      </c>
      <c r="IA24" s="135">
        <v>464430</v>
      </c>
      <c r="IB24" s="150">
        <v>514524</v>
      </c>
      <c r="IC24" s="134">
        <v>0</v>
      </c>
      <c r="ID24" s="135">
        <v>15238416</v>
      </c>
      <c r="IE24" s="136">
        <v>22784532</v>
      </c>
      <c r="IF24" s="137">
        <v>22379668</v>
      </c>
      <c r="IG24" s="135">
        <v>13229284</v>
      </c>
      <c r="IH24" s="137">
        <v>14701514</v>
      </c>
      <c r="II24" s="138">
        <v>88333414</v>
      </c>
      <c r="IJ24" s="150">
        <v>88847938</v>
      </c>
      <c r="IK24" s="232">
        <v>0</v>
      </c>
      <c r="IL24" s="236">
        <v>0</v>
      </c>
      <c r="IM24" s="237">
        <v>0</v>
      </c>
      <c r="IN24" s="140"/>
      <c r="IO24" s="119">
        <v>1152520</v>
      </c>
      <c r="IP24" s="119">
        <v>952197</v>
      </c>
      <c r="IQ24" s="119">
        <v>344483</v>
      </c>
      <c r="IR24" s="119">
        <v>813296</v>
      </c>
      <c r="IS24" s="119">
        <v>1380773</v>
      </c>
      <c r="IT24" s="141">
        <v>4643269</v>
      </c>
      <c r="IU24" s="320">
        <v>4643269</v>
      </c>
      <c r="IV24" s="142">
        <v>0</v>
      </c>
      <c r="IW24" s="119">
        <v>0</v>
      </c>
      <c r="IX24" s="120">
        <v>0</v>
      </c>
      <c r="IY24" s="144"/>
      <c r="IZ24" s="119">
        <v>11218</v>
      </c>
      <c r="JA24" s="119">
        <v>33654</v>
      </c>
      <c r="JB24" s="119">
        <v>33654</v>
      </c>
      <c r="JC24" s="119">
        <v>70664</v>
      </c>
      <c r="JD24" s="119">
        <v>0</v>
      </c>
      <c r="JE24" s="120">
        <v>149190</v>
      </c>
      <c r="JF24" s="121">
        <v>149190</v>
      </c>
      <c r="JG24" s="142">
        <v>0</v>
      </c>
      <c r="JH24" s="119">
        <v>0</v>
      </c>
      <c r="JI24" s="141">
        <v>0</v>
      </c>
      <c r="JJ24" s="118">
        <v>0</v>
      </c>
      <c r="JK24" s="119">
        <v>6655753</v>
      </c>
      <c r="JL24" s="119">
        <v>7010955</v>
      </c>
      <c r="JM24" s="119">
        <v>4388180</v>
      </c>
      <c r="JN24" s="119">
        <v>1305657</v>
      </c>
      <c r="JO24" s="119">
        <v>1327505</v>
      </c>
      <c r="JP24" s="120">
        <v>20688050</v>
      </c>
      <c r="JQ24" s="320">
        <v>20688050</v>
      </c>
      <c r="JR24" s="142">
        <v>0</v>
      </c>
      <c r="JS24" s="119">
        <v>0</v>
      </c>
      <c r="JT24" s="141">
        <v>0</v>
      </c>
      <c r="JU24" s="118">
        <v>0</v>
      </c>
      <c r="JV24" s="119">
        <v>975827</v>
      </c>
      <c r="JW24" s="119">
        <v>2459847</v>
      </c>
      <c r="JX24" s="119">
        <v>2503557</v>
      </c>
      <c r="JY24" s="119">
        <v>380947</v>
      </c>
      <c r="JZ24" s="119">
        <v>552509</v>
      </c>
      <c r="KA24" s="120">
        <v>6872687</v>
      </c>
      <c r="KB24" s="320">
        <v>6872687</v>
      </c>
      <c r="KC24" s="234">
        <v>50094</v>
      </c>
      <c r="KD24" s="230">
        <v>248050</v>
      </c>
      <c r="KE24" s="120">
        <v>298144</v>
      </c>
      <c r="KF24" s="118">
        <v>0</v>
      </c>
      <c r="KG24" s="119">
        <v>2582926</v>
      </c>
      <c r="KH24" s="119">
        <v>6149575</v>
      </c>
      <c r="KI24" s="119">
        <v>7049996</v>
      </c>
      <c r="KJ24" s="119">
        <v>4673290</v>
      </c>
      <c r="KK24" s="119">
        <v>3587012</v>
      </c>
      <c r="KL24" s="120">
        <v>24042799</v>
      </c>
      <c r="KM24" s="143">
        <v>24340943</v>
      </c>
      <c r="KN24" s="232">
        <v>0</v>
      </c>
      <c r="KO24" s="236">
        <v>216380</v>
      </c>
      <c r="KP24" s="237">
        <v>216380</v>
      </c>
      <c r="KQ24" s="140"/>
      <c r="KR24" s="119">
        <v>3468524</v>
      </c>
      <c r="KS24" s="119">
        <v>5700801</v>
      </c>
      <c r="KT24" s="119">
        <v>8059798</v>
      </c>
      <c r="KU24" s="119">
        <v>4855391</v>
      </c>
      <c r="KV24" s="119">
        <v>4202405</v>
      </c>
      <c r="KW24" s="120">
        <v>26286919</v>
      </c>
      <c r="KX24" s="320">
        <v>26503299</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391648</v>
      </c>
      <c r="LZ24" s="119">
        <v>477503</v>
      </c>
      <c r="MA24" s="119">
        <v>0</v>
      </c>
      <c r="MB24" s="119">
        <v>1130039</v>
      </c>
      <c r="MC24" s="119">
        <v>3651310</v>
      </c>
      <c r="MD24" s="120">
        <v>5650500</v>
      </c>
      <c r="ME24" s="121">
        <v>5650500</v>
      </c>
      <c r="MF24" s="142">
        <v>0</v>
      </c>
      <c r="MG24" s="119">
        <v>0</v>
      </c>
      <c r="MH24" s="120">
        <v>0</v>
      </c>
      <c r="MI24" s="145"/>
      <c r="MJ24" s="119">
        <v>5098991</v>
      </c>
      <c r="MK24" s="119">
        <v>16128940</v>
      </c>
      <c r="ML24" s="119">
        <v>49500939</v>
      </c>
      <c r="MM24" s="119">
        <v>60130958</v>
      </c>
      <c r="MN24" s="119">
        <v>39462798</v>
      </c>
      <c r="MO24" s="120">
        <v>170322626</v>
      </c>
      <c r="MP24" s="143">
        <v>170322626</v>
      </c>
      <c r="MQ24" s="142">
        <v>0</v>
      </c>
      <c r="MR24" s="119">
        <v>0</v>
      </c>
      <c r="MS24" s="120">
        <v>0</v>
      </c>
      <c r="MT24" s="145"/>
      <c r="MU24" s="119">
        <v>0</v>
      </c>
      <c r="MV24" s="119">
        <v>1931019</v>
      </c>
      <c r="MW24" s="119">
        <v>28195014</v>
      </c>
      <c r="MX24" s="119">
        <v>42091681</v>
      </c>
      <c r="MY24" s="119">
        <v>26340522</v>
      </c>
      <c r="MZ24" s="120">
        <v>98558236</v>
      </c>
      <c r="NA24" s="143">
        <v>98558236</v>
      </c>
      <c r="NB24" s="142">
        <v>0</v>
      </c>
      <c r="NC24" s="119">
        <v>0</v>
      </c>
      <c r="ND24" s="120">
        <v>0</v>
      </c>
      <c r="NE24" s="145"/>
      <c r="NF24" s="119">
        <v>5098991</v>
      </c>
      <c r="NG24" s="119">
        <v>14197921</v>
      </c>
      <c r="NH24" s="119">
        <v>21305925</v>
      </c>
      <c r="NI24" s="119">
        <v>17113273</v>
      </c>
      <c r="NJ24" s="119">
        <v>10862770</v>
      </c>
      <c r="NK24" s="120">
        <v>68578880</v>
      </c>
      <c r="NL24" s="320">
        <v>68578880</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926004</v>
      </c>
      <c r="OF24" s="119">
        <v>2259506</v>
      </c>
      <c r="OG24" s="120">
        <v>3185510</v>
      </c>
      <c r="OH24" s="121">
        <v>3185510</v>
      </c>
      <c r="OI24" s="142">
        <v>4464795</v>
      </c>
      <c r="OJ24" s="119">
        <v>8775307</v>
      </c>
      <c r="OK24" s="141">
        <v>13240102</v>
      </c>
      <c r="OL24" s="118">
        <v>0</v>
      </c>
      <c r="OM24" s="119">
        <v>81290508</v>
      </c>
      <c r="ON24" s="119">
        <v>107110818</v>
      </c>
      <c r="OO24" s="119">
        <v>129140192</v>
      </c>
      <c r="OP24" s="119">
        <v>119794450</v>
      </c>
      <c r="OQ24" s="119">
        <v>93861593</v>
      </c>
      <c r="OR24" s="120">
        <v>531197561</v>
      </c>
      <c r="OS24" s="143">
        <v>544437663</v>
      </c>
    </row>
    <row r="25" spans="2:409" ht="18.75" customHeight="1" x14ac:dyDescent="0.2">
      <c r="B25" s="62" t="s">
        <v>20</v>
      </c>
      <c r="C25" s="110">
        <v>5190178</v>
      </c>
      <c r="D25" s="114">
        <v>12261175</v>
      </c>
      <c r="E25" s="113">
        <v>17451353</v>
      </c>
      <c r="F25" s="110">
        <v>0</v>
      </c>
      <c r="G25" s="114">
        <v>83721201</v>
      </c>
      <c r="H25" s="114">
        <v>74107633</v>
      </c>
      <c r="I25" s="114">
        <v>75433598</v>
      </c>
      <c r="J25" s="114">
        <v>64381162</v>
      </c>
      <c r="K25" s="114">
        <v>41908082</v>
      </c>
      <c r="L25" s="173">
        <v>339551676</v>
      </c>
      <c r="M25" s="116">
        <v>357003029</v>
      </c>
      <c r="N25" s="110">
        <v>1427223</v>
      </c>
      <c r="O25" s="114">
        <v>3854295</v>
      </c>
      <c r="P25" s="113">
        <v>5281518</v>
      </c>
      <c r="Q25" s="110">
        <v>0</v>
      </c>
      <c r="R25" s="114">
        <v>23776342</v>
      </c>
      <c r="S25" s="114">
        <v>22058472</v>
      </c>
      <c r="T25" s="114">
        <v>23593447</v>
      </c>
      <c r="U25" s="114">
        <v>22238213</v>
      </c>
      <c r="V25" s="114">
        <v>20359960</v>
      </c>
      <c r="W25" s="113">
        <v>112026434</v>
      </c>
      <c r="X25" s="116">
        <v>117307952</v>
      </c>
      <c r="Y25" s="110">
        <v>0</v>
      </c>
      <c r="Z25" s="114">
        <v>0</v>
      </c>
      <c r="AA25" s="113">
        <v>0</v>
      </c>
      <c r="AB25" s="110">
        <v>0</v>
      </c>
      <c r="AC25" s="114">
        <v>9378350</v>
      </c>
      <c r="AD25" s="114">
        <v>9140483</v>
      </c>
      <c r="AE25" s="114">
        <v>13170799</v>
      </c>
      <c r="AF25" s="114">
        <v>12648775</v>
      </c>
      <c r="AG25" s="114">
        <v>11197879</v>
      </c>
      <c r="AH25" s="113">
        <v>55536286</v>
      </c>
      <c r="AI25" s="116">
        <v>55536286</v>
      </c>
      <c r="AJ25" s="110">
        <v>0</v>
      </c>
      <c r="AK25" s="114">
        <v>0</v>
      </c>
      <c r="AL25" s="113">
        <v>0</v>
      </c>
      <c r="AM25" s="110">
        <v>0</v>
      </c>
      <c r="AN25" s="114">
        <v>0</v>
      </c>
      <c r="AO25" s="114">
        <v>242401</v>
      </c>
      <c r="AP25" s="114">
        <v>638810</v>
      </c>
      <c r="AQ25" s="114">
        <v>1290201</v>
      </c>
      <c r="AR25" s="114">
        <v>3177299</v>
      </c>
      <c r="AS25" s="113">
        <v>5348711</v>
      </c>
      <c r="AT25" s="116">
        <v>5348711</v>
      </c>
      <c r="AU25" s="110">
        <v>835464</v>
      </c>
      <c r="AV25" s="114">
        <v>2295504</v>
      </c>
      <c r="AW25" s="113">
        <v>3130968</v>
      </c>
      <c r="AX25" s="110">
        <v>0</v>
      </c>
      <c r="AY25" s="114">
        <v>9269004</v>
      </c>
      <c r="AZ25" s="114">
        <v>8113351</v>
      </c>
      <c r="BA25" s="114">
        <v>5282022</v>
      </c>
      <c r="BB25" s="114">
        <v>4063656</v>
      </c>
      <c r="BC25" s="114">
        <v>3662375</v>
      </c>
      <c r="BD25" s="113">
        <v>30390408</v>
      </c>
      <c r="BE25" s="116">
        <v>33521376</v>
      </c>
      <c r="BF25" s="110">
        <v>234767</v>
      </c>
      <c r="BG25" s="114">
        <v>994948</v>
      </c>
      <c r="BH25" s="112">
        <v>1229715</v>
      </c>
      <c r="BI25" s="111">
        <v>0</v>
      </c>
      <c r="BJ25" s="114">
        <v>1895099</v>
      </c>
      <c r="BK25" s="114">
        <v>1594406</v>
      </c>
      <c r="BL25" s="114">
        <v>1132682</v>
      </c>
      <c r="BM25" s="114">
        <v>1207218</v>
      </c>
      <c r="BN25" s="114">
        <v>405965</v>
      </c>
      <c r="BO25" s="113">
        <v>6235370</v>
      </c>
      <c r="BP25" s="116">
        <v>7465085</v>
      </c>
      <c r="BQ25" s="110">
        <v>356992</v>
      </c>
      <c r="BR25" s="114">
        <v>563843</v>
      </c>
      <c r="BS25" s="113">
        <v>920835</v>
      </c>
      <c r="BT25" s="110">
        <v>0</v>
      </c>
      <c r="BU25" s="114">
        <v>3233889</v>
      </c>
      <c r="BV25" s="114">
        <v>2967831</v>
      </c>
      <c r="BW25" s="114">
        <v>3369134</v>
      </c>
      <c r="BX25" s="114">
        <v>3028363</v>
      </c>
      <c r="BY25" s="114">
        <v>1916442</v>
      </c>
      <c r="BZ25" s="113">
        <v>14515659</v>
      </c>
      <c r="CA25" s="116">
        <v>15436494</v>
      </c>
      <c r="CB25" s="110">
        <v>391352</v>
      </c>
      <c r="CC25" s="114">
        <v>1749971</v>
      </c>
      <c r="CD25" s="113">
        <v>2141323</v>
      </c>
      <c r="CE25" s="110">
        <v>0</v>
      </c>
      <c r="CF25" s="114">
        <v>25681722</v>
      </c>
      <c r="CG25" s="114">
        <v>21212492</v>
      </c>
      <c r="CH25" s="114">
        <v>18490392</v>
      </c>
      <c r="CI25" s="114">
        <v>11290581</v>
      </c>
      <c r="CJ25" s="114">
        <v>4914758</v>
      </c>
      <c r="CK25" s="113">
        <v>81589945</v>
      </c>
      <c r="CL25" s="116">
        <v>83731268</v>
      </c>
      <c r="CM25" s="110">
        <v>0</v>
      </c>
      <c r="CN25" s="114">
        <v>0</v>
      </c>
      <c r="CO25" s="113">
        <v>0</v>
      </c>
      <c r="CP25" s="111">
        <v>0</v>
      </c>
      <c r="CQ25" s="114">
        <v>17113137</v>
      </c>
      <c r="CR25" s="114">
        <v>13760846</v>
      </c>
      <c r="CS25" s="114">
        <v>12978667</v>
      </c>
      <c r="CT25" s="114">
        <v>7569561</v>
      </c>
      <c r="CU25" s="114">
        <v>3722401</v>
      </c>
      <c r="CV25" s="113">
        <v>55144612</v>
      </c>
      <c r="CW25" s="116">
        <v>55144612</v>
      </c>
      <c r="CX25" s="110">
        <v>391352</v>
      </c>
      <c r="CY25" s="114">
        <v>1749971</v>
      </c>
      <c r="CZ25" s="113">
        <v>2141323</v>
      </c>
      <c r="DA25" s="110">
        <v>0</v>
      </c>
      <c r="DB25" s="114">
        <v>8568585</v>
      </c>
      <c r="DC25" s="114">
        <v>7451646</v>
      </c>
      <c r="DD25" s="114">
        <v>5511725</v>
      </c>
      <c r="DE25" s="114">
        <v>3721020</v>
      </c>
      <c r="DF25" s="114">
        <v>1192357</v>
      </c>
      <c r="DG25" s="113">
        <v>26445333</v>
      </c>
      <c r="DH25" s="116">
        <v>28586656</v>
      </c>
      <c r="DI25" s="110">
        <v>53305</v>
      </c>
      <c r="DJ25" s="114">
        <v>89007</v>
      </c>
      <c r="DK25" s="112">
        <v>142312</v>
      </c>
      <c r="DL25" s="111">
        <v>0</v>
      </c>
      <c r="DM25" s="114">
        <v>3612208</v>
      </c>
      <c r="DN25" s="114">
        <v>3850272</v>
      </c>
      <c r="DO25" s="114">
        <v>9981129</v>
      </c>
      <c r="DP25" s="114">
        <v>6786870</v>
      </c>
      <c r="DQ25" s="114">
        <v>3309746</v>
      </c>
      <c r="DR25" s="113">
        <v>27540225</v>
      </c>
      <c r="DS25" s="116">
        <v>27682537</v>
      </c>
      <c r="DT25" s="110">
        <v>53305</v>
      </c>
      <c r="DU25" s="114">
        <v>89007</v>
      </c>
      <c r="DV25" s="113">
        <v>142312</v>
      </c>
      <c r="DW25" s="110">
        <v>0</v>
      </c>
      <c r="DX25" s="114">
        <v>3464287</v>
      </c>
      <c r="DY25" s="114">
        <v>3572745</v>
      </c>
      <c r="DZ25" s="114">
        <v>9165842</v>
      </c>
      <c r="EA25" s="114">
        <v>5995719</v>
      </c>
      <c r="EB25" s="114">
        <v>2864098</v>
      </c>
      <c r="EC25" s="113">
        <v>25062691</v>
      </c>
      <c r="ED25" s="116">
        <v>25205003</v>
      </c>
      <c r="EE25" s="110">
        <v>0</v>
      </c>
      <c r="EF25" s="112">
        <v>0</v>
      </c>
      <c r="EG25" s="113">
        <v>0</v>
      </c>
      <c r="EH25" s="110">
        <v>0</v>
      </c>
      <c r="EI25" s="114">
        <v>147921</v>
      </c>
      <c r="EJ25" s="114">
        <v>277527</v>
      </c>
      <c r="EK25" s="114">
        <v>815287</v>
      </c>
      <c r="EL25" s="114">
        <v>791151</v>
      </c>
      <c r="EM25" s="114">
        <v>445648</v>
      </c>
      <c r="EN25" s="112">
        <v>2477534</v>
      </c>
      <c r="EO25" s="116">
        <v>2477534</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1847966</v>
      </c>
      <c r="FM25" s="114">
        <v>2393699</v>
      </c>
      <c r="FN25" s="113">
        <v>4241665</v>
      </c>
      <c r="FO25" s="110">
        <v>0</v>
      </c>
      <c r="FP25" s="114">
        <v>6097270</v>
      </c>
      <c r="FQ25" s="114">
        <v>6450604</v>
      </c>
      <c r="FR25" s="114">
        <v>5748895</v>
      </c>
      <c r="FS25" s="114">
        <v>4334708</v>
      </c>
      <c r="FT25" s="114">
        <v>3269672</v>
      </c>
      <c r="FU25" s="113">
        <v>25901149</v>
      </c>
      <c r="FV25" s="116">
        <v>30142814</v>
      </c>
      <c r="FW25" s="115">
        <v>667847</v>
      </c>
      <c r="FX25" s="114">
        <v>1834139</v>
      </c>
      <c r="FY25" s="112">
        <v>2501986</v>
      </c>
      <c r="FZ25" s="111">
        <v>0</v>
      </c>
      <c r="GA25" s="114">
        <v>4644420</v>
      </c>
      <c r="GB25" s="114">
        <v>5953984</v>
      </c>
      <c r="GC25" s="114">
        <v>5399873</v>
      </c>
      <c r="GD25" s="114">
        <v>4313324</v>
      </c>
      <c r="GE25" s="114">
        <v>3089672</v>
      </c>
      <c r="GF25" s="113">
        <v>23401273</v>
      </c>
      <c r="GG25" s="318">
        <v>25903259</v>
      </c>
      <c r="GH25" s="115">
        <v>67419</v>
      </c>
      <c r="GI25" s="114">
        <v>103970</v>
      </c>
      <c r="GJ25" s="112">
        <v>171389</v>
      </c>
      <c r="GK25" s="111">
        <v>0</v>
      </c>
      <c r="GL25" s="114">
        <v>174488</v>
      </c>
      <c r="GM25" s="114">
        <v>190620</v>
      </c>
      <c r="GN25" s="114">
        <v>102430</v>
      </c>
      <c r="GO25" s="114">
        <v>21384</v>
      </c>
      <c r="GP25" s="114">
        <v>0</v>
      </c>
      <c r="GQ25" s="113">
        <v>488922</v>
      </c>
      <c r="GR25" s="116">
        <v>660311</v>
      </c>
      <c r="GS25" s="110">
        <v>1112700</v>
      </c>
      <c r="GT25" s="114">
        <v>455590</v>
      </c>
      <c r="GU25" s="113">
        <v>1568290</v>
      </c>
      <c r="GV25" s="110">
        <v>0</v>
      </c>
      <c r="GW25" s="114">
        <v>1278362</v>
      </c>
      <c r="GX25" s="114">
        <v>306000</v>
      </c>
      <c r="GY25" s="114">
        <v>246592</v>
      </c>
      <c r="GZ25" s="114">
        <v>0</v>
      </c>
      <c r="HA25" s="114">
        <v>180000</v>
      </c>
      <c r="HB25" s="112">
        <v>2010954</v>
      </c>
      <c r="HC25" s="116">
        <v>3579244</v>
      </c>
      <c r="HD25" s="110">
        <v>655292</v>
      </c>
      <c r="HE25" s="114">
        <v>2250218</v>
      </c>
      <c r="HF25" s="112">
        <v>2905510</v>
      </c>
      <c r="HG25" s="111">
        <v>0</v>
      </c>
      <c r="HH25" s="114">
        <v>11193323</v>
      </c>
      <c r="HI25" s="114">
        <v>12345094</v>
      </c>
      <c r="HJ25" s="114">
        <v>10780782</v>
      </c>
      <c r="HK25" s="114">
        <v>15341736</v>
      </c>
      <c r="HL25" s="114">
        <v>7804182</v>
      </c>
      <c r="HM25" s="113">
        <v>57465117</v>
      </c>
      <c r="HN25" s="109">
        <v>60370627</v>
      </c>
      <c r="HO25" s="115">
        <v>815040</v>
      </c>
      <c r="HP25" s="114">
        <v>1923985</v>
      </c>
      <c r="HQ25" s="113">
        <v>2739025</v>
      </c>
      <c r="HR25" s="110">
        <v>0</v>
      </c>
      <c r="HS25" s="114">
        <v>13360336</v>
      </c>
      <c r="HT25" s="114">
        <v>8190699</v>
      </c>
      <c r="HU25" s="114">
        <v>6838953</v>
      </c>
      <c r="HV25" s="114">
        <v>4389054</v>
      </c>
      <c r="HW25" s="114">
        <v>2249764</v>
      </c>
      <c r="HX25" s="112">
        <v>35028806</v>
      </c>
      <c r="HY25" s="116">
        <v>37767831</v>
      </c>
      <c r="HZ25" s="131">
        <v>41234</v>
      </c>
      <c r="IA25" s="132">
        <v>82488</v>
      </c>
      <c r="IB25" s="133">
        <v>123722</v>
      </c>
      <c r="IC25" s="146">
        <v>0</v>
      </c>
      <c r="ID25" s="132">
        <v>14527352</v>
      </c>
      <c r="IE25" s="147">
        <v>9665365</v>
      </c>
      <c r="IF25" s="133">
        <v>16909910</v>
      </c>
      <c r="IG25" s="132">
        <v>9213583</v>
      </c>
      <c r="IH25" s="133">
        <v>4476352</v>
      </c>
      <c r="II25" s="148">
        <v>54792562</v>
      </c>
      <c r="IJ25" s="139">
        <v>54916284</v>
      </c>
      <c r="IK25" s="232">
        <v>0</v>
      </c>
      <c r="IL25" s="236">
        <v>0</v>
      </c>
      <c r="IM25" s="237">
        <v>0</v>
      </c>
      <c r="IN25" s="140"/>
      <c r="IO25" s="119">
        <v>86634</v>
      </c>
      <c r="IP25" s="119">
        <v>0</v>
      </c>
      <c r="IQ25" s="119">
        <v>0</v>
      </c>
      <c r="IR25" s="119">
        <v>0</v>
      </c>
      <c r="IS25" s="119">
        <v>0</v>
      </c>
      <c r="IT25" s="141">
        <v>86634</v>
      </c>
      <c r="IU25" s="320">
        <v>86634</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7441239</v>
      </c>
      <c r="JL25" s="119">
        <v>1764763</v>
      </c>
      <c r="JM25" s="119">
        <v>4979458</v>
      </c>
      <c r="JN25" s="119">
        <v>3011515</v>
      </c>
      <c r="JO25" s="119">
        <v>636701</v>
      </c>
      <c r="JP25" s="120">
        <v>17833676</v>
      </c>
      <c r="JQ25" s="320">
        <v>17833676</v>
      </c>
      <c r="JR25" s="142">
        <v>0</v>
      </c>
      <c r="JS25" s="119">
        <v>0</v>
      </c>
      <c r="JT25" s="141">
        <v>0</v>
      </c>
      <c r="JU25" s="118">
        <v>0</v>
      </c>
      <c r="JV25" s="119">
        <v>0</v>
      </c>
      <c r="JW25" s="119">
        <v>180095</v>
      </c>
      <c r="JX25" s="119">
        <v>587904</v>
      </c>
      <c r="JY25" s="119">
        <v>0</v>
      </c>
      <c r="JZ25" s="119">
        <v>131121</v>
      </c>
      <c r="KA25" s="120">
        <v>899120</v>
      </c>
      <c r="KB25" s="320">
        <v>899120</v>
      </c>
      <c r="KC25" s="234">
        <v>41234</v>
      </c>
      <c r="KD25" s="230">
        <v>82488</v>
      </c>
      <c r="KE25" s="120">
        <v>123722</v>
      </c>
      <c r="KF25" s="118">
        <v>0</v>
      </c>
      <c r="KG25" s="119">
        <v>1010565</v>
      </c>
      <c r="KH25" s="119">
        <v>1203624</v>
      </c>
      <c r="KI25" s="119">
        <v>2254297</v>
      </c>
      <c r="KJ25" s="119">
        <v>278222</v>
      </c>
      <c r="KK25" s="119">
        <v>0</v>
      </c>
      <c r="KL25" s="120">
        <v>4746708</v>
      </c>
      <c r="KM25" s="143">
        <v>4870430</v>
      </c>
      <c r="KN25" s="232">
        <v>0</v>
      </c>
      <c r="KO25" s="236">
        <v>0</v>
      </c>
      <c r="KP25" s="237">
        <v>0</v>
      </c>
      <c r="KQ25" s="140"/>
      <c r="KR25" s="119">
        <v>5988914</v>
      </c>
      <c r="KS25" s="119">
        <v>6516883</v>
      </c>
      <c r="KT25" s="119">
        <v>9088251</v>
      </c>
      <c r="KU25" s="119">
        <v>5923846</v>
      </c>
      <c r="KV25" s="119">
        <v>3708530</v>
      </c>
      <c r="KW25" s="120">
        <v>31226424</v>
      </c>
      <c r="KX25" s="320">
        <v>31226424</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5703611</v>
      </c>
      <c r="MK25" s="119">
        <v>16222511</v>
      </c>
      <c r="ML25" s="119">
        <v>51674564</v>
      </c>
      <c r="MM25" s="119">
        <v>73522522</v>
      </c>
      <c r="MN25" s="119">
        <v>39131093</v>
      </c>
      <c r="MO25" s="120">
        <v>186254301</v>
      </c>
      <c r="MP25" s="143">
        <v>186254301</v>
      </c>
      <c r="MQ25" s="142">
        <v>0</v>
      </c>
      <c r="MR25" s="119">
        <v>0</v>
      </c>
      <c r="MS25" s="120">
        <v>0</v>
      </c>
      <c r="MT25" s="145"/>
      <c r="MU25" s="119">
        <v>667034</v>
      </c>
      <c r="MV25" s="119">
        <v>5664544</v>
      </c>
      <c r="MW25" s="119">
        <v>38229436</v>
      </c>
      <c r="MX25" s="119">
        <v>56909218</v>
      </c>
      <c r="MY25" s="119">
        <v>31067267</v>
      </c>
      <c r="MZ25" s="120">
        <v>132537499</v>
      </c>
      <c r="NA25" s="143">
        <v>132537499</v>
      </c>
      <c r="NB25" s="142">
        <v>0</v>
      </c>
      <c r="NC25" s="119">
        <v>0</v>
      </c>
      <c r="ND25" s="120">
        <v>0</v>
      </c>
      <c r="NE25" s="145"/>
      <c r="NF25" s="119">
        <v>5036577</v>
      </c>
      <c r="NG25" s="119">
        <v>10557967</v>
      </c>
      <c r="NH25" s="119">
        <v>13219557</v>
      </c>
      <c r="NI25" s="119">
        <v>15854586</v>
      </c>
      <c r="NJ25" s="119">
        <v>6213284</v>
      </c>
      <c r="NK25" s="120">
        <v>50881971</v>
      </c>
      <c r="NL25" s="320">
        <v>50881971</v>
      </c>
      <c r="NM25" s="142">
        <v>0</v>
      </c>
      <c r="NN25" s="119">
        <v>0</v>
      </c>
      <c r="NO25" s="120">
        <v>0</v>
      </c>
      <c r="NP25" s="145"/>
      <c r="NQ25" s="119">
        <v>0</v>
      </c>
      <c r="NR25" s="119">
        <v>0</v>
      </c>
      <c r="NS25" s="119">
        <v>0</v>
      </c>
      <c r="NT25" s="119">
        <v>358632</v>
      </c>
      <c r="NU25" s="119">
        <v>350051</v>
      </c>
      <c r="NV25" s="120">
        <v>708683</v>
      </c>
      <c r="NW25" s="121">
        <v>708683</v>
      </c>
      <c r="NX25" s="142">
        <v>0</v>
      </c>
      <c r="NY25" s="119">
        <v>0</v>
      </c>
      <c r="NZ25" s="120">
        <v>0</v>
      </c>
      <c r="OA25" s="145"/>
      <c r="OB25" s="119">
        <v>0</v>
      </c>
      <c r="OC25" s="119">
        <v>0</v>
      </c>
      <c r="OD25" s="119">
        <v>225571</v>
      </c>
      <c r="OE25" s="119">
        <v>400086</v>
      </c>
      <c r="OF25" s="119">
        <v>1500491</v>
      </c>
      <c r="OG25" s="120">
        <v>2126148</v>
      </c>
      <c r="OH25" s="121">
        <v>2126148</v>
      </c>
      <c r="OI25" s="142">
        <v>5231412</v>
      </c>
      <c r="OJ25" s="119">
        <v>12343663</v>
      </c>
      <c r="OK25" s="141">
        <v>17575075</v>
      </c>
      <c r="OL25" s="118">
        <v>0</v>
      </c>
      <c r="OM25" s="119">
        <v>103952164</v>
      </c>
      <c r="ON25" s="119">
        <v>99995509</v>
      </c>
      <c r="OO25" s="119">
        <v>144018072</v>
      </c>
      <c r="OP25" s="119">
        <v>147117267</v>
      </c>
      <c r="OQ25" s="119">
        <v>85515527</v>
      </c>
      <c r="OR25" s="120">
        <v>580598539</v>
      </c>
      <c r="OS25" s="143">
        <v>598173614</v>
      </c>
    </row>
    <row r="26" spans="2:409" ht="18.75" customHeight="1" x14ac:dyDescent="0.2">
      <c r="B26" s="62" t="s">
        <v>21</v>
      </c>
      <c r="C26" s="110">
        <v>6187607</v>
      </c>
      <c r="D26" s="114">
        <v>11911842</v>
      </c>
      <c r="E26" s="113">
        <v>18099449</v>
      </c>
      <c r="F26" s="109">
        <v>0</v>
      </c>
      <c r="G26" s="114">
        <v>60457848</v>
      </c>
      <c r="H26" s="114">
        <v>100184540</v>
      </c>
      <c r="I26" s="114">
        <v>90613955</v>
      </c>
      <c r="J26" s="114">
        <v>72180636</v>
      </c>
      <c r="K26" s="114">
        <v>55614971</v>
      </c>
      <c r="L26" s="173">
        <v>379051950</v>
      </c>
      <c r="M26" s="116">
        <v>397151399</v>
      </c>
      <c r="N26" s="110">
        <v>2031814</v>
      </c>
      <c r="O26" s="114">
        <v>3772499</v>
      </c>
      <c r="P26" s="113">
        <v>5804313</v>
      </c>
      <c r="Q26" s="110">
        <v>0</v>
      </c>
      <c r="R26" s="114">
        <v>18950907</v>
      </c>
      <c r="S26" s="114">
        <v>36505534</v>
      </c>
      <c r="T26" s="114">
        <v>31109089</v>
      </c>
      <c r="U26" s="114">
        <v>32607347</v>
      </c>
      <c r="V26" s="114">
        <v>26248826</v>
      </c>
      <c r="W26" s="113">
        <v>145421703</v>
      </c>
      <c r="X26" s="116">
        <v>151226016</v>
      </c>
      <c r="Y26" s="110">
        <v>0</v>
      </c>
      <c r="Z26" s="114">
        <v>0</v>
      </c>
      <c r="AA26" s="113">
        <v>0</v>
      </c>
      <c r="AB26" s="110">
        <v>0</v>
      </c>
      <c r="AC26" s="114">
        <v>8243082</v>
      </c>
      <c r="AD26" s="114">
        <v>18869091</v>
      </c>
      <c r="AE26" s="114">
        <v>18274754</v>
      </c>
      <c r="AF26" s="114">
        <v>20741507</v>
      </c>
      <c r="AG26" s="114">
        <v>16539108</v>
      </c>
      <c r="AH26" s="113">
        <v>82667542</v>
      </c>
      <c r="AI26" s="116">
        <v>82667542</v>
      </c>
      <c r="AJ26" s="110">
        <v>0</v>
      </c>
      <c r="AK26" s="114">
        <v>0</v>
      </c>
      <c r="AL26" s="113">
        <v>0</v>
      </c>
      <c r="AM26" s="110">
        <v>0</v>
      </c>
      <c r="AN26" s="114">
        <v>0</v>
      </c>
      <c r="AO26" s="114">
        <v>282902</v>
      </c>
      <c r="AP26" s="114">
        <v>1352998</v>
      </c>
      <c r="AQ26" s="114">
        <v>1945406</v>
      </c>
      <c r="AR26" s="114">
        <v>2588692</v>
      </c>
      <c r="AS26" s="113">
        <v>6169998</v>
      </c>
      <c r="AT26" s="116">
        <v>6169998</v>
      </c>
      <c r="AU26" s="110">
        <v>1148869</v>
      </c>
      <c r="AV26" s="114">
        <v>2231476</v>
      </c>
      <c r="AW26" s="113">
        <v>3380345</v>
      </c>
      <c r="AX26" s="110">
        <v>0</v>
      </c>
      <c r="AY26" s="114">
        <v>7320801</v>
      </c>
      <c r="AZ26" s="114">
        <v>11649267</v>
      </c>
      <c r="BA26" s="114">
        <v>6873360</v>
      </c>
      <c r="BB26" s="114">
        <v>6237660</v>
      </c>
      <c r="BC26" s="114">
        <v>4228830</v>
      </c>
      <c r="BD26" s="113">
        <v>36309918</v>
      </c>
      <c r="BE26" s="116">
        <v>39690263</v>
      </c>
      <c r="BF26" s="110">
        <v>339644</v>
      </c>
      <c r="BG26" s="114">
        <v>934040</v>
      </c>
      <c r="BH26" s="112">
        <v>1273684</v>
      </c>
      <c r="BI26" s="111">
        <v>0</v>
      </c>
      <c r="BJ26" s="114">
        <v>536427</v>
      </c>
      <c r="BK26" s="114">
        <v>1162249</v>
      </c>
      <c r="BL26" s="114">
        <v>634981</v>
      </c>
      <c r="BM26" s="114">
        <v>691146</v>
      </c>
      <c r="BN26" s="114">
        <v>164403</v>
      </c>
      <c r="BO26" s="113">
        <v>3189206</v>
      </c>
      <c r="BP26" s="116">
        <v>4462890</v>
      </c>
      <c r="BQ26" s="110">
        <v>543301</v>
      </c>
      <c r="BR26" s="114">
        <v>606983</v>
      </c>
      <c r="BS26" s="113">
        <v>1150284</v>
      </c>
      <c r="BT26" s="110">
        <v>0</v>
      </c>
      <c r="BU26" s="114">
        <v>2850597</v>
      </c>
      <c r="BV26" s="114">
        <v>4542025</v>
      </c>
      <c r="BW26" s="114">
        <v>3972996</v>
      </c>
      <c r="BX26" s="114">
        <v>2991628</v>
      </c>
      <c r="BY26" s="114">
        <v>2727793</v>
      </c>
      <c r="BZ26" s="113">
        <v>17085039</v>
      </c>
      <c r="CA26" s="116">
        <v>18235323</v>
      </c>
      <c r="CB26" s="110">
        <v>607904</v>
      </c>
      <c r="CC26" s="114">
        <v>1598453</v>
      </c>
      <c r="CD26" s="113">
        <v>2206357</v>
      </c>
      <c r="CE26" s="110">
        <v>0</v>
      </c>
      <c r="CF26" s="114">
        <v>17409665</v>
      </c>
      <c r="CG26" s="114">
        <v>25619147</v>
      </c>
      <c r="CH26" s="114">
        <v>19496343</v>
      </c>
      <c r="CI26" s="114">
        <v>10457703</v>
      </c>
      <c r="CJ26" s="114">
        <v>5580511</v>
      </c>
      <c r="CK26" s="113">
        <v>78563369</v>
      </c>
      <c r="CL26" s="116">
        <v>80769726</v>
      </c>
      <c r="CM26" s="110">
        <v>0</v>
      </c>
      <c r="CN26" s="114">
        <v>0</v>
      </c>
      <c r="CO26" s="113">
        <v>0</v>
      </c>
      <c r="CP26" s="111">
        <v>0</v>
      </c>
      <c r="CQ26" s="114">
        <v>15182800</v>
      </c>
      <c r="CR26" s="114">
        <v>21589906</v>
      </c>
      <c r="CS26" s="114">
        <v>16544036</v>
      </c>
      <c r="CT26" s="114">
        <v>9256297</v>
      </c>
      <c r="CU26" s="114">
        <v>4220760</v>
      </c>
      <c r="CV26" s="113">
        <v>66793799</v>
      </c>
      <c r="CW26" s="116">
        <v>66793799</v>
      </c>
      <c r="CX26" s="110">
        <v>607904</v>
      </c>
      <c r="CY26" s="114">
        <v>1598453</v>
      </c>
      <c r="CZ26" s="113">
        <v>2206357</v>
      </c>
      <c r="DA26" s="110">
        <v>0</v>
      </c>
      <c r="DB26" s="114">
        <v>2226865</v>
      </c>
      <c r="DC26" s="114">
        <v>4029241</v>
      </c>
      <c r="DD26" s="114">
        <v>2952307</v>
      </c>
      <c r="DE26" s="114">
        <v>1201406</v>
      </c>
      <c r="DF26" s="114">
        <v>1359751</v>
      </c>
      <c r="DG26" s="113">
        <v>11769570</v>
      </c>
      <c r="DH26" s="116">
        <v>13975927</v>
      </c>
      <c r="DI26" s="110">
        <v>35654</v>
      </c>
      <c r="DJ26" s="114">
        <v>69217</v>
      </c>
      <c r="DK26" s="112">
        <v>104871</v>
      </c>
      <c r="DL26" s="111">
        <v>0</v>
      </c>
      <c r="DM26" s="114">
        <v>1106656</v>
      </c>
      <c r="DN26" s="114">
        <v>2782185</v>
      </c>
      <c r="DO26" s="114">
        <v>10507392</v>
      </c>
      <c r="DP26" s="114">
        <v>8117365</v>
      </c>
      <c r="DQ26" s="114">
        <v>6099196</v>
      </c>
      <c r="DR26" s="113">
        <v>28612794</v>
      </c>
      <c r="DS26" s="116">
        <v>28717665</v>
      </c>
      <c r="DT26" s="110">
        <v>35654</v>
      </c>
      <c r="DU26" s="114">
        <v>69217</v>
      </c>
      <c r="DV26" s="113">
        <v>104871</v>
      </c>
      <c r="DW26" s="110">
        <v>0</v>
      </c>
      <c r="DX26" s="114">
        <v>1106656</v>
      </c>
      <c r="DY26" s="114">
        <v>2432931</v>
      </c>
      <c r="DZ26" s="114">
        <v>10378999</v>
      </c>
      <c r="EA26" s="114">
        <v>7879422</v>
      </c>
      <c r="EB26" s="114">
        <v>5930754</v>
      </c>
      <c r="EC26" s="113">
        <v>27728762</v>
      </c>
      <c r="ED26" s="116">
        <v>27833633</v>
      </c>
      <c r="EE26" s="110">
        <v>0</v>
      </c>
      <c r="EF26" s="112">
        <v>0</v>
      </c>
      <c r="EG26" s="113">
        <v>0</v>
      </c>
      <c r="EH26" s="110">
        <v>0</v>
      </c>
      <c r="EI26" s="114">
        <v>0</v>
      </c>
      <c r="EJ26" s="114">
        <v>349254</v>
      </c>
      <c r="EK26" s="114">
        <v>128393</v>
      </c>
      <c r="EL26" s="114">
        <v>237943</v>
      </c>
      <c r="EM26" s="114">
        <v>168442</v>
      </c>
      <c r="EN26" s="112">
        <v>884032</v>
      </c>
      <c r="EO26" s="116">
        <v>884032</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1454455</v>
      </c>
      <c r="FM26" s="114">
        <v>3010608</v>
      </c>
      <c r="FN26" s="113">
        <v>4465063</v>
      </c>
      <c r="FO26" s="110">
        <v>0</v>
      </c>
      <c r="FP26" s="114">
        <v>3296994</v>
      </c>
      <c r="FQ26" s="114">
        <v>8607877</v>
      </c>
      <c r="FR26" s="114">
        <v>6200789</v>
      </c>
      <c r="FS26" s="114">
        <v>5856179</v>
      </c>
      <c r="FT26" s="114">
        <v>3283839</v>
      </c>
      <c r="FU26" s="113">
        <v>27245678</v>
      </c>
      <c r="FV26" s="116">
        <v>31710741</v>
      </c>
      <c r="FW26" s="115">
        <v>719193</v>
      </c>
      <c r="FX26" s="114">
        <v>2323104</v>
      </c>
      <c r="FY26" s="112">
        <v>3042297</v>
      </c>
      <c r="FZ26" s="111">
        <v>0</v>
      </c>
      <c r="GA26" s="114">
        <v>2622341</v>
      </c>
      <c r="GB26" s="114">
        <v>8329687</v>
      </c>
      <c r="GC26" s="114">
        <v>5806434</v>
      </c>
      <c r="GD26" s="114">
        <v>5441739</v>
      </c>
      <c r="GE26" s="114">
        <v>3133970</v>
      </c>
      <c r="GF26" s="113">
        <v>25334171</v>
      </c>
      <c r="GG26" s="318">
        <v>28376468</v>
      </c>
      <c r="GH26" s="115">
        <v>99180</v>
      </c>
      <c r="GI26" s="114">
        <v>37854</v>
      </c>
      <c r="GJ26" s="112">
        <v>137034</v>
      </c>
      <c r="GK26" s="111">
        <v>0</v>
      </c>
      <c r="GL26" s="114">
        <v>166153</v>
      </c>
      <c r="GM26" s="114">
        <v>241110</v>
      </c>
      <c r="GN26" s="114">
        <v>182225</v>
      </c>
      <c r="GO26" s="114">
        <v>144840</v>
      </c>
      <c r="GP26" s="114">
        <v>121869</v>
      </c>
      <c r="GQ26" s="113">
        <v>856197</v>
      </c>
      <c r="GR26" s="116">
        <v>993231</v>
      </c>
      <c r="GS26" s="110">
        <v>636082</v>
      </c>
      <c r="GT26" s="114">
        <v>649650</v>
      </c>
      <c r="GU26" s="113">
        <v>1285732</v>
      </c>
      <c r="GV26" s="110">
        <v>0</v>
      </c>
      <c r="GW26" s="114">
        <v>508500</v>
      </c>
      <c r="GX26" s="114">
        <v>37080</v>
      </c>
      <c r="GY26" s="114">
        <v>212130</v>
      </c>
      <c r="GZ26" s="114">
        <v>269600</v>
      </c>
      <c r="HA26" s="114">
        <v>28000</v>
      </c>
      <c r="HB26" s="112">
        <v>1055310</v>
      </c>
      <c r="HC26" s="116">
        <v>2341042</v>
      </c>
      <c r="HD26" s="110">
        <v>977763</v>
      </c>
      <c r="HE26" s="114">
        <v>1539704</v>
      </c>
      <c r="HF26" s="112">
        <v>2517467</v>
      </c>
      <c r="HG26" s="111">
        <v>0</v>
      </c>
      <c r="HH26" s="114">
        <v>9184492</v>
      </c>
      <c r="HI26" s="114">
        <v>13929358</v>
      </c>
      <c r="HJ26" s="114">
        <v>14982743</v>
      </c>
      <c r="HK26" s="114">
        <v>9465899</v>
      </c>
      <c r="HL26" s="114">
        <v>11293600</v>
      </c>
      <c r="HM26" s="113">
        <v>58856092</v>
      </c>
      <c r="HN26" s="109">
        <v>61373559</v>
      </c>
      <c r="HO26" s="115">
        <v>1080017</v>
      </c>
      <c r="HP26" s="114">
        <v>1921361</v>
      </c>
      <c r="HQ26" s="113">
        <v>3001378</v>
      </c>
      <c r="HR26" s="110">
        <v>0</v>
      </c>
      <c r="HS26" s="114">
        <v>10509134</v>
      </c>
      <c r="HT26" s="114">
        <v>12740439</v>
      </c>
      <c r="HU26" s="114">
        <v>8317599</v>
      </c>
      <c r="HV26" s="114">
        <v>5676143</v>
      </c>
      <c r="HW26" s="114">
        <v>3108999</v>
      </c>
      <c r="HX26" s="112">
        <v>40352314</v>
      </c>
      <c r="HY26" s="116">
        <v>43353692</v>
      </c>
      <c r="HZ26" s="150">
        <v>0</v>
      </c>
      <c r="IA26" s="135">
        <v>0</v>
      </c>
      <c r="IB26" s="150">
        <v>0</v>
      </c>
      <c r="IC26" s="134">
        <v>0</v>
      </c>
      <c r="ID26" s="135">
        <v>12391211</v>
      </c>
      <c r="IE26" s="136">
        <v>22261529</v>
      </c>
      <c r="IF26" s="137">
        <v>19075515</v>
      </c>
      <c r="IG26" s="135">
        <v>10771627</v>
      </c>
      <c r="IH26" s="137">
        <v>8541478</v>
      </c>
      <c r="II26" s="138">
        <v>73041360</v>
      </c>
      <c r="IJ26" s="150">
        <v>73041360</v>
      </c>
      <c r="IK26" s="232">
        <v>0</v>
      </c>
      <c r="IL26" s="236">
        <v>0</v>
      </c>
      <c r="IM26" s="237">
        <v>0</v>
      </c>
      <c r="IN26" s="140"/>
      <c r="IO26" s="119">
        <v>86795</v>
      </c>
      <c r="IP26" s="119">
        <v>989707</v>
      </c>
      <c r="IQ26" s="119">
        <v>214055</v>
      </c>
      <c r="IR26" s="119">
        <v>691104</v>
      </c>
      <c r="IS26" s="119">
        <v>0</v>
      </c>
      <c r="IT26" s="141">
        <v>1981661</v>
      </c>
      <c r="IU26" s="320">
        <v>1981661</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6861256</v>
      </c>
      <c r="JL26" s="119">
        <v>10298721</v>
      </c>
      <c r="JM26" s="119">
        <v>5818778</v>
      </c>
      <c r="JN26" s="119">
        <v>2935276</v>
      </c>
      <c r="JO26" s="119">
        <v>1998781</v>
      </c>
      <c r="JP26" s="120">
        <v>27912812</v>
      </c>
      <c r="JQ26" s="320">
        <v>27912812</v>
      </c>
      <c r="JR26" s="142">
        <v>0</v>
      </c>
      <c r="JS26" s="119">
        <v>0</v>
      </c>
      <c r="JT26" s="141">
        <v>0</v>
      </c>
      <c r="JU26" s="118">
        <v>0</v>
      </c>
      <c r="JV26" s="119">
        <v>0</v>
      </c>
      <c r="JW26" s="119">
        <v>0</v>
      </c>
      <c r="JX26" s="119">
        <v>104237</v>
      </c>
      <c r="JY26" s="119">
        <v>0</v>
      </c>
      <c r="JZ26" s="119">
        <v>0</v>
      </c>
      <c r="KA26" s="120">
        <v>104237</v>
      </c>
      <c r="KB26" s="320">
        <v>104237</v>
      </c>
      <c r="KC26" s="234">
        <v>0</v>
      </c>
      <c r="KD26" s="230">
        <v>0</v>
      </c>
      <c r="KE26" s="120">
        <v>0</v>
      </c>
      <c r="KF26" s="118">
        <v>0</v>
      </c>
      <c r="KG26" s="119">
        <v>695688</v>
      </c>
      <c r="KH26" s="119">
        <v>1037311</v>
      </c>
      <c r="KI26" s="119">
        <v>3177223</v>
      </c>
      <c r="KJ26" s="119">
        <v>2950319</v>
      </c>
      <c r="KK26" s="119">
        <v>917224</v>
      </c>
      <c r="KL26" s="120">
        <v>8777765</v>
      </c>
      <c r="KM26" s="143">
        <v>8777765</v>
      </c>
      <c r="KN26" s="232">
        <v>0</v>
      </c>
      <c r="KO26" s="236">
        <v>0</v>
      </c>
      <c r="KP26" s="237">
        <v>0</v>
      </c>
      <c r="KQ26" s="140"/>
      <c r="KR26" s="119">
        <v>4462338</v>
      </c>
      <c r="KS26" s="119">
        <v>9545642</v>
      </c>
      <c r="KT26" s="119">
        <v>9544820</v>
      </c>
      <c r="KU26" s="119">
        <v>3890443</v>
      </c>
      <c r="KV26" s="119">
        <v>3217234</v>
      </c>
      <c r="KW26" s="120">
        <v>30660477</v>
      </c>
      <c r="KX26" s="320">
        <v>30660477</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285134</v>
      </c>
      <c r="LZ26" s="119">
        <v>390148</v>
      </c>
      <c r="MA26" s="119">
        <v>216402</v>
      </c>
      <c r="MB26" s="119">
        <v>304485</v>
      </c>
      <c r="MC26" s="119">
        <v>2408239</v>
      </c>
      <c r="MD26" s="120">
        <v>3604408</v>
      </c>
      <c r="ME26" s="121">
        <v>3604408</v>
      </c>
      <c r="MF26" s="142">
        <v>0</v>
      </c>
      <c r="MG26" s="119">
        <v>0</v>
      </c>
      <c r="MH26" s="120">
        <v>0</v>
      </c>
      <c r="MI26" s="145"/>
      <c r="MJ26" s="119">
        <v>5222325</v>
      </c>
      <c r="MK26" s="119">
        <v>10810974</v>
      </c>
      <c r="ML26" s="119">
        <v>57951598</v>
      </c>
      <c r="MM26" s="119">
        <v>65653390</v>
      </c>
      <c r="MN26" s="119">
        <v>51649844</v>
      </c>
      <c r="MO26" s="120">
        <v>191288131</v>
      </c>
      <c r="MP26" s="143">
        <v>191288131</v>
      </c>
      <c r="MQ26" s="142">
        <v>0</v>
      </c>
      <c r="MR26" s="119">
        <v>0</v>
      </c>
      <c r="MS26" s="120">
        <v>0</v>
      </c>
      <c r="MT26" s="145"/>
      <c r="MU26" s="119">
        <v>702001</v>
      </c>
      <c r="MV26" s="119">
        <v>3278227</v>
      </c>
      <c r="MW26" s="119">
        <v>45427667</v>
      </c>
      <c r="MX26" s="119">
        <v>46394649</v>
      </c>
      <c r="MY26" s="119">
        <v>39060866</v>
      </c>
      <c r="MZ26" s="120">
        <v>134863410</v>
      </c>
      <c r="NA26" s="143">
        <v>134863410</v>
      </c>
      <c r="NB26" s="142">
        <v>0</v>
      </c>
      <c r="NC26" s="119">
        <v>0</v>
      </c>
      <c r="ND26" s="120">
        <v>0</v>
      </c>
      <c r="NE26" s="145"/>
      <c r="NF26" s="119">
        <v>4520324</v>
      </c>
      <c r="NG26" s="119">
        <v>7532747</v>
      </c>
      <c r="NH26" s="119">
        <v>11789104</v>
      </c>
      <c r="NI26" s="119">
        <v>15821884</v>
      </c>
      <c r="NJ26" s="119">
        <v>7402057</v>
      </c>
      <c r="NK26" s="120">
        <v>47066116</v>
      </c>
      <c r="NL26" s="320">
        <v>47066116</v>
      </c>
      <c r="NM26" s="142">
        <v>0</v>
      </c>
      <c r="NN26" s="119">
        <v>0</v>
      </c>
      <c r="NO26" s="120">
        <v>0</v>
      </c>
      <c r="NP26" s="145"/>
      <c r="NQ26" s="119">
        <v>0</v>
      </c>
      <c r="NR26" s="119">
        <v>0</v>
      </c>
      <c r="NS26" s="119">
        <v>362074</v>
      </c>
      <c r="NT26" s="119">
        <v>331344</v>
      </c>
      <c r="NU26" s="119">
        <v>352607</v>
      </c>
      <c r="NV26" s="120">
        <v>1046025</v>
      </c>
      <c r="NW26" s="121">
        <v>1046025</v>
      </c>
      <c r="NX26" s="142">
        <v>0</v>
      </c>
      <c r="NY26" s="119">
        <v>0</v>
      </c>
      <c r="NZ26" s="120">
        <v>0</v>
      </c>
      <c r="OA26" s="145"/>
      <c r="OB26" s="119">
        <v>0</v>
      </c>
      <c r="OC26" s="119">
        <v>0</v>
      </c>
      <c r="OD26" s="119">
        <v>372753</v>
      </c>
      <c r="OE26" s="119">
        <v>3105513</v>
      </c>
      <c r="OF26" s="119">
        <v>4834314</v>
      </c>
      <c r="OG26" s="120">
        <v>8312580</v>
      </c>
      <c r="OH26" s="121">
        <v>8312580</v>
      </c>
      <c r="OI26" s="142">
        <v>6187607</v>
      </c>
      <c r="OJ26" s="119">
        <v>11911842</v>
      </c>
      <c r="OK26" s="141">
        <v>18099449</v>
      </c>
      <c r="OL26" s="118">
        <v>0</v>
      </c>
      <c r="OM26" s="119">
        <v>78071384</v>
      </c>
      <c r="ON26" s="119">
        <v>133257043</v>
      </c>
      <c r="OO26" s="119">
        <v>167641068</v>
      </c>
      <c r="OP26" s="119">
        <v>148605653</v>
      </c>
      <c r="OQ26" s="119">
        <v>115806293</v>
      </c>
      <c r="OR26" s="120">
        <v>643381441</v>
      </c>
      <c r="OS26" s="143">
        <v>661480890</v>
      </c>
    </row>
    <row r="27" spans="2:409" ht="18.75" customHeight="1" x14ac:dyDescent="0.2">
      <c r="B27" s="62" t="s">
        <v>22</v>
      </c>
      <c r="C27" s="110">
        <v>1043477</v>
      </c>
      <c r="D27" s="114">
        <v>3122904</v>
      </c>
      <c r="E27" s="113">
        <v>4166381</v>
      </c>
      <c r="F27" s="109">
        <v>0</v>
      </c>
      <c r="G27" s="114">
        <v>25950384</v>
      </c>
      <c r="H27" s="114">
        <v>30762946</v>
      </c>
      <c r="I27" s="114">
        <v>23519701</v>
      </c>
      <c r="J27" s="114">
        <v>21508938</v>
      </c>
      <c r="K27" s="114">
        <v>17346272</v>
      </c>
      <c r="L27" s="173">
        <v>119088241</v>
      </c>
      <c r="M27" s="116">
        <v>123254622</v>
      </c>
      <c r="N27" s="110">
        <v>116659</v>
      </c>
      <c r="O27" s="114">
        <v>443124</v>
      </c>
      <c r="P27" s="113">
        <v>559783</v>
      </c>
      <c r="Q27" s="110">
        <v>0</v>
      </c>
      <c r="R27" s="114">
        <v>4836772</v>
      </c>
      <c r="S27" s="114">
        <v>7530571</v>
      </c>
      <c r="T27" s="114">
        <v>4431654</v>
      </c>
      <c r="U27" s="114">
        <v>6720931</v>
      </c>
      <c r="V27" s="114">
        <v>8767336</v>
      </c>
      <c r="W27" s="113">
        <v>32287264</v>
      </c>
      <c r="X27" s="116">
        <v>32847047</v>
      </c>
      <c r="Y27" s="110">
        <v>0</v>
      </c>
      <c r="Z27" s="114">
        <v>0</v>
      </c>
      <c r="AA27" s="113">
        <v>0</v>
      </c>
      <c r="AB27" s="110">
        <v>0</v>
      </c>
      <c r="AC27" s="114">
        <v>1971466</v>
      </c>
      <c r="AD27" s="114">
        <v>3247842</v>
      </c>
      <c r="AE27" s="114">
        <v>2138252</v>
      </c>
      <c r="AF27" s="114">
        <v>3955083</v>
      </c>
      <c r="AG27" s="114">
        <v>5221466</v>
      </c>
      <c r="AH27" s="113">
        <v>16534109</v>
      </c>
      <c r="AI27" s="116">
        <v>16534109</v>
      </c>
      <c r="AJ27" s="110">
        <v>0</v>
      </c>
      <c r="AK27" s="114">
        <v>0</v>
      </c>
      <c r="AL27" s="113">
        <v>0</v>
      </c>
      <c r="AM27" s="110">
        <v>0</v>
      </c>
      <c r="AN27" s="114">
        <v>48672</v>
      </c>
      <c r="AO27" s="114">
        <v>87111</v>
      </c>
      <c r="AP27" s="114">
        <v>246100</v>
      </c>
      <c r="AQ27" s="114">
        <v>550970</v>
      </c>
      <c r="AR27" s="114">
        <v>1502740</v>
      </c>
      <c r="AS27" s="113">
        <v>2435593</v>
      </c>
      <c r="AT27" s="116">
        <v>2435593</v>
      </c>
      <c r="AU27" s="110">
        <v>68815</v>
      </c>
      <c r="AV27" s="114">
        <v>299853</v>
      </c>
      <c r="AW27" s="113">
        <v>368668</v>
      </c>
      <c r="AX27" s="110">
        <v>0</v>
      </c>
      <c r="AY27" s="114">
        <v>1612752</v>
      </c>
      <c r="AZ27" s="114">
        <v>2454827</v>
      </c>
      <c r="BA27" s="114">
        <v>927541</v>
      </c>
      <c r="BB27" s="114">
        <v>1461352</v>
      </c>
      <c r="BC27" s="114">
        <v>1480925</v>
      </c>
      <c r="BD27" s="113">
        <v>7937397</v>
      </c>
      <c r="BE27" s="116">
        <v>8306065</v>
      </c>
      <c r="BF27" s="110">
        <v>0</v>
      </c>
      <c r="BG27" s="114">
        <v>77544</v>
      </c>
      <c r="BH27" s="112">
        <v>77544</v>
      </c>
      <c r="BI27" s="111">
        <v>0</v>
      </c>
      <c r="BJ27" s="114">
        <v>360190</v>
      </c>
      <c r="BK27" s="114">
        <v>774993</v>
      </c>
      <c r="BL27" s="114">
        <v>315144</v>
      </c>
      <c r="BM27" s="114">
        <v>108999</v>
      </c>
      <c r="BN27" s="114">
        <v>164419</v>
      </c>
      <c r="BO27" s="113">
        <v>1723745</v>
      </c>
      <c r="BP27" s="116">
        <v>1801289</v>
      </c>
      <c r="BQ27" s="110">
        <v>47844</v>
      </c>
      <c r="BR27" s="114">
        <v>65727</v>
      </c>
      <c r="BS27" s="113">
        <v>113571</v>
      </c>
      <c r="BT27" s="110">
        <v>0</v>
      </c>
      <c r="BU27" s="114">
        <v>843692</v>
      </c>
      <c r="BV27" s="114">
        <v>965798</v>
      </c>
      <c r="BW27" s="114">
        <v>804617</v>
      </c>
      <c r="BX27" s="114">
        <v>644527</v>
      </c>
      <c r="BY27" s="114">
        <v>397786</v>
      </c>
      <c r="BZ27" s="113">
        <v>3656420</v>
      </c>
      <c r="CA27" s="116">
        <v>3769991</v>
      </c>
      <c r="CB27" s="110">
        <v>23186</v>
      </c>
      <c r="CC27" s="114">
        <v>387166</v>
      </c>
      <c r="CD27" s="113">
        <v>410352</v>
      </c>
      <c r="CE27" s="110">
        <v>0</v>
      </c>
      <c r="CF27" s="114">
        <v>7792946</v>
      </c>
      <c r="CG27" s="114">
        <v>8896347</v>
      </c>
      <c r="CH27" s="114">
        <v>5024286</v>
      </c>
      <c r="CI27" s="114">
        <v>3268827</v>
      </c>
      <c r="CJ27" s="114">
        <v>2515760</v>
      </c>
      <c r="CK27" s="113">
        <v>27498166</v>
      </c>
      <c r="CL27" s="116">
        <v>27908518</v>
      </c>
      <c r="CM27" s="110">
        <v>0</v>
      </c>
      <c r="CN27" s="114">
        <v>0</v>
      </c>
      <c r="CO27" s="113">
        <v>0</v>
      </c>
      <c r="CP27" s="111">
        <v>0</v>
      </c>
      <c r="CQ27" s="114">
        <v>7017189</v>
      </c>
      <c r="CR27" s="114">
        <v>7754049</v>
      </c>
      <c r="CS27" s="114">
        <v>3824450</v>
      </c>
      <c r="CT27" s="114">
        <v>2040944</v>
      </c>
      <c r="CU27" s="114">
        <v>2119259</v>
      </c>
      <c r="CV27" s="113">
        <v>22755891</v>
      </c>
      <c r="CW27" s="116">
        <v>22755891</v>
      </c>
      <c r="CX27" s="110">
        <v>23186</v>
      </c>
      <c r="CY27" s="114">
        <v>387166</v>
      </c>
      <c r="CZ27" s="113">
        <v>410352</v>
      </c>
      <c r="DA27" s="110">
        <v>0</v>
      </c>
      <c r="DB27" s="114">
        <v>775757</v>
      </c>
      <c r="DC27" s="114">
        <v>1142298</v>
      </c>
      <c r="DD27" s="114">
        <v>1199836</v>
      </c>
      <c r="DE27" s="114">
        <v>1227883</v>
      </c>
      <c r="DF27" s="114">
        <v>396501</v>
      </c>
      <c r="DG27" s="113">
        <v>4742275</v>
      </c>
      <c r="DH27" s="116">
        <v>5152627</v>
      </c>
      <c r="DI27" s="110">
        <v>7606</v>
      </c>
      <c r="DJ27" s="114">
        <v>100647</v>
      </c>
      <c r="DK27" s="112">
        <v>108253</v>
      </c>
      <c r="DL27" s="111">
        <v>0</v>
      </c>
      <c r="DM27" s="114">
        <v>763585</v>
      </c>
      <c r="DN27" s="114">
        <v>1981896</v>
      </c>
      <c r="DO27" s="114">
        <v>4743451</v>
      </c>
      <c r="DP27" s="114">
        <v>2542475</v>
      </c>
      <c r="DQ27" s="114">
        <v>821044</v>
      </c>
      <c r="DR27" s="113">
        <v>10852451</v>
      </c>
      <c r="DS27" s="116">
        <v>10960704</v>
      </c>
      <c r="DT27" s="110">
        <v>7606</v>
      </c>
      <c r="DU27" s="114">
        <v>89936</v>
      </c>
      <c r="DV27" s="113">
        <v>97542</v>
      </c>
      <c r="DW27" s="110">
        <v>0</v>
      </c>
      <c r="DX27" s="114">
        <v>763585</v>
      </c>
      <c r="DY27" s="114">
        <v>1776520</v>
      </c>
      <c r="DZ27" s="114">
        <v>4341952</v>
      </c>
      <c r="EA27" s="114">
        <v>2348660</v>
      </c>
      <c r="EB27" s="114">
        <v>821044</v>
      </c>
      <c r="EC27" s="113">
        <v>10051761</v>
      </c>
      <c r="ED27" s="116">
        <v>10149303</v>
      </c>
      <c r="EE27" s="110">
        <v>0</v>
      </c>
      <c r="EF27" s="112">
        <v>10711</v>
      </c>
      <c r="EG27" s="113">
        <v>10711</v>
      </c>
      <c r="EH27" s="110">
        <v>0</v>
      </c>
      <c r="EI27" s="114">
        <v>0</v>
      </c>
      <c r="EJ27" s="114">
        <v>205376</v>
      </c>
      <c r="EK27" s="114">
        <v>401499</v>
      </c>
      <c r="EL27" s="114">
        <v>193815</v>
      </c>
      <c r="EM27" s="114">
        <v>0</v>
      </c>
      <c r="EN27" s="112">
        <v>800690</v>
      </c>
      <c r="EO27" s="116">
        <v>811401</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326801</v>
      </c>
      <c r="FM27" s="114">
        <v>1000884</v>
      </c>
      <c r="FN27" s="113">
        <v>1327685</v>
      </c>
      <c r="FO27" s="110">
        <v>0</v>
      </c>
      <c r="FP27" s="114">
        <v>1638940</v>
      </c>
      <c r="FQ27" s="114">
        <v>3283827</v>
      </c>
      <c r="FR27" s="114">
        <v>2041280</v>
      </c>
      <c r="FS27" s="114">
        <v>1912257</v>
      </c>
      <c r="FT27" s="114">
        <v>1641941</v>
      </c>
      <c r="FU27" s="113">
        <v>10518245</v>
      </c>
      <c r="FV27" s="116">
        <v>11845930</v>
      </c>
      <c r="FW27" s="115">
        <v>241067</v>
      </c>
      <c r="FX27" s="114">
        <v>863222</v>
      </c>
      <c r="FY27" s="112">
        <v>1104289</v>
      </c>
      <c r="FZ27" s="111">
        <v>0</v>
      </c>
      <c r="GA27" s="114">
        <v>1349020</v>
      </c>
      <c r="GB27" s="114">
        <v>3130737</v>
      </c>
      <c r="GC27" s="114">
        <v>1857761</v>
      </c>
      <c r="GD27" s="114">
        <v>1912257</v>
      </c>
      <c r="GE27" s="114">
        <v>1641941</v>
      </c>
      <c r="GF27" s="113">
        <v>9891716</v>
      </c>
      <c r="GG27" s="318">
        <v>10996005</v>
      </c>
      <c r="GH27" s="115">
        <v>29304</v>
      </c>
      <c r="GI27" s="114">
        <v>34180</v>
      </c>
      <c r="GJ27" s="112">
        <v>63484</v>
      </c>
      <c r="GK27" s="111">
        <v>0</v>
      </c>
      <c r="GL27" s="114">
        <v>96420</v>
      </c>
      <c r="GM27" s="114">
        <v>120609</v>
      </c>
      <c r="GN27" s="114">
        <v>46800</v>
      </c>
      <c r="GO27" s="114">
        <v>0</v>
      </c>
      <c r="GP27" s="114">
        <v>0</v>
      </c>
      <c r="GQ27" s="113">
        <v>263829</v>
      </c>
      <c r="GR27" s="116">
        <v>327313</v>
      </c>
      <c r="GS27" s="110">
        <v>56430</v>
      </c>
      <c r="GT27" s="114">
        <v>103482</v>
      </c>
      <c r="GU27" s="113">
        <v>159912</v>
      </c>
      <c r="GV27" s="110">
        <v>0</v>
      </c>
      <c r="GW27" s="114">
        <v>193500</v>
      </c>
      <c r="GX27" s="114">
        <v>32481</v>
      </c>
      <c r="GY27" s="114">
        <v>136719</v>
      </c>
      <c r="GZ27" s="114">
        <v>0</v>
      </c>
      <c r="HA27" s="114">
        <v>0</v>
      </c>
      <c r="HB27" s="112">
        <v>362700</v>
      </c>
      <c r="HC27" s="116">
        <v>522612</v>
      </c>
      <c r="HD27" s="110">
        <v>328085</v>
      </c>
      <c r="HE27" s="114">
        <v>475991</v>
      </c>
      <c r="HF27" s="112">
        <v>804076</v>
      </c>
      <c r="HG27" s="111">
        <v>0</v>
      </c>
      <c r="HH27" s="114">
        <v>5611603</v>
      </c>
      <c r="HI27" s="114">
        <v>4298706</v>
      </c>
      <c r="HJ27" s="114">
        <v>4898034</v>
      </c>
      <c r="HK27" s="114">
        <v>5238644</v>
      </c>
      <c r="HL27" s="114">
        <v>2388892</v>
      </c>
      <c r="HM27" s="113">
        <v>22435879</v>
      </c>
      <c r="HN27" s="109">
        <v>23239955</v>
      </c>
      <c r="HO27" s="115">
        <v>241140</v>
      </c>
      <c r="HP27" s="114">
        <v>715092</v>
      </c>
      <c r="HQ27" s="113">
        <v>956232</v>
      </c>
      <c r="HR27" s="110">
        <v>0</v>
      </c>
      <c r="HS27" s="114">
        <v>5306538</v>
      </c>
      <c r="HT27" s="114">
        <v>4771599</v>
      </c>
      <c r="HU27" s="114">
        <v>2380996</v>
      </c>
      <c r="HV27" s="114">
        <v>1825804</v>
      </c>
      <c r="HW27" s="114">
        <v>1211299</v>
      </c>
      <c r="HX27" s="112">
        <v>15496236</v>
      </c>
      <c r="HY27" s="116">
        <v>16452468</v>
      </c>
      <c r="HZ27" s="131">
        <v>113421</v>
      </c>
      <c r="IA27" s="132">
        <v>394926</v>
      </c>
      <c r="IB27" s="133">
        <v>508347</v>
      </c>
      <c r="IC27" s="146">
        <v>0</v>
      </c>
      <c r="ID27" s="132">
        <v>11266638</v>
      </c>
      <c r="IE27" s="147">
        <v>15005953</v>
      </c>
      <c r="IF27" s="133">
        <v>12237412</v>
      </c>
      <c r="IG27" s="132">
        <v>13125408</v>
      </c>
      <c r="IH27" s="133">
        <v>5028444</v>
      </c>
      <c r="II27" s="148">
        <v>56663855</v>
      </c>
      <c r="IJ27" s="139">
        <v>57172202</v>
      </c>
      <c r="IK27" s="232">
        <v>0</v>
      </c>
      <c r="IL27" s="236">
        <v>0</v>
      </c>
      <c r="IM27" s="237">
        <v>0</v>
      </c>
      <c r="IN27" s="140"/>
      <c r="IO27" s="119">
        <v>151494</v>
      </c>
      <c r="IP27" s="119">
        <v>496487</v>
      </c>
      <c r="IQ27" s="119">
        <v>832626</v>
      </c>
      <c r="IR27" s="119">
        <v>219240</v>
      </c>
      <c r="IS27" s="119">
        <v>0</v>
      </c>
      <c r="IT27" s="141">
        <v>1699847</v>
      </c>
      <c r="IU27" s="320">
        <v>1699847</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5893812</v>
      </c>
      <c r="JL27" s="119">
        <v>6136793</v>
      </c>
      <c r="JM27" s="119">
        <v>3309153</v>
      </c>
      <c r="JN27" s="119">
        <v>2527578</v>
      </c>
      <c r="JO27" s="119">
        <v>875565</v>
      </c>
      <c r="JP27" s="120">
        <v>18742901</v>
      </c>
      <c r="JQ27" s="320">
        <v>18742901</v>
      </c>
      <c r="JR27" s="142">
        <v>0</v>
      </c>
      <c r="JS27" s="119">
        <v>0</v>
      </c>
      <c r="JT27" s="141">
        <v>0</v>
      </c>
      <c r="JU27" s="118">
        <v>0</v>
      </c>
      <c r="JV27" s="119">
        <v>439843</v>
      </c>
      <c r="JW27" s="119">
        <v>306990</v>
      </c>
      <c r="JX27" s="119">
        <v>473002</v>
      </c>
      <c r="JY27" s="119">
        <v>428737</v>
      </c>
      <c r="JZ27" s="119">
        <v>274995</v>
      </c>
      <c r="KA27" s="120">
        <v>1923567</v>
      </c>
      <c r="KB27" s="320">
        <v>1923567</v>
      </c>
      <c r="KC27" s="234">
        <v>113421</v>
      </c>
      <c r="KD27" s="230">
        <v>394926</v>
      </c>
      <c r="KE27" s="120">
        <v>508347</v>
      </c>
      <c r="KF27" s="118">
        <v>0</v>
      </c>
      <c r="KG27" s="119">
        <v>1606728</v>
      </c>
      <c r="KH27" s="119">
        <v>3124358</v>
      </c>
      <c r="KI27" s="119">
        <v>3025107</v>
      </c>
      <c r="KJ27" s="119">
        <v>2801502</v>
      </c>
      <c r="KK27" s="119">
        <v>1119771</v>
      </c>
      <c r="KL27" s="120">
        <v>11677466</v>
      </c>
      <c r="KM27" s="143">
        <v>12185813</v>
      </c>
      <c r="KN27" s="232">
        <v>0</v>
      </c>
      <c r="KO27" s="236">
        <v>0</v>
      </c>
      <c r="KP27" s="237">
        <v>0</v>
      </c>
      <c r="KQ27" s="140"/>
      <c r="KR27" s="119">
        <v>3174761</v>
      </c>
      <c r="KS27" s="119">
        <v>4941325</v>
      </c>
      <c r="KT27" s="119">
        <v>3460527</v>
      </c>
      <c r="KU27" s="119">
        <v>1909422</v>
      </c>
      <c r="KV27" s="119">
        <v>563130</v>
      </c>
      <c r="KW27" s="120">
        <v>14049165</v>
      </c>
      <c r="KX27" s="320">
        <v>14049165</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1136997</v>
      </c>
      <c r="LQ27" s="119">
        <v>5238929</v>
      </c>
      <c r="LR27" s="119">
        <v>2194983</v>
      </c>
      <c r="LS27" s="120">
        <v>8570909</v>
      </c>
      <c r="LT27" s="320">
        <v>8570909</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2028437</v>
      </c>
      <c r="MK27" s="119">
        <v>5768954</v>
      </c>
      <c r="ML27" s="119">
        <v>19193161</v>
      </c>
      <c r="MM27" s="119">
        <v>26456132</v>
      </c>
      <c r="MN27" s="119">
        <v>15631729</v>
      </c>
      <c r="MO27" s="120">
        <v>69078413</v>
      </c>
      <c r="MP27" s="143">
        <v>69078413</v>
      </c>
      <c r="MQ27" s="142">
        <v>0</v>
      </c>
      <c r="MR27" s="119">
        <v>0</v>
      </c>
      <c r="MS27" s="120">
        <v>0</v>
      </c>
      <c r="MT27" s="145"/>
      <c r="MU27" s="119">
        <v>478421</v>
      </c>
      <c r="MV27" s="119">
        <v>429858</v>
      </c>
      <c r="MW27" s="119">
        <v>12036081</v>
      </c>
      <c r="MX27" s="119">
        <v>16792832</v>
      </c>
      <c r="MY27" s="119">
        <v>9168748</v>
      </c>
      <c r="MZ27" s="120">
        <v>38905940</v>
      </c>
      <c r="NA27" s="143">
        <v>38905940</v>
      </c>
      <c r="NB27" s="142">
        <v>0</v>
      </c>
      <c r="NC27" s="119">
        <v>0</v>
      </c>
      <c r="ND27" s="120">
        <v>0</v>
      </c>
      <c r="NE27" s="145"/>
      <c r="NF27" s="119">
        <v>1550016</v>
      </c>
      <c r="NG27" s="119">
        <v>5339096</v>
      </c>
      <c r="NH27" s="119">
        <v>7157080</v>
      </c>
      <c r="NI27" s="119">
        <v>8560536</v>
      </c>
      <c r="NJ27" s="119">
        <v>4528749</v>
      </c>
      <c r="NK27" s="120">
        <v>27135477</v>
      </c>
      <c r="NL27" s="320">
        <v>27135477</v>
      </c>
      <c r="NM27" s="142">
        <v>0</v>
      </c>
      <c r="NN27" s="119">
        <v>0</v>
      </c>
      <c r="NO27" s="120">
        <v>0</v>
      </c>
      <c r="NP27" s="145"/>
      <c r="NQ27" s="119">
        <v>0</v>
      </c>
      <c r="NR27" s="119">
        <v>0</v>
      </c>
      <c r="NS27" s="119">
        <v>0</v>
      </c>
      <c r="NT27" s="119">
        <v>0</v>
      </c>
      <c r="NU27" s="119">
        <v>1153072</v>
      </c>
      <c r="NV27" s="120">
        <v>1153072</v>
      </c>
      <c r="NW27" s="121">
        <v>1153072</v>
      </c>
      <c r="NX27" s="142">
        <v>0</v>
      </c>
      <c r="NY27" s="119">
        <v>0</v>
      </c>
      <c r="NZ27" s="120">
        <v>0</v>
      </c>
      <c r="OA27" s="145"/>
      <c r="OB27" s="119">
        <v>0</v>
      </c>
      <c r="OC27" s="119">
        <v>0</v>
      </c>
      <c r="OD27" s="119">
        <v>0</v>
      </c>
      <c r="OE27" s="119">
        <v>1102764</v>
      </c>
      <c r="OF27" s="119">
        <v>781160</v>
      </c>
      <c r="OG27" s="120">
        <v>1883924</v>
      </c>
      <c r="OH27" s="121">
        <v>1883924</v>
      </c>
      <c r="OI27" s="142">
        <v>1156898</v>
      </c>
      <c r="OJ27" s="119">
        <v>3517830</v>
      </c>
      <c r="OK27" s="141">
        <v>4674728</v>
      </c>
      <c r="OL27" s="118">
        <v>0</v>
      </c>
      <c r="OM27" s="119">
        <v>39245459</v>
      </c>
      <c r="ON27" s="119">
        <v>51537853</v>
      </c>
      <c r="OO27" s="119">
        <v>54950274</v>
      </c>
      <c r="OP27" s="119">
        <v>61090478</v>
      </c>
      <c r="OQ27" s="119">
        <v>38006445</v>
      </c>
      <c r="OR27" s="120">
        <v>244830509</v>
      </c>
      <c r="OS27" s="143">
        <v>249505237</v>
      </c>
    </row>
    <row r="28" spans="2:409" ht="18.75" customHeight="1" x14ac:dyDescent="0.2">
      <c r="B28" s="62" t="s">
        <v>23</v>
      </c>
      <c r="C28" s="110">
        <v>3605243</v>
      </c>
      <c r="D28" s="114">
        <v>5389069</v>
      </c>
      <c r="E28" s="113">
        <v>8994312</v>
      </c>
      <c r="F28" s="109">
        <v>0</v>
      </c>
      <c r="G28" s="114">
        <v>50182922</v>
      </c>
      <c r="H28" s="114">
        <v>60876156</v>
      </c>
      <c r="I28" s="114">
        <v>48193011</v>
      </c>
      <c r="J28" s="114">
        <v>46185346</v>
      </c>
      <c r="K28" s="114">
        <v>31673983</v>
      </c>
      <c r="L28" s="173">
        <v>237111418</v>
      </c>
      <c r="M28" s="116">
        <v>246105730</v>
      </c>
      <c r="N28" s="110">
        <v>1143578</v>
      </c>
      <c r="O28" s="114">
        <v>1864052</v>
      </c>
      <c r="P28" s="113">
        <v>3007630</v>
      </c>
      <c r="Q28" s="110">
        <v>0</v>
      </c>
      <c r="R28" s="114">
        <v>12181706</v>
      </c>
      <c r="S28" s="114">
        <v>16777747</v>
      </c>
      <c r="T28" s="114">
        <v>12331774</v>
      </c>
      <c r="U28" s="114">
        <v>13280066</v>
      </c>
      <c r="V28" s="114">
        <v>12034719</v>
      </c>
      <c r="W28" s="113">
        <v>66606012</v>
      </c>
      <c r="X28" s="116">
        <v>69613642</v>
      </c>
      <c r="Y28" s="110">
        <v>0</v>
      </c>
      <c r="Z28" s="114">
        <v>0</v>
      </c>
      <c r="AA28" s="113">
        <v>0</v>
      </c>
      <c r="AB28" s="110">
        <v>0</v>
      </c>
      <c r="AC28" s="114">
        <v>5386742</v>
      </c>
      <c r="AD28" s="114">
        <v>7462733</v>
      </c>
      <c r="AE28" s="114">
        <v>6971267</v>
      </c>
      <c r="AF28" s="114">
        <v>7016904</v>
      </c>
      <c r="AG28" s="114">
        <v>6131864</v>
      </c>
      <c r="AH28" s="113">
        <v>32969510</v>
      </c>
      <c r="AI28" s="116">
        <v>32969510</v>
      </c>
      <c r="AJ28" s="110">
        <v>0</v>
      </c>
      <c r="AK28" s="114">
        <v>0</v>
      </c>
      <c r="AL28" s="113">
        <v>0</v>
      </c>
      <c r="AM28" s="110">
        <v>0</v>
      </c>
      <c r="AN28" s="114">
        <v>14877</v>
      </c>
      <c r="AO28" s="114">
        <v>180893</v>
      </c>
      <c r="AP28" s="114">
        <v>284937</v>
      </c>
      <c r="AQ28" s="114">
        <v>768258</v>
      </c>
      <c r="AR28" s="114">
        <v>1160361</v>
      </c>
      <c r="AS28" s="113">
        <v>2409326</v>
      </c>
      <c r="AT28" s="116">
        <v>2409326</v>
      </c>
      <c r="AU28" s="110">
        <v>837324</v>
      </c>
      <c r="AV28" s="114">
        <v>1495229</v>
      </c>
      <c r="AW28" s="113">
        <v>2332553</v>
      </c>
      <c r="AX28" s="110">
        <v>0</v>
      </c>
      <c r="AY28" s="114">
        <v>4220756</v>
      </c>
      <c r="AZ28" s="114">
        <v>6348720</v>
      </c>
      <c r="BA28" s="114">
        <v>2697976</v>
      </c>
      <c r="BB28" s="114">
        <v>2959816</v>
      </c>
      <c r="BC28" s="114">
        <v>3111006</v>
      </c>
      <c r="BD28" s="113">
        <v>19338274</v>
      </c>
      <c r="BE28" s="116">
        <v>21670827</v>
      </c>
      <c r="BF28" s="110">
        <v>60057</v>
      </c>
      <c r="BG28" s="114">
        <v>267972</v>
      </c>
      <c r="BH28" s="112">
        <v>328029</v>
      </c>
      <c r="BI28" s="111">
        <v>0</v>
      </c>
      <c r="BJ28" s="114">
        <v>344341</v>
      </c>
      <c r="BK28" s="114">
        <v>768775</v>
      </c>
      <c r="BL28" s="114">
        <v>313483</v>
      </c>
      <c r="BM28" s="114">
        <v>255743</v>
      </c>
      <c r="BN28" s="114">
        <v>135859</v>
      </c>
      <c r="BO28" s="113">
        <v>1818201</v>
      </c>
      <c r="BP28" s="116">
        <v>2146230</v>
      </c>
      <c r="BQ28" s="110">
        <v>246197</v>
      </c>
      <c r="BR28" s="114">
        <v>100851</v>
      </c>
      <c r="BS28" s="113">
        <v>347048</v>
      </c>
      <c r="BT28" s="110">
        <v>0</v>
      </c>
      <c r="BU28" s="114">
        <v>2214990</v>
      </c>
      <c r="BV28" s="114">
        <v>2016626</v>
      </c>
      <c r="BW28" s="114">
        <v>2064111</v>
      </c>
      <c r="BX28" s="114">
        <v>2279345</v>
      </c>
      <c r="BY28" s="114">
        <v>1495629</v>
      </c>
      <c r="BZ28" s="113">
        <v>10070701</v>
      </c>
      <c r="CA28" s="116">
        <v>10417749</v>
      </c>
      <c r="CB28" s="110">
        <v>94172</v>
      </c>
      <c r="CC28" s="114">
        <v>317393</v>
      </c>
      <c r="CD28" s="113">
        <v>411565</v>
      </c>
      <c r="CE28" s="110">
        <v>0</v>
      </c>
      <c r="CF28" s="114">
        <v>17068731</v>
      </c>
      <c r="CG28" s="114">
        <v>20473479</v>
      </c>
      <c r="CH28" s="114">
        <v>14269297</v>
      </c>
      <c r="CI28" s="114">
        <v>10772138</v>
      </c>
      <c r="CJ28" s="114">
        <v>4157596</v>
      </c>
      <c r="CK28" s="113">
        <v>66741241</v>
      </c>
      <c r="CL28" s="116">
        <v>67152806</v>
      </c>
      <c r="CM28" s="110">
        <v>0</v>
      </c>
      <c r="CN28" s="114">
        <v>0</v>
      </c>
      <c r="CO28" s="113">
        <v>0</v>
      </c>
      <c r="CP28" s="111">
        <v>0</v>
      </c>
      <c r="CQ28" s="114">
        <v>14819440</v>
      </c>
      <c r="CR28" s="114">
        <v>16629076</v>
      </c>
      <c r="CS28" s="114">
        <v>11164077</v>
      </c>
      <c r="CT28" s="114">
        <v>8100694</v>
      </c>
      <c r="CU28" s="114">
        <v>3640013</v>
      </c>
      <c r="CV28" s="113">
        <v>54353300</v>
      </c>
      <c r="CW28" s="116">
        <v>54353300</v>
      </c>
      <c r="CX28" s="110">
        <v>94172</v>
      </c>
      <c r="CY28" s="114">
        <v>317393</v>
      </c>
      <c r="CZ28" s="113">
        <v>411565</v>
      </c>
      <c r="DA28" s="110">
        <v>0</v>
      </c>
      <c r="DB28" s="114">
        <v>2249291</v>
      </c>
      <c r="DC28" s="114">
        <v>3844403</v>
      </c>
      <c r="DD28" s="114">
        <v>3105220</v>
      </c>
      <c r="DE28" s="114">
        <v>2671444</v>
      </c>
      <c r="DF28" s="114">
        <v>517583</v>
      </c>
      <c r="DG28" s="113">
        <v>12387941</v>
      </c>
      <c r="DH28" s="116">
        <v>12799506</v>
      </c>
      <c r="DI28" s="110">
        <v>33327</v>
      </c>
      <c r="DJ28" s="114">
        <v>0</v>
      </c>
      <c r="DK28" s="112">
        <v>33327</v>
      </c>
      <c r="DL28" s="111">
        <v>0</v>
      </c>
      <c r="DM28" s="114">
        <v>774129</v>
      </c>
      <c r="DN28" s="114">
        <v>3286959</v>
      </c>
      <c r="DO28" s="114">
        <v>4304584</v>
      </c>
      <c r="DP28" s="114">
        <v>3972013</v>
      </c>
      <c r="DQ28" s="114">
        <v>2399977</v>
      </c>
      <c r="DR28" s="113">
        <v>14737662</v>
      </c>
      <c r="DS28" s="116">
        <v>14770989</v>
      </c>
      <c r="DT28" s="110">
        <v>33327</v>
      </c>
      <c r="DU28" s="114">
        <v>0</v>
      </c>
      <c r="DV28" s="113">
        <v>33327</v>
      </c>
      <c r="DW28" s="110">
        <v>0</v>
      </c>
      <c r="DX28" s="114">
        <v>740631</v>
      </c>
      <c r="DY28" s="114">
        <v>3147267</v>
      </c>
      <c r="DZ28" s="114">
        <v>4073476</v>
      </c>
      <c r="EA28" s="114">
        <v>3628136</v>
      </c>
      <c r="EB28" s="114">
        <v>1871720</v>
      </c>
      <c r="EC28" s="113">
        <v>13461230</v>
      </c>
      <c r="ED28" s="116">
        <v>13494557</v>
      </c>
      <c r="EE28" s="110">
        <v>0</v>
      </c>
      <c r="EF28" s="112">
        <v>0</v>
      </c>
      <c r="EG28" s="113">
        <v>0</v>
      </c>
      <c r="EH28" s="110">
        <v>0</v>
      </c>
      <c r="EI28" s="114">
        <v>33498</v>
      </c>
      <c r="EJ28" s="114">
        <v>139692</v>
      </c>
      <c r="EK28" s="114">
        <v>231108</v>
      </c>
      <c r="EL28" s="114">
        <v>343877</v>
      </c>
      <c r="EM28" s="114">
        <v>528257</v>
      </c>
      <c r="EN28" s="112">
        <v>1276432</v>
      </c>
      <c r="EO28" s="116">
        <v>1276432</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1171408</v>
      </c>
      <c r="FM28" s="114">
        <v>1578862</v>
      </c>
      <c r="FN28" s="113">
        <v>2750270</v>
      </c>
      <c r="FO28" s="110">
        <v>0</v>
      </c>
      <c r="FP28" s="114">
        <v>3438667</v>
      </c>
      <c r="FQ28" s="114">
        <v>5610027</v>
      </c>
      <c r="FR28" s="114">
        <v>3236537</v>
      </c>
      <c r="FS28" s="114">
        <v>3258917</v>
      </c>
      <c r="FT28" s="114">
        <v>2087909</v>
      </c>
      <c r="FU28" s="113">
        <v>17632057</v>
      </c>
      <c r="FV28" s="116">
        <v>20382327</v>
      </c>
      <c r="FW28" s="115">
        <v>469048</v>
      </c>
      <c r="FX28" s="114">
        <v>1428712</v>
      </c>
      <c r="FY28" s="112">
        <v>1897760</v>
      </c>
      <c r="FZ28" s="111">
        <v>0</v>
      </c>
      <c r="GA28" s="114">
        <v>2335776</v>
      </c>
      <c r="GB28" s="114">
        <v>5235327</v>
      </c>
      <c r="GC28" s="114">
        <v>3106960</v>
      </c>
      <c r="GD28" s="114">
        <v>3070740</v>
      </c>
      <c r="GE28" s="114">
        <v>2051909</v>
      </c>
      <c r="GF28" s="113">
        <v>15800712</v>
      </c>
      <c r="GG28" s="318">
        <v>17698472</v>
      </c>
      <c r="GH28" s="115">
        <v>17820</v>
      </c>
      <c r="GI28" s="114">
        <v>28560</v>
      </c>
      <c r="GJ28" s="112">
        <v>46380</v>
      </c>
      <c r="GK28" s="111">
        <v>0</v>
      </c>
      <c r="GL28" s="114">
        <v>125821</v>
      </c>
      <c r="GM28" s="114">
        <v>86700</v>
      </c>
      <c r="GN28" s="114">
        <v>129577</v>
      </c>
      <c r="GO28" s="114">
        <v>149036</v>
      </c>
      <c r="GP28" s="114">
        <v>36000</v>
      </c>
      <c r="GQ28" s="113">
        <v>527134</v>
      </c>
      <c r="GR28" s="116">
        <v>573514</v>
      </c>
      <c r="GS28" s="110">
        <v>684540</v>
      </c>
      <c r="GT28" s="114">
        <v>121590</v>
      </c>
      <c r="GU28" s="113">
        <v>806130</v>
      </c>
      <c r="GV28" s="110">
        <v>0</v>
      </c>
      <c r="GW28" s="114">
        <v>977070</v>
      </c>
      <c r="GX28" s="114">
        <v>288000</v>
      </c>
      <c r="GY28" s="114">
        <v>0</v>
      </c>
      <c r="GZ28" s="114">
        <v>39141</v>
      </c>
      <c r="HA28" s="114">
        <v>0</v>
      </c>
      <c r="HB28" s="112">
        <v>1304211</v>
      </c>
      <c r="HC28" s="116">
        <v>2110341</v>
      </c>
      <c r="HD28" s="110">
        <v>553062</v>
      </c>
      <c r="HE28" s="114">
        <v>486351</v>
      </c>
      <c r="HF28" s="112">
        <v>1039413</v>
      </c>
      <c r="HG28" s="111">
        <v>0</v>
      </c>
      <c r="HH28" s="114">
        <v>8377368</v>
      </c>
      <c r="HI28" s="114">
        <v>7314390</v>
      </c>
      <c r="HJ28" s="114">
        <v>10023915</v>
      </c>
      <c r="HK28" s="114">
        <v>11550826</v>
      </c>
      <c r="HL28" s="114">
        <v>9288541</v>
      </c>
      <c r="HM28" s="113">
        <v>46555040</v>
      </c>
      <c r="HN28" s="109">
        <v>47594453</v>
      </c>
      <c r="HO28" s="115">
        <v>609696</v>
      </c>
      <c r="HP28" s="114">
        <v>1142411</v>
      </c>
      <c r="HQ28" s="113">
        <v>1752107</v>
      </c>
      <c r="HR28" s="110">
        <v>0</v>
      </c>
      <c r="HS28" s="114">
        <v>8342321</v>
      </c>
      <c r="HT28" s="114">
        <v>7413554</v>
      </c>
      <c r="HU28" s="114">
        <v>4026904</v>
      </c>
      <c r="HV28" s="114">
        <v>3351386</v>
      </c>
      <c r="HW28" s="114">
        <v>1705241</v>
      </c>
      <c r="HX28" s="112">
        <v>24839406</v>
      </c>
      <c r="HY28" s="116">
        <v>26591513</v>
      </c>
      <c r="HZ28" s="150">
        <v>0</v>
      </c>
      <c r="IA28" s="135">
        <v>250031</v>
      </c>
      <c r="IB28" s="150">
        <v>250031</v>
      </c>
      <c r="IC28" s="134">
        <v>0</v>
      </c>
      <c r="ID28" s="135">
        <v>10468071</v>
      </c>
      <c r="IE28" s="136">
        <v>7725211</v>
      </c>
      <c r="IF28" s="137">
        <v>8639186</v>
      </c>
      <c r="IG28" s="135">
        <v>6674511</v>
      </c>
      <c r="IH28" s="137">
        <v>3551296</v>
      </c>
      <c r="II28" s="138">
        <v>37058275</v>
      </c>
      <c r="IJ28" s="150">
        <v>37308306</v>
      </c>
      <c r="IK28" s="232">
        <v>0</v>
      </c>
      <c r="IL28" s="236">
        <v>0</v>
      </c>
      <c r="IM28" s="237">
        <v>0</v>
      </c>
      <c r="IN28" s="140"/>
      <c r="IO28" s="119">
        <v>97650</v>
      </c>
      <c r="IP28" s="119">
        <v>105389</v>
      </c>
      <c r="IQ28" s="119">
        <v>0</v>
      </c>
      <c r="IR28" s="119">
        <v>0</v>
      </c>
      <c r="IS28" s="119">
        <v>261358</v>
      </c>
      <c r="IT28" s="141">
        <v>464397</v>
      </c>
      <c r="IU28" s="320">
        <v>464397</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536362</v>
      </c>
      <c r="JL28" s="119">
        <v>2586961</v>
      </c>
      <c r="JM28" s="119">
        <v>1645665</v>
      </c>
      <c r="JN28" s="119">
        <v>1533825</v>
      </c>
      <c r="JO28" s="119">
        <v>849907</v>
      </c>
      <c r="JP28" s="120">
        <v>9152720</v>
      </c>
      <c r="JQ28" s="320">
        <v>9152720</v>
      </c>
      <c r="JR28" s="142">
        <v>0</v>
      </c>
      <c r="JS28" s="119">
        <v>0</v>
      </c>
      <c r="JT28" s="141">
        <v>0</v>
      </c>
      <c r="JU28" s="118">
        <v>0</v>
      </c>
      <c r="JV28" s="119">
        <v>0</v>
      </c>
      <c r="JW28" s="119">
        <v>80301</v>
      </c>
      <c r="JX28" s="119">
        <v>210836</v>
      </c>
      <c r="JY28" s="119">
        <v>308225</v>
      </c>
      <c r="JZ28" s="119">
        <v>14562</v>
      </c>
      <c r="KA28" s="120">
        <v>613924</v>
      </c>
      <c r="KB28" s="320">
        <v>613924</v>
      </c>
      <c r="KC28" s="234">
        <v>0</v>
      </c>
      <c r="KD28" s="230">
        <v>0</v>
      </c>
      <c r="KE28" s="120">
        <v>0</v>
      </c>
      <c r="KF28" s="118">
        <v>0</v>
      </c>
      <c r="KG28" s="119">
        <v>639675</v>
      </c>
      <c r="KH28" s="119">
        <v>561827</v>
      </c>
      <c r="KI28" s="119">
        <v>1267465</v>
      </c>
      <c r="KJ28" s="119">
        <v>280163</v>
      </c>
      <c r="KK28" s="119">
        <v>307208</v>
      </c>
      <c r="KL28" s="120">
        <v>3056338</v>
      </c>
      <c r="KM28" s="143">
        <v>3056338</v>
      </c>
      <c r="KN28" s="232">
        <v>0</v>
      </c>
      <c r="KO28" s="236">
        <v>250031</v>
      </c>
      <c r="KP28" s="237">
        <v>250031</v>
      </c>
      <c r="KQ28" s="140"/>
      <c r="KR28" s="119">
        <v>7194384</v>
      </c>
      <c r="KS28" s="119">
        <v>4390733</v>
      </c>
      <c r="KT28" s="119">
        <v>5515220</v>
      </c>
      <c r="KU28" s="119">
        <v>4237235</v>
      </c>
      <c r="KV28" s="119">
        <v>2118261</v>
      </c>
      <c r="KW28" s="120">
        <v>23455833</v>
      </c>
      <c r="KX28" s="320">
        <v>23705864</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315063</v>
      </c>
      <c r="MC28" s="119">
        <v>0</v>
      </c>
      <c r="MD28" s="120">
        <v>315063</v>
      </c>
      <c r="ME28" s="121">
        <v>315063</v>
      </c>
      <c r="MF28" s="142">
        <v>0</v>
      </c>
      <c r="MG28" s="119">
        <v>0</v>
      </c>
      <c r="MH28" s="120">
        <v>0</v>
      </c>
      <c r="MI28" s="145"/>
      <c r="MJ28" s="119">
        <v>5954801</v>
      </c>
      <c r="MK28" s="119">
        <v>11365358</v>
      </c>
      <c r="ML28" s="119">
        <v>32601049</v>
      </c>
      <c r="MM28" s="119">
        <v>55945524</v>
      </c>
      <c r="MN28" s="119">
        <v>45732359</v>
      </c>
      <c r="MO28" s="120">
        <v>151599091</v>
      </c>
      <c r="MP28" s="143">
        <v>151599091</v>
      </c>
      <c r="MQ28" s="142">
        <v>0</v>
      </c>
      <c r="MR28" s="119">
        <v>0</v>
      </c>
      <c r="MS28" s="120">
        <v>0</v>
      </c>
      <c r="MT28" s="145"/>
      <c r="MU28" s="119">
        <v>655557</v>
      </c>
      <c r="MV28" s="119">
        <v>3479569</v>
      </c>
      <c r="MW28" s="119">
        <v>21604862</v>
      </c>
      <c r="MX28" s="119">
        <v>36041058</v>
      </c>
      <c r="MY28" s="119">
        <v>31996404</v>
      </c>
      <c r="MZ28" s="120">
        <v>93777450</v>
      </c>
      <c r="NA28" s="143">
        <v>93777450</v>
      </c>
      <c r="NB28" s="142">
        <v>0</v>
      </c>
      <c r="NC28" s="119">
        <v>0</v>
      </c>
      <c r="ND28" s="120">
        <v>0</v>
      </c>
      <c r="NE28" s="145"/>
      <c r="NF28" s="119">
        <v>5299244</v>
      </c>
      <c r="NG28" s="119">
        <v>7885789</v>
      </c>
      <c r="NH28" s="119">
        <v>10629194</v>
      </c>
      <c r="NI28" s="119">
        <v>17988020</v>
      </c>
      <c r="NJ28" s="119">
        <v>10927035</v>
      </c>
      <c r="NK28" s="120">
        <v>52729282</v>
      </c>
      <c r="NL28" s="320">
        <v>52729282</v>
      </c>
      <c r="NM28" s="142">
        <v>0</v>
      </c>
      <c r="NN28" s="119">
        <v>0</v>
      </c>
      <c r="NO28" s="120">
        <v>0</v>
      </c>
      <c r="NP28" s="145"/>
      <c r="NQ28" s="119">
        <v>0</v>
      </c>
      <c r="NR28" s="119">
        <v>0</v>
      </c>
      <c r="NS28" s="119">
        <v>0</v>
      </c>
      <c r="NT28" s="119">
        <v>372818</v>
      </c>
      <c r="NU28" s="119">
        <v>350051</v>
      </c>
      <c r="NV28" s="120">
        <v>722869</v>
      </c>
      <c r="NW28" s="121">
        <v>722869</v>
      </c>
      <c r="NX28" s="142">
        <v>0</v>
      </c>
      <c r="NY28" s="119">
        <v>0</v>
      </c>
      <c r="NZ28" s="120">
        <v>0</v>
      </c>
      <c r="OA28" s="145"/>
      <c r="OB28" s="119">
        <v>0</v>
      </c>
      <c r="OC28" s="119">
        <v>0</v>
      </c>
      <c r="OD28" s="119">
        <v>366993</v>
      </c>
      <c r="OE28" s="119">
        <v>1543628</v>
      </c>
      <c r="OF28" s="119">
        <v>2458869</v>
      </c>
      <c r="OG28" s="120">
        <v>4369490</v>
      </c>
      <c r="OH28" s="121">
        <v>4369490</v>
      </c>
      <c r="OI28" s="142">
        <v>3605243</v>
      </c>
      <c r="OJ28" s="119">
        <v>5639100</v>
      </c>
      <c r="OK28" s="141">
        <v>9244343</v>
      </c>
      <c r="OL28" s="118">
        <v>0</v>
      </c>
      <c r="OM28" s="119">
        <v>66605794</v>
      </c>
      <c r="ON28" s="119">
        <v>79966725</v>
      </c>
      <c r="OO28" s="119">
        <v>89433246</v>
      </c>
      <c r="OP28" s="119">
        <v>108805381</v>
      </c>
      <c r="OQ28" s="119">
        <v>80957638</v>
      </c>
      <c r="OR28" s="120">
        <v>425768784</v>
      </c>
      <c r="OS28" s="143">
        <v>435013127</v>
      </c>
    </row>
    <row r="29" spans="2:409" ht="18.75" customHeight="1" x14ac:dyDescent="0.2">
      <c r="B29" s="62" t="s">
        <v>24</v>
      </c>
      <c r="C29" s="110">
        <v>2521587</v>
      </c>
      <c r="D29" s="114">
        <v>2959836</v>
      </c>
      <c r="E29" s="113">
        <v>5481423</v>
      </c>
      <c r="F29" s="109">
        <v>0</v>
      </c>
      <c r="G29" s="114">
        <v>25233613</v>
      </c>
      <c r="H29" s="114">
        <v>25652080</v>
      </c>
      <c r="I29" s="114">
        <v>24222364</v>
      </c>
      <c r="J29" s="114">
        <v>22479626</v>
      </c>
      <c r="K29" s="114">
        <v>21673447</v>
      </c>
      <c r="L29" s="173">
        <v>119261130</v>
      </c>
      <c r="M29" s="116">
        <v>124742553</v>
      </c>
      <c r="N29" s="110">
        <v>388161</v>
      </c>
      <c r="O29" s="114">
        <v>686017</v>
      </c>
      <c r="P29" s="113">
        <v>1074178</v>
      </c>
      <c r="Q29" s="110">
        <v>0</v>
      </c>
      <c r="R29" s="114">
        <v>6250512</v>
      </c>
      <c r="S29" s="114">
        <v>6477521</v>
      </c>
      <c r="T29" s="114">
        <v>7958772</v>
      </c>
      <c r="U29" s="114">
        <v>8251354</v>
      </c>
      <c r="V29" s="114">
        <v>9085034</v>
      </c>
      <c r="W29" s="113">
        <v>38023193</v>
      </c>
      <c r="X29" s="116">
        <v>39097371</v>
      </c>
      <c r="Y29" s="110">
        <v>0</v>
      </c>
      <c r="Z29" s="114">
        <v>0</v>
      </c>
      <c r="AA29" s="113">
        <v>0</v>
      </c>
      <c r="AB29" s="110">
        <v>0</v>
      </c>
      <c r="AC29" s="114">
        <v>2391202</v>
      </c>
      <c r="AD29" s="114">
        <v>2610885</v>
      </c>
      <c r="AE29" s="114">
        <v>4075743</v>
      </c>
      <c r="AF29" s="114">
        <v>4829629</v>
      </c>
      <c r="AG29" s="114">
        <v>4617679</v>
      </c>
      <c r="AH29" s="113">
        <v>18525138</v>
      </c>
      <c r="AI29" s="116">
        <v>18525138</v>
      </c>
      <c r="AJ29" s="110">
        <v>0</v>
      </c>
      <c r="AK29" s="114">
        <v>0</v>
      </c>
      <c r="AL29" s="113">
        <v>0</v>
      </c>
      <c r="AM29" s="110">
        <v>0</v>
      </c>
      <c r="AN29" s="114">
        <v>0</v>
      </c>
      <c r="AO29" s="114">
        <v>40336</v>
      </c>
      <c r="AP29" s="114">
        <v>491245</v>
      </c>
      <c r="AQ29" s="114">
        <v>528849</v>
      </c>
      <c r="AR29" s="114">
        <v>1269269</v>
      </c>
      <c r="AS29" s="113">
        <v>2329699</v>
      </c>
      <c r="AT29" s="116">
        <v>2329699</v>
      </c>
      <c r="AU29" s="110">
        <v>206311</v>
      </c>
      <c r="AV29" s="114">
        <v>450366</v>
      </c>
      <c r="AW29" s="113">
        <v>656677</v>
      </c>
      <c r="AX29" s="110">
        <v>0</v>
      </c>
      <c r="AY29" s="114">
        <v>2551614</v>
      </c>
      <c r="AZ29" s="114">
        <v>2562499</v>
      </c>
      <c r="BA29" s="114">
        <v>2323610</v>
      </c>
      <c r="BB29" s="114">
        <v>1563399</v>
      </c>
      <c r="BC29" s="114">
        <v>1891191</v>
      </c>
      <c r="BD29" s="113">
        <v>10892313</v>
      </c>
      <c r="BE29" s="116">
        <v>11548990</v>
      </c>
      <c r="BF29" s="110">
        <v>0</v>
      </c>
      <c r="BG29" s="114">
        <v>23395</v>
      </c>
      <c r="BH29" s="112">
        <v>23395</v>
      </c>
      <c r="BI29" s="111">
        <v>0</v>
      </c>
      <c r="BJ29" s="114">
        <v>170919</v>
      </c>
      <c r="BK29" s="114">
        <v>243090</v>
      </c>
      <c r="BL29" s="114">
        <v>54946</v>
      </c>
      <c r="BM29" s="114">
        <v>249275</v>
      </c>
      <c r="BN29" s="114">
        <v>216047</v>
      </c>
      <c r="BO29" s="113">
        <v>934277</v>
      </c>
      <c r="BP29" s="116">
        <v>957672</v>
      </c>
      <c r="BQ29" s="110">
        <v>181850</v>
      </c>
      <c r="BR29" s="114">
        <v>212256</v>
      </c>
      <c r="BS29" s="113">
        <v>394106</v>
      </c>
      <c r="BT29" s="110">
        <v>0</v>
      </c>
      <c r="BU29" s="114">
        <v>1136777</v>
      </c>
      <c r="BV29" s="114">
        <v>1020711</v>
      </c>
      <c r="BW29" s="114">
        <v>1013228</v>
      </c>
      <c r="BX29" s="114">
        <v>1080202</v>
      </c>
      <c r="BY29" s="114">
        <v>1090848</v>
      </c>
      <c r="BZ29" s="113">
        <v>5341766</v>
      </c>
      <c r="CA29" s="116">
        <v>5735872</v>
      </c>
      <c r="CB29" s="110">
        <v>487790</v>
      </c>
      <c r="CC29" s="114">
        <v>413529</v>
      </c>
      <c r="CD29" s="113">
        <v>901319</v>
      </c>
      <c r="CE29" s="110">
        <v>0</v>
      </c>
      <c r="CF29" s="114">
        <v>7740656</v>
      </c>
      <c r="CG29" s="114">
        <v>7701704</v>
      </c>
      <c r="CH29" s="114">
        <v>4929345</v>
      </c>
      <c r="CI29" s="114">
        <v>2588311</v>
      </c>
      <c r="CJ29" s="114">
        <v>2634763</v>
      </c>
      <c r="CK29" s="113">
        <v>25594779</v>
      </c>
      <c r="CL29" s="116">
        <v>26496098</v>
      </c>
      <c r="CM29" s="110">
        <v>0</v>
      </c>
      <c r="CN29" s="114">
        <v>0</v>
      </c>
      <c r="CO29" s="113">
        <v>0</v>
      </c>
      <c r="CP29" s="111">
        <v>0</v>
      </c>
      <c r="CQ29" s="114">
        <v>5681407</v>
      </c>
      <c r="CR29" s="114">
        <v>5138318</v>
      </c>
      <c r="CS29" s="114">
        <v>3728302</v>
      </c>
      <c r="CT29" s="114">
        <v>1815088</v>
      </c>
      <c r="CU29" s="114">
        <v>1007579</v>
      </c>
      <c r="CV29" s="113">
        <v>17370694</v>
      </c>
      <c r="CW29" s="116">
        <v>17370694</v>
      </c>
      <c r="CX29" s="110">
        <v>487790</v>
      </c>
      <c r="CY29" s="114">
        <v>413529</v>
      </c>
      <c r="CZ29" s="113">
        <v>901319</v>
      </c>
      <c r="DA29" s="110">
        <v>0</v>
      </c>
      <c r="DB29" s="114">
        <v>2059249</v>
      </c>
      <c r="DC29" s="114">
        <v>2563386</v>
      </c>
      <c r="DD29" s="114">
        <v>1201043</v>
      </c>
      <c r="DE29" s="114">
        <v>773223</v>
      </c>
      <c r="DF29" s="114">
        <v>1627184</v>
      </c>
      <c r="DG29" s="113">
        <v>8224085</v>
      </c>
      <c r="DH29" s="116">
        <v>9125404</v>
      </c>
      <c r="DI29" s="110">
        <v>14661</v>
      </c>
      <c r="DJ29" s="114">
        <v>37939</v>
      </c>
      <c r="DK29" s="112">
        <v>52600</v>
      </c>
      <c r="DL29" s="111">
        <v>0</v>
      </c>
      <c r="DM29" s="114">
        <v>564270</v>
      </c>
      <c r="DN29" s="114">
        <v>1328099</v>
      </c>
      <c r="DO29" s="114">
        <v>1968407</v>
      </c>
      <c r="DP29" s="114">
        <v>2636840</v>
      </c>
      <c r="DQ29" s="114">
        <v>2156799</v>
      </c>
      <c r="DR29" s="113">
        <v>8654415</v>
      </c>
      <c r="DS29" s="116">
        <v>8707015</v>
      </c>
      <c r="DT29" s="110">
        <v>14661</v>
      </c>
      <c r="DU29" s="114">
        <v>37939</v>
      </c>
      <c r="DV29" s="113">
        <v>52600</v>
      </c>
      <c r="DW29" s="110">
        <v>0</v>
      </c>
      <c r="DX29" s="114">
        <v>474387</v>
      </c>
      <c r="DY29" s="114">
        <v>1328099</v>
      </c>
      <c r="DZ29" s="114">
        <v>1783468</v>
      </c>
      <c r="EA29" s="114">
        <v>2453340</v>
      </c>
      <c r="EB29" s="114">
        <v>2107534</v>
      </c>
      <c r="EC29" s="113">
        <v>8146828</v>
      </c>
      <c r="ED29" s="116">
        <v>8199428</v>
      </c>
      <c r="EE29" s="110">
        <v>0</v>
      </c>
      <c r="EF29" s="112">
        <v>0</v>
      </c>
      <c r="EG29" s="113">
        <v>0</v>
      </c>
      <c r="EH29" s="110">
        <v>0</v>
      </c>
      <c r="EI29" s="114">
        <v>89883</v>
      </c>
      <c r="EJ29" s="114">
        <v>0</v>
      </c>
      <c r="EK29" s="114">
        <v>184939</v>
      </c>
      <c r="EL29" s="114">
        <v>183500</v>
      </c>
      <c r="EM29" s="114">
        <v>49265</v>
      </c>
      <c r="EN29" s="112">
        <v>507587</v>
      </c>
      <c r="EO29" s="116">
        <v>507587</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515245</v>
      </c>
      <c r="FM29" s="114">
        <v>489859</v>
      </c>
      <c r="FN29" s="113">
        <v>1005104</v>
      </c>
      <c r="FO29" s="110">
        <v>0</v>
      </c>
      <c r="FP29" s="114">
        <v>1185335</v>
      </c>
      <c r="FQ29" s="114">
        <v>2297424</v>
      </c>
      <c r="FR29" s="114">
        <v>1926772</v>
      </c>
      <c r="FS29" s="114">
        <v>1519802</v>
      </c>
      <c r="FT29" s="114">
        <v>1472781</v>
      </c>
      <c r="FU29" s="113">
        <v>8402114</v>
      </c>
      <c r="FV29" s="116">
        <v>9407218</v>
      </c>
      <c r="FW29" s="115">
        <v>274855</v>
      </c>
      <c r="FX29" s="114">
        <v>393213</v>
      </c>
      <c r="FY29" s="112">
        <v>668068</v>
      </c>
      <c r="FZ29" s="111">
        <v>0</v>
      </c>
      <c r="GA29" s="114">
        <v>874165</v>
      </c>
      <c r="GB29" s="114">
        <v>2116040</v>
      </c>
      <c r="GC29" s="114">
        <v>1651692</v>
      </c>
      <c r="GD29" s="114">
        <v>1368476</v>
      </c>
      <c r="GE29" s="114">
        <v>1472781</v>
      </c>
      <c r="GF29" s="113">
        <v>7483154</v>
      </c>
      <c r="GG29" s="318">
        <v>8151222</v>
      </c>
      <c r="GH29" s="115">
        <v>35640</v>
      </c>
      <c r="GI29" s="114">
        <v>37246</v>
      </c>
      <c r="GJ29" s="112">
        <v>72886</v>
      </c>
      <c r="GK29" s="111">
        <v>0</v>
      </c>
      <c r="GL29" s="114">
        <v>110088</v>
      </c>
      <c r="GM29" s="114">
        <v>21384</v>
      </c>
      <c r="GN29" s="114">
        <v>51480</v>
      </c>
      <c r="GO29" s="114">
        <v>17226</v>
      </c>
      <c r="GP29" s="114">
        <v>0</v>
      </c>
      <c r="GQ29" s="113">
        <v>200178</v>
      </c>
      <c r="GR29" s="116">
        <v>273064</v>
      </c>
      <c r="GS29" s="110">
        <v>204750</v>
      </c>
      <c r="GT29" s="114">
        <v>59400</v>
      </c>
      <c r="GU29" s="113">
        <v>264150</v>
      </c>
      <c r="GV29" s="110">
        <v>0</v>
      </c>
      <c r="GW29" s="114">
        <v>201082</v>
      </c>
      <c r="GX29" s="114">
        <v>160000</v>
      </c>
      <c r="GY29" s="114">
        <v>223600</v>
      </c>
      <c r="GZ29" s="114">
        <v>134100</v>
      </c>
      <c r="HA29" s="114">
        <v>0</v>
      </c>
      <c r="HB29" s="112">
        <v>718782</v>
      </c>
      <c r="HC29" s="116">
        <v>982932</v>
      </c>
      <c r="HD29" s="110">
        <v>677430</v>
      </c>
      <c r="HE29" s="114">
        <v>926201</v>
      </c>
      <c r="HF29" s="112">
        <v>1603631</v>
      </c>
      <c r="HG29" s="111">
        <v>0</v>
      </c>
      <c r="HH29" s="114">
        <v>5846044</v>
      </c>
      <c r="HI29" s="114">
        <v>5115320</v>
      </c>
      <c r="HJ29" s="114">
        <v>5257468</v>
      </c>
      <c r="HK29" s="114">
        <v>6140505</v>
      </c>
      <c r="HL29" s="114">
        <v>5250634</v>
      </c>
      <c r="HM29" s="113">
        <v>27609971</v>
      </c>
      <c r="HN29" s="109">
        <v>29213602</v>
      </c>
      <c r="HO29" s="115">
        <v>438300</v>
      </c>
      <c r="HP29" s="114">
        <v>406291</v>
      </c>
      <c r="HQ29" s="113">
        <v>844591</v>
      </c>
      <c r="HR29" s="110">
        <v>0</v>
      </c>
      <c r="HS29" s="114">
        <v>3646796</v>
      </c>
      <c r="HT29" s="114">
        <v>2732012</v>
      </c>
      <c r="HU29" s="114">
        <v>2181600</v>
      </c>
      <c r="HV29" s="114">
        <v>1342814</v>
      </c>
      <c r="HW29" s="114">
        <v>1073436</v>
      </c>
      <c r="HX29" s="112">
        <v>10976658</v>
      </c>
      <c r="HY29" s="116">
        <v>11821249</v>
      </c>
      <c r="HZ29" s="131">
        <v>45963</v>
      </c>
      <c r="IA29" s="132">
        <v>82314</v>
      </c>
      <c r="IB29" s="133">
        <v>128277</v>
      </c>
      <c r="IC29" s="146">
        <v>0</v>
      </c>
      <c r="ID29" s="132">
        <v>4491400</v>
      </c>
      <c r="IE29" s="147">
        <v>4756436</v>
      </c>
      <c r="IF29" s="133">
        <v>5954631</v>
      </c>
      <c r="IG29" s="132">
        <v>4367586</v>
      </c>
      <c r="IH29" s="133">
        <v>2564443</v>
      </c>
      <c r="II29" s="148">
        <v>22134496</v>
      </c>
      <c r="IJ29" s="139">
        <v>22262773</v>
      </c>
      <c r="IK29" s="232">
        <v>0</v>
      </c>
      <c r="IL29" s="236">
        <v>0</v>
      </c>
      <c r="IM29" s="237">
        <v>0</v>
      </c>
      <c r="IN29" s="140"/>
      <c r="IO29" s="119">
        <v>144990</v>
      </c>
      <c r="IP29" s="119">
        <v>215674</v>
      </c>
      <c r="IQ29" s="119">
        <v>328782</v>
      </c>
      <c r="IR29" s="119">
        <v>398958</v>
      </c>
      <c r="IS29" s="119">
        <v>329893</v>
      </c>
      <c r="IT29" s="141">
        <v>1418297</v>
      </c>
      <c r="IU29" s="320">
        <v>1418297</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2026228</v>
      </c>
      <c r="JL29" s="119">
        <v>1112363</v>
      </c>
      <c r="JM29" s="119">
        <v>1022796</v>
      </c>
      <c r="JN29" s="119">
        <v>829164</v>
      </c>
      <c r="JO29" s="119">
        <v>149542</v>
      </c>
      <c r="JP29" s="120">
        <v>5140093</v>
      </c>
      <c r="JQ29" s="320">
        <v>5140093</v>
      </c>
      <c r="JR29" s="142">
        <v>0</v>
      </c>
      <c r="JS29" s="119">
        <v>0</v>
      </c>
      <c r="JT29" s="141">
        <v>0</v>
      </c>
      <c r="JU29" s="118">
        <v>0</v>
      </c>
      <c r="JV29" s="119">
        <v>627710</v>
      </c>
      <c r="JW29" s="119">
        <v>512927</v>
      </c>
      <c r="JX29" s="119">
        <v>389071</v>
      </c>
      <c r="JY29" s="119">
        <v>158921</v>
      </c>
      <c r="JZ29" s="119">
        <v>218860</v>
      </c>
      <c r="KA29" s="120">
        <v>1907489</v>
      </c>
      <c r="KB29" s="320">
        <v>1907489</v>
      </c>
      <c r="KC29" s="234">
        <v>45963</v>
      </c>
      <c r="KD29" s="230">
        <v>82314</v>
      </c>
      <c r="KE29" s="120">
        <v>128277</v>
      </c>
      <c r="KF29" s="118">
        <v>0</v>
      </c>
      <c r="KG29" s="119">
        <v>1441960</v>
      </c>
      <c r="KH29" s="119">
        <v>1616151</v>
      </c>
      <c r="KI29" s="119">
        <v>1112626</v>
      </c>
      <c r="KJ29" s="119">
        <v>1403509</v>
      </c>
      <c r="KK29" s="119">
        <v>848710</v>
      </c>
      <c r="KL29" s="120">
        <v>6422956</v>
      </c>
      <c r="KM29" s="143">
        <v>6551233</v>
      </c>
      <c r="KN29" s="232">
        <v>0</v>
      </c>
      <c r="KO29" s="236">
        <v>0</v>
      </c>
      <c r="KP29" s="237">
        <v>0</v>
      </c>
      <c r="KQ29" s="140"/>
      <c r="KR29" s="119">
        <v>250512</v>
      </c>
      <c r="KS29" s="119">
        <v>1299321</v>
      </c>
      <c r="KT29" s="119">
        <v>3101356</v>
      </c>
      <c r="KU29" s="119">
        <v>1577034</v>
      </c>
      <c r="KV29" s="119">
        <v>1017438</v>
      </c>
      <c r="KW29" s="120">
        <v>7245661</v>
      </c>
      <c r="KX29" s="320">
        <v>7245661</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489516</v>
      </c>
      <c r="MK29" s="119">
        <v>3621218</v>
      </c>
      <c r="ML29" s="119">
        <v>14541804</v>
      </c>
      <c r="MM29" s="119">
        <v>30852520</v>
      </c>
      <c r="MN29" s="119">
        <v>21126627</v>
      </c>
      <c r="MO29" s="120">
        <v>72631685</v>
      </c>
      <c r="MP29" s="143">
        <v>72631685</v>
      </c>
      <c r="MQ29" s="142">
        <v>0</v>
      </c>
      <c r="MR29" s="119">
        <v>0</v>
      </c>
      <c r="MS29" s="120">
        <v>0</v>
      </c>
      <c r="MT29" s="145"/>
      <c r="MU29" s="119">
        <v>0</v>
      </c>
      <c r="MV29" s="119">
        <v>0</v>
      </c>
      <c r="MW29" s="119">
        <v>8750702</v>
      </c>
      <c r="MX29" s="119">
        <v>21006117</v>
      </c>
      <c r="MY29" s="119">
        <v>18908778</v>
      </c>
      <c r="MZ29" s="120">
        <v>48665597</v>
      </c>
      <c r="NA29" s="143">
        <v>48665597</v>
      </c>
      <c r="NB29" s="142">
        <v>0</v>
      </c>
      <c r="NC29" s="119">
        <v>0</v>
      </c>
      <c r="ND29" s="120">
        <v>0</v>
      </c>
      <c r="NE29" s="145"/>
      <c r="NF29" s="119">
        <v>2489516</v>
      </c>
      <c r="NG29" s="119">
        <v>3621218</v>
      </c>
      <c r="NH29" s="119">
        <v>5791102</v>
      </c>
      <c r="NI29" s="119">
        <v>9846403</v>
      </c>
      <c r="NJ29" s="119">
        <v>2217849</v>
      </c>
      <c r="NK29" s="120">
        <v>23966088</v>
      </c>
      <c r="NL29" s="320">
        <v>23966088</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567550</v>
      </c>
      <c r="OJ29" s="119">
        <v>3042150</v>
      </c>
      <c r="OK29" s="141">
        <v>5609700</v>
      </c>
      <c r="OL29" s="118">
        <v>0</v>
      </c>
      <c r="OM29" s="119">
        <v>32214529</v>
      </c>
      <c r="ON29" s="119">
        <v>34029734</v>
      </c>
      <c r="OO29" s="119">
        <v>44718799</v>
      </c>
      <c r="OP29" s="119">
        <v>57699732</v>
      </c>
      <c r="OQ29" s="119">
        <v>45364517</v>
      </c>
      <c r="OR29" s="120">
        <v>214027311</v>
      </c>
      <c r="OS29" s="143">
        <v>219637011</v>
      </c>
    </row>
    <row r="30" spans="2:409" ht="18.75" customHeight="1" x14ac:dyDescent="0.2">
      <c r="B30" s="62" t="s">
        <v>25</v>
      </c>
      <c r="C30" s="110">
        <v>1733625</v>
      </c>
      <c r="D30" s="114">
        <v>4194699</v>
      </c>
      <c r="E30" s="113">
        <v>5928324</v>
      </c>
      <c r="F30" s="109">
        <v>0</v>
      </c>
      <c r="G30" s="114">
        <v>28541565</v>
      </c>
      <c r="H30" s="114">
        <v>26653670</v>
      </c>
      <c r="I30" s="114">
        <v>20186248</v>
      </c>
      <c r="J30" s="114">
        <v>26947815</v>
      </c>
      <c r="K30" s="114">
        <v>17332276</v>
      </c>
      <c r="L30" s="173">
        <v>119661574</v>
      </c>
      <c r="M30" s="116">
        <v>125589898</v>
      </c>
      <c r="N30" s="110">
        <v>521010</v>
      </c>
      <c r="O30" s="114">
        <v>1199501</v>
      </c>
      <c r="P30" s="113">
        <v>1720511</v>
      </c>
      <c r="Q30" s="110">
        <v>0</v>
      </c>
      <c r="R30" s="114">
        <v>8040826</v>
      </c>
      <c r="S30" s="114">
        <v>7849377</v>
      </c>
      <c r="T30" s="114">
        <v>6470832</v>
      </c>
      <c r="U30" s="114">
        <v>9884004</v>
      </c>
      <c r="V30" s="114">
        <v>10457228</v>
      </c>
      <c r="W30" s="113">
        <v>42702267</v>
      </c>
      <c r="X30" s="116">
        <v>44422778</v>
      </c>
      <c r="Y30" s="110">
        <v>0</v>
      </c>
      <c r="Z30" s="114">
        <v>0</v>
      </c>
      <c r="AA30" s="113">
        <v>0</v>
      </c>
      <c r="AB30" s="110">
        <v>0</v>
      </c>
      <c r="AC30" s="114">
        <v>4003801</v>
      </c>
      <c r="AD30" s="114">
        <v>3821909</v>
      </c>
      <c r="AE30" s="114">
        <v>4104541</v>
      </c>
      <c r="AF30" s="114">
        <v>6188059</v>
      </c>
      <c r="AG30" s="114">
        <v>5828030</v>
      </c>
      <c r="AH30" s="113">
        <v>23946340</v>
      </c>
      <c r="AI30" s="116">
        <v>23946340</v>
      </c>
      <c r="AJ30" s="110">
        <v>0</v>
      </c>
      <c r="AK30" s="114">
        <v>0</v>
      </c>
      <c r="AL30" s="113">
        <v>0</v>
      </c>
      <c r="AM30" s="110">
        <v>0</v>
      </c>
      <c r="AN30" s="114">
        <v>92628</v>
      </c>
      <c r="AO30" s="114">
        <v>439331</v>
      </c>
      <c r="AP30" s="114">
        <v>367183</v>
      </c>
      <c r="AQ30" s="114">
        <v>1204022</v>
      </c>
      <c r="AR30" s="114">
        <v>2195565</v>
      </c>
      <c r="AS30" s="113">
        <v>4298729</v>
      </c>
      <c r="AT30" s="116">
        <v>4298729</v>
      </c>
      <c r="AU30" s="110">
        <v>357607</v>
      </c>
      <c r="AV30" s="114">
        <v>933971</v>
      </c>
      <c r="AW30" s="113">
        <v>1291578</v>
      </c>
      <c r="AX30" s="110">
        <v>0</v>
      </c>
      <c r="AY30" s="114">
        <v>2930940</v>
      </c>
      <c r="AZ30" s="114">
        <v>2263745</v>
      </c>
      <c r="BA30" s="114">
        <v>1264048</v>
      </c>
      <c r="BB30" s="114">
        <v>1456597</v>
      </c>
      <c r="BC30" s="114">
        <v>1606847</v>
      </c>
      <c r="BD30" s="113">
        <v>9522177</v>
      </c>
      <c r="BE30" s="116">
        <v>10813755</v>
      </c>
      <c r="BF30" s="110">
        <v>91520</v>
      </c>
      <c r="BG30" s="114">
        <v>78741</v>
      </c>
      <c r="BH30" s="112">
        <v>170261</v>
      </c>
      <c r="BI30" s="111">
        <v>0</v>
      </c>
      <c r="BJ30" s="114">
        <v>97520</v>
      </c>
      <c r="BK30" s="114">
        <v>519393</v>
      </c>
      <c r="BL30" s="114">
        <v>154749</v>
      </c>
      <c r="BM30" s="114">
        <v>157283</v>
      </c>
      <c r="BN30" s="114">
        <v>240643</v>
      </c>
      <c r="BO30" s="113">
        <v>1169588</v>
      </c>
      <c r="BP30" s="116">
        <v>1339849</v>
      </c>
      <c r="BQ30" s="110">
        <v>71883</v>
      </c>
      <c r="BR30" s="114">
        <v>186789</v>
      </c>
      <c r="BS30" s="113">
        <v>258672</v>
      </c>
      <c r="BT30" s="110">
        <v>0</v>
      </c>
      <c r="BU30" s="114">
        <v>915937</v>
      </c>
      <c r="BV30" s="114">
        <v>804999</v>
      </c>
      <c r="BW30" s="114">
        <v>580311</v>
      </c>
      <c r="BX30" s="114">
        <v>878043</v>
      </c>
      <c r="BY30" s="114">
        <v>586143</v>
      </c>
      <c r="BZ30" s="113">
        <v>3765433</v>
      </c>
      <c r="CA30" s="116">
        <v>4024105</v>
      </c>
      <c r="CB30" s="110">
        <v>189935</v>
      </c>
      <c r="CC30" s="114">
        <v>736999</v>
      </c>
      <c r="CD30" s="113">
        <v>926934</v>
      </c>
      <c r="CE30" s="110">
        <v>0</v>
      </c>
      <c r="CF30" s="114">
        <v>10202109</v>
      </c>
      <c r="CG30" s="114">
        <v>9299457</v>
      </c>
      <c r="CH30" s="114">
        <v>6513575</v>
      </c>
      <c r="CI30" s="114">
        <v>7311063</v>
      </c>
      <c r="CJ30" s="114">
        <v>1338605</v>
      </c>
      <c r="CK30" s="113">
        <v>34664809</v>
      </c>
      <c r="CL30" s="116">
        <v>35591743</v>
      </c>
      <c r="CM30" s="110">
        <v>0</v>
      </c>
      <c r="CN30" s="114">
        <v>0</v>
      </c>
      <c r="CO30" s="113">
        <v>0</v>
      </c>
      <c r="CP30" s="111">
        <v>0</v>
      </c>
      <c r="CQ30" s="114">
        <v>8152348</v>
      </c>
      <c r="CR30" s="114">
        <v>5768871</v>
      </c>
      <c r="CS30" s="114">
        <v>5076052</v>
      </c>
      <c r="CT30" s="114">
        <v>5989344</v>
      </c>
      <c r="CU30" s="114">
        <v>746904</v>
      </c>
      <c r="CV30" s="113">
        <v>25733519</v>
      </c>
      <c r="CW30" s="116">
        <v>25733519</v>
      </c>
      <c r="CX30" s="110">
        <v>189935</v>
      </c>
      <c r="CY30" s="114">
        <v>736999</v>
      </c>
      <c r="CZ30" s="113">
        <v>926934</v>
      </c>
      <c r="DA30" s="110">
        <v>0</v>
      </c>
      <c r="DB30" s="114">
        <v>2049761</v>
      </c>
      <c r="DC30" s="114">
        <v>3530586</v>
      </c>
      <c r="DD30" s="114">
        <v>1437523</v>
      </c>
      <c r="DE30" s="114">
        <v>1321719</v>
      </c>
      <c r="DF30" s="114">
        <v>591701</v>
      </c>
      <c r="DG30" s="113">
        <v>8931290</v>
      </c>
      <c r="DH30" s="116">
        <v>9858224</v>
      </c>
      <c r="DI30" s="110">
        <v>0</v>
      </c>
      <c r="DJ30" s="114">
        <v>119943</v>
      </c>
      <c r="DK30" s="112">
        <v>119943</v>
      </c>
      <c r="DL30" s="111">
        <v>0</v>
      </c>
      <c r="DM30" s="114">
        <v>572803</v>
      </c>
      <c r="DN30" s="114">
        <v>1018760</v>
      </c>
      <c r="DO30" s="114">
        <v>1229918</v>
      </c>
      <c r="DP30" s="114">
        <v>750604</v>
      </c>
      <c r="DQ30" s="114">
        <v>216348</v>
      </c>
      <c r="DR30" s="113">
        <v>3788433</v>
      </c>
      <c r="DS30" s="116">
        <v>3908376</v>
      </c>
      <c r="DT30" s="110">
        <v>0</v>
      </c>
      <c r="DU30" s="114">
        <v>119943</v>
      </c>
      <c r="DV30" s="113">
        <v>119943</v>
      </c>
      <c r="DW30" s="110">
        <v>0</v>
      </c>
      <c r="DX30" s="114">
        <v>446554</v>
      </c>
      <c r="DY30" s="114">
        <v>959106</v>
      </c>
      <c r="DZ30" s="114">
        <v>1206040</v>
      </c>
      <c r="EA30" s="114">
        <v>750604</v>
      </c>
      <c r="EB30" s="114">
        <v>216348</v>
      </c>
      <c r="EC30" s="113">
        <v>3578652</v>
      </c>
      <c r="ED30" s="116">
        <v>3698595</v>
      </c>
      <c r="EE30" s="110">
        <v>0</v>
      </c>
      <c r="EF30" s="112">
        <v>0</v>
      </c>
      <c r="EG30" s="113">
        <v>0</v>
      </c>
      <c r="EH30" s="110">
        <v>0</v>
      </c>
      <c r="EI30" s="114">
        <v>126249</v>
      </c>
      <c r="EJ30" s="114">
        <v>59654</v>
      </c>
      <c r="EK30" s="114">
        <v>23878</v>
      </c>
      <c r="EL30" s="114">
        <v>0</v>
      </c>
      <c r="EM30" s="114">
        <v>0</v>
      </c>
      <c r="EN30" s="112">
        <v>209781</v>
      </c>
      <c r="EO30" s="116">
        <v>209781</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415824</v>
      </c>
      <c r="FM30" s="114">
        <v>1128861</v>
      </c>
      <c r="FN30" s="113">
        <v>1544685</v>
      </c>
      <c r="FO30" s="110">
        <v>0</v>
      </c>
      <c r="FP30" s="114">
        <v>1364268</v>
      </c>
      <c r="FQ30" s="114">
        <v>2491882</v>
      </c>
      <c r="FR30" s="114">
        <v>1993699</v>
      </c>
      <c r="FS30" s="114">
        <v>1861810</v>
      </c>
      <c r="FT30" s="114">
        <v>1263029</v>
      </c>
      <c r="FU30" s="113">
        <v>8974688</v>
      </c>
      <c r="FV30" s="116">
        <v>10519373</v>
      </c>
      <c r="FW30" s="115">
        <v>394224</v>
      </c>
      <c r="FX30" s="114">
        <v>760332</v>
      </c>
      <c r="FY30" s="112">
        <v>1154556</v>
      </c>
      <c r="FZ30" s="111">
        <v>0</v>
      </c>
      <c r="GA30" s="114">
        <v>940961</v>
      </c>
      <c r="GB30" s="114">
        <v>2428162</v>
      </c>
      <c r="GC30" s="114">
        <v>1680499</v>
      </c>
      <c r="GD30" s="114">
        <v>1829330</v>
      </c>
      <c r="GE30" s="114">
        <v>1263029</v>
      </c>
      <c r="GF30" s="113">
        <v>8141981</v>
      </c>
      <c r="GG30" s="318">
        <v>9296537</v>
      </c>
      <c r="GH30" s="115">
        <v>0</v>
      </c>
      <c r="GI30" s="114">
        <v>127485</v>
      </c>
      <c r="GJ30" s="112">
        <v>127485</v>
      </c>
      <c r="GK30" s="111">
        <v>0</v>
      </c>
      <c r="GL30" s="114">
        <v>81198</v>
      </c>
      <c r="GM30" s="114">
        <v>45900</v>
      </c>
      <c r="GN30" s="114">
        <v>68310</v>
      </c>
      <c r="GO30" s="114">
        <v>0</v>
      </c>
      <c r="GP30" s="114">
        <v>0</v>
      </c>
      <c r="GQ30" s="113">
        <v>195408</v>
      </c>
      <c r="GR30" s="116">
        <v>322893</v>
      </c>
      <c r="GS30" s="110">
        <v>21600</v>
      </c>
      <c r="GT30" s="114">
        <v>241044</v>
      </c>
      <c r="GU30" s="113">
        <v>262644</v>
      </c>
      <c r="GV30" s="110">
        <v>0</v>
      </c>
      <c r="GW30" s="114">
        <v>342109</v>
      </c>
      <c r="GX30" s="114">
        <v>17820</v>
      </c>
      <c r="GY30" s="114">
        <v>244890</v>
      </c>
      <c r="GZ30" s="114">
        <v>32480</v>
      </c>
      <c r="HA30" s="114">
        <v>0</v>
      </c>
      <c r="HB30" s="112">
        <v>637299</v>
      </c>
      <c r="HC30" s="116">
        <v>899943</v>
      </c>
      <c r="HD30" s="110">
        <v>184858</v>
      </c>
      <c r="HE30" s="114">
        <v>310665</v>
      </c>
      <c r="HF30" s="112">
        <v>495523</v>
      </c>
      <c r="HG30" s="111">
        <v>0</v>
      </c>
      <c r="HH30" s="114">
        <v>3716516</v>
      </c>
      <c r="HI30" s="114">
        <v>2716309</v>
      </c>
      <c r="HJ30" s="114">
        <v>1768573</v>
      </c>
      <c r="HK30" s="114">
        <v>5363107</v>
      </c>
      <c r="HL30" s="114">
        <v>3090879</v>
      </c>
      <c r="HM30" s="113">
        <v>16655384</v>
      </c>
      <c r="HN30" s="109">
        <v>17150907</v>
      </c>
      <c r="HO30" s="115">
        <v>421998</v>
      </c>
      <c r="HP30" s="114">
        <v>698730</v>
      </c>
      <c r="HQ30" s="113">
        <v>1120728</v>
      </c>
      <c r="HR30" s="110">
        <v>0</v>
      </c>
      <c r="HS30" s="114">
        <v>4645043</v>
      </c>
      <c r="HT30" s="114">
        <v>3277885</v>
      </c>
      <c r="HU30" s="114">
        <v>2209651</v>
      </c>
      <c r="HV30" s="114">
        <v>1777227</v>
      </c>
      <c r="HW30" s="114">
        <v>966187</v>
      </c>
      <c r="HX30" s="112">
        <v>12875993</v>
      </c>
      <c r="HY30" s="116">
        <v>13996721</v>
      </c>
      <c r="HZ30" s="150">
        <v>49644</v>
      </c>
      <c r="IA30" s="135">
        <v>0</v>
      </c>
      <c r="IB30" s="150">
        <v>49644</v>
      </c>
      <c r="IC30" s="134">
        <v>0</v>
      </c>
      <c r="ID30" s="135">
        <v>8631354</v>
      </c>
      <c r="IE30" s="136">
        <v>4684453</v>
      </c>
      <c r="IF30" s="137">
        <v>3777177</v>
      </c>
      <c r="IG30" s="135">
        <v>1988818</v>
      </c>
      <c r="IH30" s="137">
        <v>442512</v>
      </c>
      <c r="II30" s="138">
        <v>19524314</v>
      </c>
      <c r="IJ30" s="150">
        <v>19573958</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375098</v>
      </c>
      <c r="JL30" s="119">
        <v>2185246</v>
      </c>
      <c r="JM30" s="119">
        <v>1407289</v>
      </c>
      <c r="JN30" s="119">
        <v>567577</v>
      </c>
      <c r="JO30" s="119">
        <v>163786</v>
      </c>
      <c r="JP30" s="120">
        <v>8698996</v>
      </c>
      <c r="JQ30" s="320">
        <v>8698996</v>
      </c>
      <c r="JR30" s="142">
        <v>0</v>
      </c>
      <c r="JS30" s="119">
        <v>0</v>
      </c>
      <c r="JT30" s="141">
        <v>0</v>
      </c>
      <c r="JU30" s="118">
        <v>0</v>
      </c>
      <c r="JV30" s="119">
        <v>0</v>
      </c>
      <c r="JW30" s="119">
        <v>0</v>
      </c>
      <c r="JX30" s="119">
        <v>0</v>
      </c>
      <c r="JY30" s="119">
        <v>0</v>
      </c>
      <c r="JZ30" s="119">
        <v>0</v>
      </c>
      <c r="KA30" s="120">
        <v>0</v>
      </c>
      <c r="KB30" s="320">
        <v>0</v>
      </c>
      <c r="KC30" s="234">
        <v>49644</v>
      </c>
      <c r="KD30" s="230">
        <v>0</v>
      </c>
      <c r="KE30" s="120">
        <v>49644</v>
      </c>
      <c r="KF30" s="118">
        <v>0</v>
      </c>
      <c r="KG30" s="119">
        <v>597610</v>
      </c>
      <c r="KH30" s="119">
        <v>881949</v>
      </c>
      <c r="KI30" s="119">
        <v>755961</v>
      </c>
      <c r="KJ30" s="119">
        <v>0</v>
      </c>
      <c r="KK30" s="119">
        <v>0</v>
      </c>
      <c r="KL30" s="120">
        <v>2235520</v>
      </c>
      <c r="KM30" s="143">
        <v>2285164</v>
      </c>
      <c r="KN30" s="232">
        <v>0</v>
      </c>
      <c r="KO30" s="236">
        <v>0</v>
      </c>
      <c r="KP30" s="237">
        <v>0</v>
      </c>
      <c r="KQ30" s="140"/>
      <c r="KR30" s="119">
        <v>3658646</v>
      </c>
      <c r="KS30" s="119">
        <v>1617258</v>
      </c>
      <c r="KT30" s="119">
        <v>1613927</v>
      </c>
      <c r="KU30" s="119">
        <v>1421241</v>
      </c>
      <c r="KV30" s="119">
        <v>278726</v>
      </c>
      <c r="KW30" s="120">
        <v>8589798</v>
      </c>
      <c r="KX30" s="320">
        <v>8589798</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3583454</v>
      </c>
      <c r="MK30" s="119">
        <v>7667950</v>
      </c>
      <c r="ML30" s="119">
        <v>21667213</v>
      </c>
      <c r="MM30" s="119">
        <v>34342437</v>
      </c>
      <c r="MN30" s="119">
        <v>23353710</v>
      </c>
      <c r="MO30" s="120">
        <v>90614764</v>
      </c>
      <c r="MP30" s="143">
        <v>90614764</v>
      </c>
      <c r="MQ30" s="142">
        <v>0</v>
      </c>
      <c r="MR30" s="119">
        <v>0</v>
      </c>
      <c r="MS30" s="120">
        <v>0</v>
      </c>
      <c r="MT30" s="145"/>
      <c r="MU30" s="119">
        <v>702968</v>
      </c>
      <c r="MV30" s="119">
        <v>1759267</v>
      </c>
      <c r="MW30" s="119">
        <v>15105907</v>
      </c>
      <c r="MX30" s="119">
        <v>21298592</v>
      </c>
      <c r="MY30" s="119">
        <v>16745148</v>
      </c>
      <c r="MZ30" s="120">
        <v>55611882</v>
      </c>
      <c r="NA30" s="143">
        <v>55611882</v>
      </c>
      <c r="NB30" s="142">
        <v>0</v>
      </c>
      <c r="NC30" s="119">
        <v>0</v>
      </c>
      <c r="ND30" s="120">
        <v>0</v>
      </c>
      <c r="NE30" s="145"/>
      <c r="NF30" s="119">
        <v>2880486</v>
      </c>
      <c r="NG30" s="119">
        <v>5908683</v>
      </c>
      <c r="NH30" s="119">
        <v>6561306</v>
      </c>
      <c r="NI30" s="119">
        <v>12645039</v>
      </c>
      <c r="NJ30" s="119">
        <v>6196400</v>
      </c>
      <c r="NK30" s="120">
        <v>34191914</v>
      </c>
      <c r="NL30" s="320">
        <v>34191914</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398806</v>
      </c>
      <c r="OF30" s="119">
        <v>412162</v>
      </c>
      <c r="OG30" s="120">
        <v>810968</v>
      </c>
      <c r="OH30" s="121">
        <v>810968</v>
      </c>
      <c r="OI30" s="142">
        <v>1783269</v>
      </c>
      <c r="OJ30" s="119">
        <v>4194699</v>
      </c>
      <c r="OK30" s="141">
        <v>5977968</v>
      </c>
      <c r="OL30" s="118">
        <v>0</v>
      </c>
      <c r="OM30" s="119">
        <v>40756373</v>
      </c>
      <c r="ON30" s="119">
        <v>39006073</v>
      </c>
      <c r="OO30" s="119">
        <v>45630638</v>
      </c>
      <c r="OP30" s="119">
        <v>63279070</v>
      </c>
      <c r="OQ30" s="119">
        <v>41128498</v>
      </c>
      <c r="OR30" s="120">
        <v>229800652</v>
      </c>
      <c r="OS30" s="143">
        <v>235778620</v>
      </c>
    </row>
    <row r="31" spans="2:409" ht="18.75" customHeight="1" x14ac:dyDescent="0.2">
      <c r="B31" s="62" t="s">
        <v>26</v>
      </c>
      <c r="C31" s="110">
        <v>1804861</v>
      </c>
      <c r="D31" s="114">
        <v>2186176</v>
      </c>
      <c r="E31" s="113">
        <v>3991037</v>
      </c>
      <c r="F31" s="109">
        <v>0</v>
      </c>
      <c r="G31" s="114">
        <v>21252797</v>
      </c>
      <c r="H31" s="114">
        <v>24068641</v>
      </c>
      <c r="I31" s="114">
        <v>21627074</v>
      </c>
      <c r="J31" s="114">
        <v>21939416</v>
      </c>
      <c r="K31" s="114">
        <v>19330853</v>
      </c>
      <c r="L31" s="173">
        <v>108218781</v>
      </c>
      <c r="M31" s="116">
        <v>112209818</v>
      </c>
      <c r="N31" s="110">
        <v>304588</v>
      </c>
      <c r="O31" s="114">
        <v>526527</v>
      </c>
      <c r="P31" s="113">
        <v>831115</v>
      </c>
      <c r="Q31" s="110">
        <v>0</v>
      </c>
      <c r="R31" s="114">
        <v>6047318</v>
      </c>
      <c r="S31" s="114">
        <v>7426420</v>
      </c>
      <c r="T31" s="114">
        <v>6224638</v>
      </c>
      <c r="U31" s="114">
        <v>8291318</v>
      </c>
      <c r="V31" s="114">
        <v>11128271</v>
      </c>
      <c r="W31" s="113">
        <v>39117965</v>
      </c>
      <c r="X31" s="116">
        <v>39949080</v>
      </c>
      <c r="Y31" s="110">
        <v>0</v>
      </c>
      <c r="Z31" s="114">
        <v>0</v>
      </c>
      <c r="AA31" s="113">
        <v>0</v>
      </c>
      <c r="AB31" s="110">
        <v>0</v>
      </c>
      <c r="AC31" s="114">
        <v>2774826</v>
      </c>
      <c r="AD31" s="114">
        <v>3645255</v>
      </c>
      <c r="AE31" s="114">
        <v>3204156</v>
      </c>
      <c r="AF31" s="114">
        <v>4794635</v>
      </c>
      <c r="AG31" s="114">
        <v>7076885</v>
      </c>
      <c r="AH31" s="113">
        <v>21495757</v>
      </c>
      <c r="AI31" s="116">
        <v>21495757</v>
      </c>
      <c r="AJ31" s="110">
        <v>0</v>
      </c>
      <c r="AK31" s="114">
        <v>0</v>
      </c>
      <c r="AL31" s="113">
        <v>0</v>
      </c>
      <c r="AM31" s="110">
        <v>0</v>
      </c>
      <c r="AN31" s="114">
        <v>80919</v>
      </c>
      <c r="AO31" s="114">
        <v>91137</v>
      </c>
      <c r="AP31" s="114">
        <v>245186</v>
      </c>
      <c r="AQ31" s="114">
        <v>705282</v>
      </c>
      <c r="AR31" s="114">
        <v>1033630</v>
      </c>
      <c r="AS31" s="113">
        <v>2156154</v>
      </c>
      <c r="AT31" s="116">
        <v>2156154</v>
      </c>
      <c r="AU31" s="110">
        <v>203171</v>
      </c>
      <c r="AV31" s="114">
        <v>486891</v>
      </c>
      <c r="AW31" s="113">
        <v>690062</v>
      </c>
      <c r="AX31" s="110">
        <v>0</v>
      </c>
      <c r="AY31" s="114">
        <v>2361784</v>
      </c>
      <c r="AZ31" s="114">
        <v>2786268</v>
      </c>
      <c r="BA31" s="114">
        <v>1755761</v>
      </c>
      <c r="BB31" s="114">
        <v>1810869</v>
      </c>
      <c r="BC31" s="114">
        <v>2270341</v>
      </c>
      <c r="BD31" s="113">
        <v>10985023</v>
      </c>
      <c r="BE31" s="116">
        <v>11675085</v>
      </c>
      <c r="BF31" s="110">
        <v>0</v>
      </c>
      <c r="BG31" s="114">
        <v>0</v>
      </c>
      <c r="BH31" s="112">
        <v>0</v>
      </c>
      <c r="BI31" s="111">
        <v>0</v>
      </c>
      <c r="BJ31" s="114">
        <v>79989</v>
      </c>
      <c r="BK31" s="114">
        <v>274061</v>
      </c>
      <c r="BL31" s="114">
        <v>177124</v>
      </c>
      <c r="BM31" s="114">
        <v>75735</v>
      </c>
      <c r="BN31" s="114">
        <v>138083</v>
      </c>
      <c r="BO31" s="113">
        <v>744992</v>
      </c>
      <c r="BP31" s="116">
        <v>744992</v>
      </c>
      <c r="BQ31" s="110">
        <v>101417</v>
      </c>
      <c r="BR31" s="114">
        <v>39636</v>
      </c>
      <c r="BS31" s="113">
        <v>141053</v>
      </c>
      <c r="BT31" s="110">
        <v>0</v>
      </c>
      <c r="BU31" s="114">
        <v>749800</v>
      </c>
      <c r="BV31" s="114">
        <v>629699</v>
      </c>
      <c r="BW31" s="114">
        <v>842411</v>
      </c>
      <c r="BX31" s="114">
        <v>904797</v>
      </c>
      <c r="BY31" s="114">
        <v>609332</v>
      </c>
      <c r="BZ31" s="113">
        <v>3736039</v>
      </c>
      <c r="CA31" s="116">
        <v>3877092</v>
      </c>
      <c r="CB31" s="110">
        <v>112345</v>
      </c>
      <c r="CC31" s="114">
        <v>212231</v>
      </c>
      <c r="CD31" s="113">
        <v>324576</v>
      </c>
      <c r="CE31" s="110">
        <v>0</v>
      </c>
      <c r="CF31" s="114">
        <v>5913198</v>
      </c>
      <c r="CG31" s="114">
        <v>6689670</v>
      </c>
      <c r="CH31" s="114">
        <v>4739267</v>
      </c>
      <c r="CI31" s="114">
        <v>2756894</v>
      </c>
      <c r="CJ31" s="114">
        <v>1953601</v>
      </c>
      <c r="CK31" s="113">
        <v>22052630</v>
      </c>
      <c r="CL31" s="116">
        <v>22377206</v>
      </c>
      <c r="CM31" s="110">
        <v>0</v>
      </c>
      <c r="CN31" s="114">
        <v>0</v>
      </c>
      <c r="CO31" s="113">
        <v>0</v>
      </c>
      <c r="CP31" s="111">
        <v>0</v>
      </c>
      <c r="CQ31" s="114">
        <v>4904895</v>
      </c>
      <c r="CR31" s="114">
        <v>5067802</v>
      </c>
      <c r="CS31" s="114">
        <v>3715823</v>
      </c>
      <c r="CT31" s="114">
        <v>2425986</v>
      </c>
      <c r="CU31" s="114">
        <v>1474002</v>
      </c>
      <c r="CV31" s="113">
        <v>17588508</v>
      </c>
      <c r="CW31" s="116">
        <v>17588508</v>
      </c>
      <c r="CX31" s="110">
        <v>112345</v>
      </c>
      <c r="CY31" s="114">
        <v>212231</v>
      </c>
      <c r="CZ31" s="113">
        <v>324576</v>
      </c>
      <c r="DA31" s="110">
        <v>0</v>
      </c>
      <c r="DB31" s="114">
        <v>1008303</v>
      </c>
      <c r="DC31" s="114">
        <v>1621868</v>
      </c>
      <c r="DD31" s="114">
        <v>1023444</v>
      </c>
      <c r="DE31" s="114">
        <v>330908</v>
      </c>
      <c r="DF31" s="114">
        <v>479599</v>
      </c>
      <c r="DG31" s="113">
        <v>4464122</v>
      </c>
      <c r="DH31" s="116">
        <v>4788698</v>
      </c>
      <c r="DI31" s="110">
        <v>0</v>
      </c>
      <c r="DJ31" s="114">
        <v>128047</v>
      </c>
      <c r="DK31" s="112">
        <v>128047</v>
      </c>
      <c r="DL31" s="111">
        <v>0</v>
      </c>
      <c r="DM31" s="114">
        <v>-44459</v>
      </c>
      <c r="DN31" s="114">
        <v>1102366</v>
      </c>
      <c r="DO31" s="114">
        <v>2213629</v>
      </c>
      <c r="DP31" s="114">
        <v>2926846</v>
      </c>
      <c r="DQ31" s="114">
        <v>918141</v>
      </c>
      <c r="DR31" s="113">
        <v>7116523</v>
      </c>
      <c r="DS31" s="116">
        <v>7244570</v>
      </c>
      <c r="DT31" s="110">
        <v>0</v>
      </c>
      <c r="DU31" s="114">
        <v>128047</v>
      </c>
      <c r="DV31" s="113">
        <v>128047</v>
      </c>
      <c r="DW31" s="110">
        <v>0</v>
      </c>
      <c r="DX31" s="114">
        <v>-81061</v>
      </c>
      <c r="DY31" s="114">
        <v>1049776</v>
      </c>
      <c r="DZ31" s="114">
        <v>2105876</v>
      </c>
      <c r="EA31" s="114">
        <v>2865428</v>
      </c>
      <c r="EB31" s="114">
        <v>918141</v>
      </c>
      <c r="EC31" s="113">
        <v>6858160</v>
      </c>
      <c r="ED31" s="116">
        <v>6986207</v>
      </c>
      <c r="EE31" s="110">
        <v>0</v>
      </c>
      <c r="EF31" s="112">
        <v>0</v>
      </c>
      <c r="EG31" s="113">
        <v>0</v>
      </c>
      <c r="EH31" s="110">
        <v>0</v>
      </c>
      <c r="EI31" s="114">
        <v>36602</v>
      </c>
      <c r="EJ31" s="114">
        <v>52590</v>
      </c>
      <c r="EK31" s="114">
        <v>107753</v>
      </c>
      <c r="EL31" s="114">
        <v>61418</v>
      </c>
      <c r="EM31" s="114">
        <v>0</v>
      </c>
      <c r="EN31" s="112">
        <v>258363</v>
      </c>
      <c r="EO31" s="116">
        <v>258363</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542250</v>
      </c>
      <c r="FM31" s="114">
        <v>646872</v>
      </c>
      <c r="FN31" s="113">
        <v>1189122</v>
      </c>
      <c r="FO31" s="110">
        <v>0</v>
      </c>
      <c r="FP31" s="114">
        <v>1472295</v>
      </c>
      <c r="FQ31" s="114">
        <v>2370178</v>
      </c>
      <c r="FR31" s="114">
        <v>1825370</v>
      </c>
      <c r="FS31" s="114">
        <v>1933814</v>
      </c>
      <c r="FT31" s="114">
        <v>1540999</v>
      </c>
      <c r="FU31" s="113">
        <v>9142656</v>
      </c>
      <c r="FV31" s="116">
        <v>10331778</v>
      </c>
      <c r="FW31" s="115">
        <v>243450</v>
      </c>
      <c r="FX31" s="114">
        <v>501705</v>
      </c>
      <c r="FY31" s="112">
        <v>745155</v>
      </c>
      <c r="FZ31" s="111">
        <v>0</v>
      </c>
      <c r="GA31" s="114">
        <v>1071140</v>
      </c>
      <c r="GB31" s="114">
        <v>2227891</v>
      </c>
      <c r="GC31" s="114">
        <v>1571021</v>
      </c>
      <c r="GD31" s="114">
        <v>1724312</v>
      </c>
      <c r="GE31" s="114">
        <v>1526599</v>
      </c>
      <c r="GF31" s="113">
        <v>8120963</v>
      </c>
      <c r="GG31" s="318">
        <v>8866118</v>
      </c>
      <c r="GH31" s="115">
        <v>0</v>
      </c>
      <c r="GI31" s="114">
        <v>53592</v>
      </c>
      <c r="GJ31" s="112">
        <v>53592</v>
      </c>
      <c r="GK31" s="111">
        <v>0</v>
      </c>
      <c r="GL31" s="114">
        <v>52716</v>
      </c>
      <c r="GM31" s="114">
        <v>117537</v>
      </c>
      <c r="GN31" s="114">
        <v>106524</v>
      </c>
      <c r="GO31" s="114">
        <v>29502</v>
      </c>
      <c r="GP31" s="114">
        <v>14400</v>
      </c>
      <c r="GQ31" s="113">
        <v>320679</v>
      </c>
      <c r="GR31" s="116">
        <v>374271</v>
      </c>
      <c r="GS31" s="110">
        <v>298800</v>
      </c>
      <c r="GT31" s="114">
        <v>91575</v>
      </c>
      <c r="GU31" s="113">
        <v>390375</v>
      </c>
      <c r="GV31" s="110">
        <v>0</v>
      </c>
      <c r="GW31" s="114">
        <v>348439</v>
      </c>
      <c r="GX31" s="114">
        <v>24750</v>
      </c>
      <c r="GY31" s="114">
        <v>147825</v>
      </c>
      <c r="GZ31" s="114">
        <v>180000</v>
      </c>
      <c r="HA31" s="114">
        <v>0</v>
      </c>
      <c r="HB31" s="112">
        <v>701014</v>
      </c>
      <c r="HC31" s="116">
        <v>1091389</v>
      </c>
      <c r="HD31" s="110">
        <v>522890</v>
      </c>
      <c r="HE31" s="114">
        <v>220269</v>
      </c>
      <c r="HF31" s="112">
        <v>743159</v>
      </c>
      <c r="HG31" s="111">
        <v>0</v>
      </c>
      <c r="HH31" s="114">
        <v>3895957</v>
      </c>
      <c r="HI31" s="114">
        <v>3236942</v>
      </c>
      <c r="HJ31" s="114">
        <v>4317280</v>
      </c>
      <c r="HK31" s="114">
        <v>4366566</v>
      </c>
      <c r="HL31" s="114">
        <v>2580166</v>
      </c>
      <c r="HM31" s="113">
        <v>18396911</v>
      </c>
      <c r="HN31" s="109">
        <v>19140070</v>
      </c>
      <c r="HO31" s="115">
        <v>322788</v>
      </c>
      <c r="HP31" s="114">
        <v>452230</v>
      </c>
      <c r="HQ31" s="113">
        <v>775018</v>
      </c>
      <c r="HR31" s="110">
        <v>0</v>
      </c>
      <c r="HS31" s="114">
        <v>3968488</v>
      </c>
      <c r="HT31" s="114">
        <v>3243065</v>
      </c>
      <c r="HU31" s="114">
        <v>2306890</v>
      </c>
      <c r="HV31" s="114">
        <v>1663978</v>
      </c>
      <c r="HW31" s="114">
        <v>1209675</v>
      </c>
      <c r="HX31" s="112">
        <v>12392096</v>
      </c>
      <c r="HY31" s="116">
        <v>13167114</v>
      </c>
      <c r="HZ31" s="131">
        <v>53875</v>
      </c>
      <c r="IA31" s="132">
        <v>0</v>
      </c>
      <c r="IB31" s="133">
        <v>53875</v>
      </c>
      <c r="IC31" s="146">
        <v>0</v>
      </c>
      <c r="ID31" s="132">
        <v>5809217</v>
      </c>
      <c r="IE31" s="147">
        <v>6927314</v>
      </c>
      <c r="IF31" s="133">
        <v>8908543</v>
      </c>
      <c r="IG31" s="132">
        <v>4539851</v>
      </c>
      <c r="IH31" s="133">
        <v>4171106</v>
      </c>
      <c r="II31" s="148">
        <v>30356031</v>
      </c>
      <c r="IJ31" s="139">
        <v>30409906</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244891</v>
      </c>
      <c r="JL31" s="119">
        <v>2631806</v>
      </c>
      <c r="JM31" s="119">
        <v>2292347</v>
      </c>
      <c r="JN31" s="119">
        <v>1085368</v>
      </c>
      <c r="JO31" s="119">
        <v>1431916</v>
      </c>
      <c r="JP31" s="120">
        <v>9686328</v>
      </c>
      <c r="JQ31" s="320">
        <v>9686328</v>
      </c>
      <c r="JR31" s="142">
        <v>0</v>
      </c>
      <c r="JS31" s="119">
        <v>0</v>
      </c>
      <c r="JT31" s="141">
        <v>0</v>
      </c>
      <c r="JU31" s="118">
        <v>0</v>
      </c>
      <c r="JV31" s="119">
        <v>0</v>
      </c>
      <c r="JW31" s="119">
        <v>135585</v>
      </c>
      <c r="JX31" s="119">
        <v>487922</v>
      </c>
      <c r="JY31" s="119">
        <v>150174</v>
      </c>
      <c r="JZ31" s="119">
        <v>468483</v>
      </c>
      <c r="KA31" s="120">
        <v>1242164</v>
      </c>
      <c r="KB31" s="320">
        <v>1242164</v>
      </c>
      <c r="KC31" s="234">
        <v>53875</v>
      </c>
      <c r="KD31" s="230">
        <v>0</v>
      </c>
      <c r="KE31" s="120">
        <v>53875</v>
      </c>
      <c r="KF31" s="118">
        <v>0</v>
      </c>
      <c r="KG31" s="119">
        <v>906199</v>
      </c>
      <c r="KH31" s="119">
        <v>965174</v>
      </c>
      <c r="KI31" s="119">
        <v>804792</v>
      </c>
      <c r="KJ31" s="119">
        <v>283948</v>
      </c>
      <c r="KK31" s="119">
        <v>955404</v>
      </c>
      <c r="KL31" s="120">
        <v>3915517</v>
      </c>
      <c r="KM31" s="143">
        <v>3969392</v>
      </c>
      <c r="KN31" s="232">
        <v>0</v>
      </c>
      <c r="KO31" s="236">
        <v>0</v>
      </c>
      <c r="KP31" s="237">
        <v>0</v>
      </c>
      <c r="KQ31" s="140"/>
      <c r="KR31" s="119">
        <v>2658127</v>
      </c>
      <c r="KS31" s="119">
        <v>3194749</v>
      </c>
      <c r="KT31" s="119">
        <v>5069005</v>
      </c>
      <c r="KU31" s="119">
        <v>3020361</v>
      </c>
      <c r="KV31" s="119">
        <v>1315303</v>
      </c>
      <c r="KW31" s="120">
        <v>15257545</v>
      </c>
      <c r="KX31" s="320">
        <v>15257545</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254477</v>
      </c>
      <c r="LQ31" s="119">
        <v>0</v>
      </c>
      <c r="LR31" s="119">
        <v>0</v>
      </c>
      <c r="LS31" s="120">
        <v>254477</v>
      </c>
      <c r="LT31" s="320">
        <v>254477</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2617378</v>
      </c>
      <c r="MK31" s="119">
        <v>7504165</v>
      </c>
      <c r="ML31" s="119">
        <v>11244275</v>
      </c>
      <c r="MM31" s="119">
        <v>27358164</v>
      </c>
      <c r="MN31" s="119">
        <v>16676877</v>
      </c>
      <c r="MO31" s="120">
        <v>65400859</v>
      </c>
      <c r="MP31" s="143">
        <v>65400859</v>
      </c>
      <c r="MQ31" s="142">
        <v>0</v>
      </c>
      <c r="MR31" s="119">
        <v>0</v>
      </c>
      <c r="MS31" s="120">
        <v>0</v>
      </c>
      <c r="MT31" s="145"/>
      <c r="MU31" s="119">
        <v>0</v>
      </c>
      <c r="MV31" s="119">
        <v>1496982</v>
      </c>
      <c r="MW31" s="119">
        <v>6621769</v>
      </c>
      <c r="MX31" s="119">
        <v>21345546</v>
      </c>
      <c r="MY31" s="119">
        <v>11993639</v>
      </c>
      <c r="MZ31" s="120">
        <v>41457936</v>
      </c>
      <c r="NA31" s="143">
        <v>41457936</v>
      </c>
      <c r="NB31" s="142">
        <v>0</v>
      </c>
      <c r="NC31" s="119">
        <v>0</v>
      </c>
      <c r="ND31" s="120">
        <v>0</v>
      </c>
      <c r="NE31" s="145"/>
      <c r="NF31" s="119">
        <v>2617378</v>
      </c>
      <c r="NG31" s="119">
        <v>6007183</v>
      </c>
      <c r="NH31" s="119">
        <v>4622506</v>
      </c>
      <c r="NI31" s="119">
        <v>6012618</v>
      </c>
      <c r="NJ31" s="119">
        <v>3809885</v>
      </c>
      <c r="NK31" s="120">
        <v>23069570</v>
      </c>
      <c r="NL31" s="320">
        <v>23069570</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873353</v>
      </c>
      <c r="OG31" s="120">
        <v>873353</v>
      </c>
      <c r="OH31" s="121">
        <v>873353</v>
      </c>
      <c r="OI31" s="142">
        <v>1858736</v>
      </c>
      <c r="OJ31" s="119">
        <v>2186176</v>
      </c>
      <c r="OK31" s="141">
        <v>4044912</v>
      </c>
      <c r="OL31" s="118">
        <v>0</v>
      </c>
      <c r="OM31" s="119">
        <v>29679392</v>
      </c>
      <c r="ON31" s="119">
        <v>38500120</v>
      </c>
      <c r="OO31" s="119">
        <v>41779892</v>
      </c>
      <c r="OP31" s="119">
        <v>53837431</v>
      </c>
      <c r="OQ31" s="119">
        <v>40178836</v>
      </c>
      <c r="OR31" s="120">
        <v>203975671</v>
      </c>
      <c r="OS31" s="143">
        <v>208020583</v>
      </c>
    </row>
    <row r="32" spans="2:409" ht="18.75" customHeight="1" x14ac:dyDescent="0.2">
      <c r="B32" s="62" t="s">
        <v>27</v>
      </c>
      <c r="C32" s="110">
        <v>2121753</v>
      </c>
      <c r="D32" s="114">
        <v>5729313</v>
      </c>
      <c r="E32" s="113">
        <v>7851066</v>
      </c>
      <c r="F32" s="109">
        <v>0</v>
      </c>
      <c r="G32" s="114">
        <v>19621431</v>
      </c>
      <c r="H32" s="114">
        <v>23500994</v>
      </c>
      <c r="I32" s="114">
        <v>22720124</v>
      </c>
      <c r="J32" s="114">
        <v>22985463</v>
      </c>
      <c r="K32" s="114">
        <v>15873563</v>
      </c>
      <c r="L32" s="173">
        <v>104701575</v>
      </c>
      <c r="M32" s="116">
        <v>112552641</v>
      </c>
      <c r="N32" s="110">
        <v>609794</v>
      </c>
      <c r="O32" s="114">
        <v>1479736</v>
      </c>
      <c r="P32" s="113">
        <v>2089530</v>
      </c>
      <c r="Q32" s="110">
        <v>0</v>
      </c>
      <c r="R32" s="114">
        <v>4038295</v>
      </c>
      <c r="S32" s="114">
        <v>5410541</v>
      </c>
      <c r="T32" s="114">
        <v>6184755</v>
      </c>
      <c r="U32" s="114">
        <v>6659310</v>
      </c>
      <c r="V32" s="114">
        <v>8021701</v>
      </c>
      <c r="W32" s="113">
        <v>30314602</v>
      </c>
      <c r="X32" s="116">
        <v>32404132</v>
      </c>
      <c r="Y32" s="110">
        <v>0</v>
      </c>
      <c r="Z32" s="114">
        <v>0</v>
      </c>
      <c r="AA32" s="113">
        <v>0</v>
      </c>
      <c r="AB32" s="110">
        <v>0</v>
      </c>
      <c r="AC32" s="114">
        <v>2073160</v>
      </c>
      <c r="AD32" s="114">
        <v>3113824</v>
      </c>
      <c r="AE32" s="114">
        <v>3412801</v>
      </c>
      <c r="AF32" s="114">
        <v>3313513</v>
      </c>
      <c r="AG32" s="114">
        <v>4412734</v>
      </c>
      <c r="AH32" s="113">
        <v>16326032</v>
      </c>
      <c r="AI32" s="116">
        <v>16326032</v>
      </c>
      <c r="AJ32" s="110">
        <v>0</v>
      </c>
      <c r="AK32" s="114">
        <v>0</v>
      </c>
      <c r="AL32" s="113">
        <v>0</v>
      </c>
      <c r="AM32" s="110">
        <v>0</v>
      </c>
      <c r="AN32" s="114">
        <v>64183</v>
      </c>
      <c r="AO32" s="114">
        <v>190926</v>
      </c>
      <c r="AP32" s="114">
        <v>335860</v>
      </c>
      <c r="AQ32" s="114">
        <v>792912</v>
      </c>
      <c r="AR32" s="114">
        <v>1158228</v>
      </c>
      <c r="AS32" s="113">
        <v>2542109</v>
      </c>
      <c r="AT32" s="116">
        <v>2542109</v>
      </c>
      <c r="AU32" s="110">
        <v>539675</v>
      </c>
      <c r="AV32" s="114">
        <v>1233475</v>
      </c>
      <c r="AW32" s="113">
        <v>1773150</v>
      </c>
      <c r="AX32" s="110">
        <v>0</v>
      </c>
      <c r="AY32" s="114">
        <v>1096387</v>
      </c>
      <c r="AZ32" s="114">
        <v>1383039</v>
      </c>
      <c r="BA32" s="114">
        <v>1520754</v>
      </c>
      <c r="BB32" s="114">
        <v>1564939</v>
      </c>
      <c r="BC32" s="114">
        <v>1901165</v>
      </c>
      <c r="BD32" s="113">
        <v>7466284</v>
      </c>
      <c r="BE32" s="116">
        <v>9239434</v>
      </c>
      <c r="BF32" s="110">
        <v>0</v>
      </c>
      <c r="BG32" s="114">
        <v>88831</v>
      </c>
      <c r="BH32" s="112">
        <v>88831</v>
      </c>
      <c r="BI32" s="111">
        <v>0</v>
      </c>
      <c r="BJ32" s="114">
        <v>71102</v>
      </c>
      <c r="BK32" s="114">
        <v>85978</v>
      </c>
      <c r="BL32" s="114">
        <v>0</v>
      </c>
      <c r="BM32" s="114">
        <v>142535</v>
      </c>
      <c r="BN32" s="114">
        <v>48622</v>
      </c>
      <c r="BO32" s="113">
        <v>348237</v>
      </c>
      <c r="BP32" s="116">
        <v>437068</v>
      </c>
      <c r="BQ32" s="110">
        <v>70119</v>
      </c>
      <c r="BR32" s="114">
        <v>157430</v>
      </c>
      <c r="BS32" s="113">
        <v>227549</v>
      </c>
      <c r="BT32" s="110">
        <v>0</v>
      </c>
      <c r="BU32" s="114">
        <v>733463</v>
      </c>
      <c r="BV32" s="114">
        <v>636774</v>
      </c>
      <c r="BW32" s="114">
        <v>915340</v>
      </c>
      <c r="BX32" s="114">
        <v>845411</v>
      </c>
      <c r="BY32" s="114">
        <v>500952</v>
      </c>
      <c r="BZ32" s="113">
        <v>3631940</v>
      </c>
      <c r="CA32" s="116">
        <v>3859489</v>
      </c>
      <c r="CB32" s="110">
        <v>175129</v>
      </c>
      <c r="CC32" s="114">
        <v>1421061</v>
      </c>
      <c r="CD32" s="113">
        <v>1596190</v>
      </c>
      <c r="CE32" s="110">
        <v>0</v>
      </c>
      <c r="CF32" s="114">
        <v>5754822</v>
      </c>
      <c r="CG32" s="114">
        <v>6828678</v>
      </c>
      <c r="CH32" s="114">
        <v>3949980</v>
      </c>
      <c r="CI32" s="114">
        <v>3057495</v>
      </c>
      <c r="CJ32" s="114">
        <v>1704742</v>
      </c>
      <c r="CK32" s="113">
        <v>21295717</v>
      </c>
      <c r="CL32" s="116">
        <v>22891907</v>
      </c>
      <c r="CM32" s="110">
        <v>0</v>
      </c>
      <c r="CN32" s="114">
        <v>0</v>
      </c>
      <c r="CO32" s="113">
        <v>0</v>
      </c>
      <c r="CP32" s="111">
        <v>0</v>
      </c>
      <c r="CQ32" s="114">
        <v>4985412</v>
      </c>
      <c r="CR32" s="114">
        <v>5100302</v>
      </c>
      <c r="CS32" s="114">
        <v>3118670</v>
      </c>
      <c r="CT32" s="114">
        <v>2622934</v>
      </c>
      <c r="CU32" s="114">
        <v>1361340</v>
      </c>
      <c r="CV32" s="113">
        <v>17188658</v>
      </c>
      <c r="CW32" s="116">
        <v>17188658</v>
      </c>
      <c r="CX32" s="110">
        <v>175129</v>
      </c>
      <c r="CY32" s="114">
        <v>1421061</v>
      </c>
      <c r="CZ32" s="113">
        <v>1596190</v>
      </c>
      <c r="DA32" s="110">
        <v>0</v>
      </c>
      <c r="DB32" s="114">
        <v>769410</v>
      </c>
      <c r="DC32" s="114">
        <v>1728376</v>
      </c>
      <c r="DD32" s="114">
        <v>831310</v>
      </c>
      <c r="DE32" s="114">
        <v>434561</v>
      </c>
      <c r="DF32" s="114">
        <v>343402</v>
      </c>
      <c r="DG32" s="113">
        <v>4107059</v>
      </c>
      <c r="DH32" s="116">
        <v>5703249</v>
      </c>
      <c r="DI32" s="110">
        <v>0</v>
      </c>
      <c r="DJ32" s="114">
        <v>0</v>
      </c>
      <c r="DK32" s="112">
        <v>0</v>
      </c>
      <c r="DL32" s="111">
        <v>0</v>
      </c>
      <c r="DM32" s="114">
        <v>708233</v>
      </c>
      <c r="DN32" s="114">
        <v>943485</v>
      </c>
      <c r="DO32" s="114">
        <v>1672786</v>
      </c>
      <c r="DP32" s="114">
        <v>1913002</v>
      </c>
      <c r="DQ32" s="114">
        <v>1339326</v>
      </c>
      <c r="DR32" s="113">
        <v>6576832</v>
      </c>
      <c r="DS32" s="116">
        <v>6576832</v>
      </c>
      <c r="DT32" s="110">
        <v>0</v>
      </c>
      <c r="DU32" s="114">
        <v>0</v>
      </c>
      <c r="DV32" s="113">
        <v>0</v>
      </c>
      <c r="DW32" s="110">
        <v>0</v>
      </c>
      <c r="DX32" s="114">
        <v>432269</v>
      </c>
      <c r="DY32" s="114">
        <v>921300</v>
      </c>
      <c r="DZ32" s="114">
        <v>1672786</v>
      </c>
      <c r="EA32" s="114">
        <v>1527349</v>
      </c>
      <c r="EB32" s="114">
        <v>1284597</v>
      </c>
      <c r="EC32" s="113">
        <v>5838301</v>
      </c>
      <c r="ED32" s="116">
        <v>5838301</v>
      </c>
      <c r="EE32" s="110">
        <v>0</v>
      </c>
      <c r="EF32" s="112">
        <v>0</v>
      </c>
      <c r="EG32" s="113">
        <v>0</v>
      </c>
      <c r="EH32" s="110">
        <v>0</v>
      </c>
      <c r="EI32" s="114">
        <v>275964</v>
      </c>
      <c r="EJ32" s="114">
        <v>22185</v>
      </c>
      <c r="EK32" s="114">
        <v>0</v>
      </c>
      <c r="EL32" s="114">
        <v>385653</v>
      </c>
      <c r="EM32" s="114">
        <v>54729</v>
      </c>
      <c r="EN32" s="112">
        <v>738531</v>
      </c>
      <c r="EO32" s="116">
        <v>738531</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381247</v>
      </c>
      <c r="FM32" s="114">
        <v>1011713</v>
      </c>
      <c r="FN32" s="113">
        <v>1392960</v>
      </c>
      <c r="FO32" s="110">
        <v>0</v>
      </c>
      <c r="FP32" s="114">
        <v>560662</v>
      </c>
      <c r="FQ32" s="114">
        <v>2292546</v>
      </c>
      <c r="FR32" s="114">
        <v>1489716</v>
      </c>
      <c r="FS32" s="114">
        <v>1535767</v>
      </c>
      <c r="FT32" s="114">
        <v>1194134</v>
      </c>
      <c r="FU32" s="113">
        <v>7072825</v>
      </c>
      <c r="FV32" s="116">
        <v>8465785</v>
      </c>
      <c r="FW32" s="115">
        <v>305017</v>
      </c>
      <c r="FX32" s="114">
        <v>891884</v>
      </c>
      <c r="FY32" s="112">
        <v>1196901</v>
      </c>
      <c r="FZ32" s="111">
        <v>0</v>
      </c>
      <c r="GA32" s="114">
        <v>521953</v>
      </c>
      <c r="GB32" s="114">
        <v>1962164</v>
      </c>
      <c r="GC32" s="114">
        <v>1369204</v>
      </c>
      <c r="GD32" s="114">
        <v>1465455</v>
      </c>
      <c r="GE32" s="114">
        <v>1151564</v>
      </c>
      <c r="GF32" s="113">
        <v>6470340</v>
      </c>
      <c r="GG32" s="318">
        <v>7667241</v>
      </c>
      <c r="GH32" s="115">
        <v>0</v>
      </c>
      <c r="GI32" s="114">
        <v>62409</v>
      </c>
      <c r="GJ32" s="112">
        <v>62409</v>
      </c>
      <c r="GK32" s="111">
        <v>0</v>
      </c>
      <c r="GL32" s="114">
        <v>0</v>
      </c>
      <c r="GM32" s="114">
        <v>23310</v>
      </c>
      <c r="GN32" s="114">
        <v>41312</v>
      </c>
      <c r="GO32" s="114">
        <v>70312</v>
      </c>
      <c r="GP32" s="114">
        <v>42570</v>
      </c>
      <c r="GQ32" s="113">
        <v>177504</v>
      </c>
      <c r="GR32" s="116">
        <v>239913</v>
      </c>
      <c r="GS32" s="110">
        <v>76230</v>
      </c>
      <c r="GT32" s="114">
        <v>57420</v>
      </c>
      <c r="GU32" s="113">
        <v>133650</v>
      </c>
      <c r="GV32" s="110">
        <v>0</v>
      </c>
      <c r="GW32" s="114">
        <v>38709</v>
      </c>
      <c r="GX32" s="114">
        <v>307072</v>
      </c>
      <c r="GY32" s="114">
        <v>79200</v>
      </c>
      <c r="GZ32" s="114">
        <v>0</v>
      </c>
      <c r="HA32" s="114">
        <v>0</v>
      </c>
      <c r="HB32" s="112">
        <v>424981</v>
      </c>
      <c r="HC32" s="116">
        <v>558631</v>
      </c>
      <c r="HD32" s="110">
        <v>485877</v>
      </c>
      <c r="HE32" s="114">
        <v>1078659</v>
      </c>
      <c r="HF32" s="112">
        <v>1564536</v>
      </c>
      <c r="HG32" s="111">
        <v>0</v>
      </c>
      <c r="HH32" s="114">
        <v>5809521</v>
      </c>
      <c r="HI32" s="114">
        <v>5509999</v>
      </c>
      <c r="HJ32" s="114">
        <v>7483235</v>
      </c>
      <c r="HK32" s="114">
        <v>8509261</v>
      </c>
      <c r="HL32" s="114">
        <v>2729342</v>
      </c>
      <c r="HM32" s="113">
        <v>30041358</v>
      </c>
      <c r="HN32" s="109">
        <v>31605894</v>
      </c>
      <c r="HO32" s="115">
        <v>469706</v>
      </c>
      <c r="HP32" s="114">
        <v>738144</v>
      </c>
      <c r="HQ32" s="113">
        <v>1207850</v>
      </c>
      <c r="HR32" s="110">
        <v>0</v>
      </c>
      <c r="HS32" s="114">
        <v>2749898</v>
      </c>
      <c r="HT32" s="114">
        <v>2515745</v>
      </c>
      <c r="HU32" s="114">
        <v>1939652</v>
      </c>
      <c r="HV32" s="114">
        <v>1310628</v>
      </c>
      <c r="HW32" s="114">
        <v>884318</v>
      </c>
      <c r="HX32" s="112">
        <v>9400241</v>
      </c>
      <c r="HY32" s="116">
        <v>10608091</v>
      </c>
      <c r="HZ32" s="150">
        <v>0</v>
      </c>
      <c r="IA32" s="135">
        <v>0</v>
      </c>
      <c r="IB32" s="150">
        <v>0</v>
      </c>
      <c r="IC32" s="134">
        <v>0</v>
      </c>
      <c r="ID32" s="135">
        <v>6765395</v>
      </c>
      <c r="IE32" s="136">
        <v>2503184</v>
      </c>
      <c r="IF32" s="137">
        <v>6038990</v>
      </c>
      <c r="IG32" s="135">
        <v>3946071</v>
      </c>
      <c r="IH32" s="137">
        <v>2033569</v>
      </c>
      <c r="II32" s="138">
        <v>21287209</v>
      </c>
      <c r="IJ32" s="150">
        <v>21287209</v>
      </c>
      <c r="IK32" s="232">
        <v>0</v>
      </c>
      <c r="IL32" s="236">
        <v>0</v>
      </c>
      <c r="IM32" s="237">
        <v>0</v>
      </c>
      <c r="IN32" s="140"/>
      <c r="IO32" s="119">
        <v>0</v>
      </c>
      <c r="IP32" s="119">
        <v>105462</v>
      </c>
      <c r="IQ32" s="119">
        <v>172056</v>
      </c>
      <c r="IR32" s="119">
        <v>0</v>
      </c>
      <c r="IS32" s="119">
        <v>0</v>
      </c>
      <c r="IT32" s="141">
        <v>277518</v>
      </c>
      <c r="IU32" s="320">
        <v>277518</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881695</v>
      </c>
      <c r="JL32" s="119">
        <v>679784</v>
      </c>
      <c r="JM32" s="119">
        <v>690910</v>
      </c>
      <c r="JN32" s="119">
        <v>261491</v>
      </c>
      <c r="JO32" s="119">
        <v>6885</v>
      </c>
      <c r="JP32" s="120">
        <v>3520765</v>
      </c>
      <c r="JQ32" s="320">
        <v>3520765</v>
      </c>
      <c r="JR32" s="142">
        <v>0</v>
      </c>
      <c r="JS32" s="119">
        <v>0</v>
      </c>
      <c r="JT32" s="141">
        <v>0</v>
      </c>
      <c r="JU32" s="118">
        <v>0</v>
      </c>
      <c r="JV32" s="119">
        <v>244041</v>
      </c>
      <c r="JW32" s="119">
        <v>204918</v>
      </c>
      <c r="JX32" s="119">
        <v>194599</v>
      </c>
      <c r="JY32" s="119">
        <v>301158</v>
      </c>
      <c r="JZ32" s="119">
        <v>0</v>
      </c>
      <c r="KA32" s="120">
        <v>944716</v>
      </c>
      <c r="KB32" s="320">
        <v>944716</v>
      </c>
      <c r="KC32" s="234">
        <v>0</v>
      </c>
      <c r="KD32" s="230">
        <v>0</v>
      </c>
      <c r="KE32" s="120">
        <v>0</v>
      </c>
      <c r="KF32" s="118">
        <v>0</v>
      </c>
      <c r="KG32" s="119">
        <v>0</v>
      </c>
      <c r="KH32" s="119">
        <v>195943</v>
      </c>
      <c r="KI32" s="119">
        <v>0</v>
      </c>
      <c r="KJ32" s="119">
        <v>0</v>
      </c>
      <c r="KK32" s="119">
        <v>0</v>
      </c>
      <c r="KL32" s="120">
        <v>195943</v>
      </c>
      <c r="KM32" s="143">
        <v>195943</v>
      </c>
      <c r="KN32" s="232">
        <v>0</v>
      </c>
      <c r="KO32" s="236">
        <v>0</v>
      </c>
      <c r="KP32" s="237">
        <v>0</v>
      </c>
      <c r="KQ32" s="140"/>
      <c r="KR32" s="119">
        <v>4639659</v>
      </c>
      <c r="KS32" s="119">
        <v>1317077</v>
      </c>
      <c r="KT32" s="119">
        <v>2421763</v>
      </c>
      <c r="KU32" s="119">
        <v>533659</v>
      </c>
      <c r="KV32" s="119">
        <v>863005</v>
      </c>
      <c r="KW32" s="120">
        <v>9775163</v>
      </c>
      <c r="KX32" s="320">
        <v>9775163</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279259</v>
      </c>
      <c r="LQ32" s="119">
        <v>2849763</v>
      </c>
      <c r="LR32" s="119">
        <v>1163679</v>
      </c>
      <c r="LS32" s="120">
        <v>6292701</v>
      </c>
      <c r="LT32" s="320">
        <v>6292701</v>
      </c>
      <c r="LU32" s="142">
        <v>0</v>
      </c>
      <c r="LV32" s="119">
        <v>0</v>
      </c>
      <c r="LW32" s="120">
        <v>0</v>
      </c>
      <c r="LX32" s="145"/>
      <c r="LY32" s="119">
        <v>0</v>
      </c>
      <c r="LZ32" s="119">
        <v>0</v>
      </c>
      <c r="MA32" s="119">
        <v>280403</v>
      </c>
      <c r="MB32" s="119">
        <v>0</v>
      </c>
      <c r="MC32" s="119">
        <v>0</v>
      </c>
      <c r="MD32" s="120">
        <v>280403</v>
      </c>
      <c r="ME32" s="121">
        <v>280403</v>
      </c>
      <c r="MF32" s="142">
        <v>0</v>
      </c>
      <c r="MG32" s="119">
        <v>0</v>
      </c>
      <c r="MH32" s="120">
        <v>0</v>
      </c>
      <c r="MI32" s="145"/>
      <c r="MJ32" s="119">
        <v>2512950</v>
      </c>
      <c r="MK32" s="119">
        <v>5108636</v>
      </c>
      <c r="ML32" s="119">
        <v>16025407</v>
      </c>
      <c r="MM32" s="119">
        <v>21609933</v>
      </c>
      <c r="MN32" s="119">
        <v>17299872</v>
      </c>
      <c r="MO32" s="120">
        <v>62556798</v>
      </c>
      <c r="MP32" s="143">
        <v>62556798</v>
      </c>
      <c r="MQ32" s="142">
        <v>0</v>
      </c>
      <c r="MR32" s="119">
        <v>0</v>
      </c>
      <c r="MS32" s="120">
        <v>0</v>
      </c>
      <c r="MT32" s="145"/>
      <c r="MU32" s="119">
        <v>414768</v>
      </c>
      <c r="MV32" s="119">
        <v>460300</v>
      </c>
      <c r="MW32" s="119">
        <v>9327888</v>
      </c>
      <c r="MX32" s="119">
        <v>13905443</v>
      </c>
      <c r="MY32" s="119">
        <v>13417882</v>
      </c>
      <c r="MZ32" s="120">
        <v>37526281</v>
      </c>
      <c r="NA32" s="143">
        <v>37526281</v>
      </c>
      <c r="NB32" s="142">
        <v>0</v>
      </c>
      <c r="NC32" s="119">
        <v>0</v>
      </c>
      <c r="ND32" s="120">
        <v>0</v>
      </c>
      <c r="NE32" s="145"/>
      <c r="NF32" s="119">
        <v>2098182</v>
      </c>
      <c r="NG32" s="119">
        <v>4648336</v>
      </c>
      <c r="NH32" s="119">
        <v>6697519</v>
      </c>
      <c r="NI32" s="119">
        <v>5813720</v>
      </c>
      <c r="NJ32" s="119">
        <v>3417293</v>
      </c>
      <c r="NK32" s="120">
        <v>22675050</v>
      </c>
      <c r="NL32" s="320">
        <v>22675050</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1890770</v>
      </c>
      <c r="OF32" s="119">
        <v>464697</v>
      </c>
      <c r="OG32" s="120">
        <v>2355467</v>
      </c>
      <c r="OH32" s="121">
        <v>2355467</v>
      </c>
      <c r="OI32" s="142">
        <v>2121753</v>
      </c>
      <c r="OJ32" s="119">
        <v>5729313</v>
      </c>
      <c r="OK32" s="141">
        <v>7851066</v>
      </c>
      <c r="OL32" s="118">
        <v>0</v>
      </c>
      <c r="OM32" s="119">
        <v>28899776</v>
      </c>
      <c r="ON32" s="119">
        <v>31112814</v>
      </c>
      <c r="OO32" s="119">
        <v>44784521</v>
      </c>
      <c r="OP32" s="119">
        <v>48541467</v>
      </c>
      <c r="OQ32" s="119">
        <v>35207004</v>
      </c>
      <c r="OR32" s="120">
        <v>188545582</v>
      </c>
      <c r="OS32" s="143">
        <v>196396648</v>
      </c>
    </row>
    <row r="33" spans="2:409" ht="18.75" customHeight="1" x14ac:dyDescent="0.2">
      <c r="B33" s="62" t="s">
        <v>28</v>
      </c>
      <c r="C33" s="110">
        <v>179571</v>
      </c>
      <c r="D33" s="114">
        <v>580675</v>
      </c>
      <c r="E33" s="113">
        <v>760246</v>
      </c>
      <c r="F33" s="109">
        <v>0</v>
      </c>
      <c r="G33" s="114">
        <v>4809929</v>
      </c>
      <c r="H33" s="114">
        <v>8763535</v>
      </c>
      <c r="I33" s="114">
        <v>4736982</v>
      </c>
      <c r="J33" s="114">
        <v>8124536</v>
      </c>
      <c r="K33" s="114">
        <v>4814593</v>
      </c>
      <c r="L33" s="173">
        <v>31249575</v>
      </c>
      <c r="M33" s="116">
        <v>32009821</v>
      </c>
      <c r="N33" s="110">
        <v>42504</v>
      </c>
      <c r="O33" s="114">
        <v>66402</v>
      </c>
      <c r="P33" s="113">
        <v>108906</v>
      </c>
      <c r="Q33" s="110">
        <v>0</v>
      </c>
      <c r="R33" s="114">
        <v>1022229</v>
      </c>
      <c r="S33" s="114">
        <v>1813016</v>
      </c>
      <c r="T33" s="114">
        <v>934572</v>
      </c>
      <c r="U33" s="114">
        <v>2113973</v>
      </c>
      <c r="V33" s="114">
        <v>1702952</v>
      </c>
      <c r="W33" s="113">
        <v>7586742</v>
      </c>
      <c r="X33" s="116">
        <v>7695648</v>
      </c>
      <c r="Y33" s="110">
        <v>0</v>
      </c>
      <c r="Z33" s="114">
        <v>0</v>
      </c>
      <c r="AA33" s="113">
        <v>0</v>
      </c>
      <c r="AB33" s="110">
        <v>0</v>
      </c>
      <c r="AC33" s="114">
        <v>638763</v>
      </c>
      <c r="AD33" s="114">
        <v>715322</v>
      </c>
      <c r="AE33" s="114">
        <v>324732</v>
      </c>
      <c r="AF33" s="114">
        <v>687603</v>
      </c>
      <c r="AG33" s="114">
        <v>866172</v>
      </c>
      <c r="AH33" s="113">
        <v>3232592</v>
      </c>
      <c r="AI33" s="116">
        <v>3232592</v>
      </c>
      <c r="AJ33" s="110">
        <v>0</v>
      </c>
      <c r="AK33" s="114">
        <v>0</v>
      </c>
      <c r="AL33" s="113">
        <v>0</v>
      </c>
      <c r="AM33" s="110">
        <v>0</v>
      </c>
      <c r="AN33" s="114">
        <v>0</v>
      </c>
      <c r="AO33" s="114">
        <v>14695</v>
      </c>
      <c r="AP33" s="114">
        <v>126790</v>
      </c>
      <c r="AQ33" s="114">
        <v>194016</v>
      </c>
      <c r="AR33" s="114">
        <v>88752</v>
      </c>
      <c r="AS33" s="113">
        <v>424253</v>
      </c>
      <c r="AT33" s="116">
        <v>424253</v>
      </c>
      <c r="AU33" s="110">
        <v>39822</v>
      </c>
      <c r="AV33" s="114">
        <v>61038</v>
      </c>
      <c r="AW33" s="113">
        <v>100860</v>
      </c>
      <c r="AX33" s="110">
        <v>0</v>
      </c>
      <c r="AY33" s="114">
        <v>131940</v>
      </c>
      <c r="AZ33" s="114">
        <v>764373</v>
      </c>
      <c r="BA33" s="114">
        <v>271988</v>
      </c>
      <c r="BB33" s="114">
        <v>870385</v>
      </c>
      <c r="BC33" s="114">
        <v>567782</v>
      </c>
      <c r="BD33" s="113">
        <v>2606468</v>
      </c>
      <c r="BE33" s="116">
        <v>2707328</v>
      </c>
      <c r="BF33" s="110">
        <v>0</v>
      </c>
      <c r="BG33" s="114">
        <v>0</v>
      </c>
      <c r="BH33" s="112">
        <v>0</v>
      </c>
      <c r="BI33" s="111">
        <v>0</v>
      </c>
      <c r="BJ33" s="114">
        <v>123555</v>
      </c>
      <c r="BK33" s="114">
        <v>0</v>
      </c>
      <c r="BL33" s="114">
        <v>0</v>
      </c>
      <c r="BM33" s="114">
        <v>93814</v>
      </c>
      <c r="BN33" s="114">
        <v>26662</v>
      </c>
      <c r="BO33" s="113">
        <v>244031</v>
      </c>
      <c r="BP33" s="116">
        <v>244031</v>
      </c>
      <c r="BQ33" s="110">
        <v>2682</v>
      </c>
      <c r="BR33" s="114">
        <v>5364</v>
      </c>
      <c r="BS33" s="113">
        <v>8046</v>
      </c>
      <c r="BT33" s="110">
        <v>0</v>
      </c>
      <c r="BU33" s="114">
        <v>127971</v>
      </c>
      <c r="BV33" s="114">
        <v>318626</v>
      </c>
      <c r="BW33" s="114">
        <v>211062</v>
      </c>
      <c r="BX33" s="114">
        <v>268155</v>
      </c>
      <c r="BY33" s="114">
        <v>153584</v>
      </c>
      <c r="BZ33" s="113">
        <v>1079398</v>
      </c>
      <c r="CA33" s="116">
        <v>1087444</v>
      </c>
      <c r="CB33" s="110">
        <v>0</v>
      </c>
      <c r="CC33" s="114">
        <v>212640</v>
      </c>
      <c r="CD33" s="113">
        <v>212640</v>
      </c>
      <c r="CE33" s="110">
        <v>0</v>
      </c>
      <c r="CF33" s="114">
        <v>2026576</v>
      </c>
      <c r="CG33" s="114">
        <v>3535981</v>
      </c>
      <c r="CH33" s="114">
        <v>1575754</v>
      </c>
      <c r="CI33" s="114">
        <v>2551288</v>
      </c>
      <c r="CJ33" s="114">
        <v>1468542</v>
      </c>
      <c r="CK33" s="113">
        <v>11158141</v>
      </c>
      <c r="CL33" s="116">
        <v>11370781</v>
      </c>
      <c r="CM33" s="110">
        <v>0</v>
      </c>
      <c r="CN33" s="114">
        <v>0</v>
      </c>
      <c r="CO33" s="113">
        <v>0</v>
      </c>
      <c r="CP33" s="111">
        <v>0</v>
      </c>
      <c r="CQ33" s="114">
        <v>1719345</v>
      </c>
      <c r="CR33" s="114">
        <v>2558211</v>
      </c>
      <c r="CS33" s="114">
        <v>1312044</v>
      </c>
      <c r="CT33" s="114">
        <v>1959386</v>
      </c>
      <c r="CU33" s="114">
        <v>1152711</v>
      </c>
      <c r="CV33" s="113">
        <v>8701697</v>
      </c>
      <c r="CW33" s="116">
        <v>8701697</v>
      </c>
      <c r="CX33" s="110">
        <v>0</v>
      </c>
      <c r="CY33" s="114">
        <v>212640</v>
      </c>
      <c r="CZ33" s="113">
        <v>212640</v>
      </c>
      <c r="DA33" s="110">
        <v>0</v>
      </c>
      <c r="DB33" s="114">
        <v>307231</v>
      </c>
      <c r="DC33" s="114">
        <v>977770</v>
      </c>
      <c r="DD33" s="114">
        <v>263710</v>
      </c>
      <c r="DE33" s="114">
        <v>591902</v>
      </c>
      <c r="DF33" s="114">
        <v>315831</v>
      </c>
      <c r="DG33" s="113">
        <v>2456444</v>
      </c>
      <c r="DH33" s="116">
        <v>2669084</v>
      </c>
      <c r="DI33" s="110">
        <v>0</v>
      </c>
      <c r="DJ33" s="114">
        <v>29555</v>
      </c>
      <c r="DK33" s="112">
        <v>29555</v>
      </c>
      <c r="DL33" s="111">
        <v>0</v>
      </c>
      <c r="DM33" s="114">
        <v>81540</v>
      </c>
      <c r="DN33" s="114">
        <v>113678</v>
      </c>
      <c r="DO33" s="114">
        <v>409526</v>
      </c>
      <c r="DP33" s="114">
        <v>980360</v>
      </c>
      <c r="DQ33" s="114">
        <v>274158</v>
      </c>
      <c r="DR33" s="113">
        <v>1859262</v>
      </c>
      <c r="DS33" s="116">
        <v>1888817</v>
      </c>
      <c r="DT33" s="110">
        <v>0</v>
      </c>
      <c r="DU33" s="114">
        <v>29555</v>
      </c>
      <c r="DV33" s="113">
        <v>29555</v>
      </c>
      <c r="DW33" s="110">
        <v>0</v>
      </c>
      <c r="DX33" s="114">
        <v>8136</v>
      </c>
      <c r="DY33" s="114">
        <v>113678</v>
      </c>
      <c r="DZ33" s="114">
        <v>368585</v>
      </c>
      <c r="EA33" s="114">
        <v>827648</v>
      </c>
      <c r="EB33" s="114">
        <v>199158</v>
      </c>
      <c r="EC33" s="113">
        <v>1517205</v>
      </c>
      <c r="ED33" s="116">
        <v>1546760</v>
      </c>
      <c r="EE33" s="110">
        <v>0</v>
      </c>
      <c r="EF33" s="112">
        <v>0</v>
      </c>
      <c r="EG33" s="113">
        <v>0</v>
      </c>
      <c r="EH33" s="110">
        <v>0</v>
      </c>
      <c r="EI33" s="114">
        <v>73404</v>
      </c>
      <c r="EJ33" s="114">
        <v>0</v>
      </c>
      <c r="EK33" s="114">
        <v>40941</v>
      </c>
      <c r="EL33" s="114">
        <v>152712</v>
      </c>
      <c r="EM33" s="114">
        <v>75000</v>
      </c>
      <c r="EN33" s="112">
        <v>342057</v>
      </c>
      <c r="EO33" s="116">
        <v>342057</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34910</v>
      </c>
      <c r="FM33" s="114">
        <v>193238</v>
      </c>
      <c r="FN33" s="113">
        <v>228148</v>
      </c>
      <c r="FO33" s="110">
        <v>0</v>
      </c>
      <c r="FP33" s="114">
        <v>243470</v>
      </c>
      <c r="FQ33" s="114">
        <v>778816</v>
      </c>
      <c r="FR33" s="114">
        <v>388806</v>
      </c>
      <c r="FS33" s="114">
        <v>523474</v>
      </c>
      <c r="FT33" s="114">
        <v>504498</v>
      </c>
      <c r="FU33" s="113">
        <v>2439064</v>
      </c>
      <c r="FV33" s="116">
        <v>2667212</v>
      </c>
      <c r="FW33" s="115">
        <v>34910</v>
      </c>
      <c r="FX33" s="114">
        <v>86200</v>
      </c>
      <c r="FY33" s="112">
        <v>121110</v>
      </c>
      <c r="FZ33" s="111">
        <v>0</v>
      </c>
      <c r="GA33" s="114">
        <v>229070</v>
      </c>
      <c r="GB33" s="114">
        <v>778816</v>
      </c>
      <c r="GC33" s="114">
        <v>374406</v>
      </c>
      <c r="GD33" s="114">
        <v>514564</v>
      </c>
      <c r="GE33" s="114">
        <v>491698</v>
      </c>
      <c r="GF33" s="113">
        <v>2388554</v>
      </c>
      <c r="GG33" s="318">
        <v>2509664</v>
      </c>
      <c r="GH33" s="115">
        <v>0</v>
      </c>
      <c r="GI33" s="114">
        <v>35838</v>
      </c>
      <c r="GJ33" s="112">
        <v>35838</v>
      </c>
      <c r="GK33" s="111">
        <v>0</v>
      </c>
      <c r="GL33" s="114">
        <v>14400</v>
      </c>
      <c r="GM33" s="114">
        <v>0</v>
      </c>
      <c r="GN33" s="114">
        <v>14400</v>
      </c>
      <c r="GO33" s="114">
        <v>8910</v>
      </c>
      <c r="GP33" s="114">
        <v>12800</v>
      </c>
      <c r="GQ33" s="113">
        <v>50510</v>
      </c>
      <c r="GR33" s="116">
        <v>86348</v>
      </c>
      <c r="GS33" s="110">
        <v>0</v>
      </c>
      <c r="GT33" s="114">
        <v>71200</v>
      </c>
      <c r="GU33" s="113">
        <v>71200</v>
      </c>
      <c r="GV33" s="110">
        <v>0</v>
      </c>
      <c r="GW33" s="114">
        <v>0</v>
      </c>
      <c r="GX33" s="114">
        <v>0</v>
      </c>
      <c r="GY33" s="114">
        <v>0</v>
      </c>
      <c r="GZ33" s="114">
        <v>0</v>
      </c>
      <c r="HA33" s="114">
        <v>0</v>
      </c>
      <c r="HB33" s="112">
        <v>0</v>
      </c>
      <c r="HC33" s="116">
        <v>71200</v>
      </c>
      <c r="HD33" s="110">
        <v>59737</v>
      </c>
      <c r="HE33" s="114">
        <v>0</v>
      </c>
      <c r="HF33" s="112">
        <v>59737</v>
      </c>
      <c r="HG33" s="111">
        <v>0</v>
      </c>
      <c r="HH33" s="114">
        <v>545270</v>
      </c>
      <c r="HI33" s="114">
        <v>1372512</v>
      </c>
      <c r="HJ33" s="114">
        <v>928177</v>
      </c>
      <c r="HK33" s="114">
        <v>1390832</v>
      </c>
      <c r="HL33" s="114">
        <v>512524</v>
      </c>
      <c r="HM33" s="113">
        <v>4749315</v>
      </c>
      <c r="HN33" s="109">
        <v>4809052</v>
      </c>
      <c r="HO33" s="115">
        <v>42420</v>
      </c>
      <c r="HP33" s="114">
        <v>78840</v>
      </c>
      <c r="HQ33" s="113">
        <v>121260</v>
      </c>
      <c r="HR33" s="110">
        <v>0</v>
      </c>
      <c r="HS33" s="114">
        <v>890844</v>
      </c>
      <c r="HT33" s="114">
        <v>1149532</v>
      </c>
      <c r="HU33" s="114">
        <v>500147</v>
      </c>
      <c r="HV33" s="114">
        <v>564609</v>
      </c>
      <c r="HW33" s="114">
        <v>351919</v>
      </c>
      <c r="HX33" s="112">
        <v>3457051</v>
      </c>
      <c r="HY33" s="116">
        <v>3578311</v>
      </c>
      <c r="HZ33" s="131">
        <v>0</v>
      </c>
      <c r="IA33" s="132">
        <v>0</v>
      </c>
      <c r="IB33" s="133">
        <v>0</v>
      </c>
      <c r="IC33" s="146">
        <v>0</v>
      </c>
      <c r="ID33" s="132">
        <v>718685</v>
      </c>
      <c r="IE33" s="147">
        <v>1676848</v>
      </c>
      <c r="IF33" s="133">
        <v>2344986</v>
      </c>
      <c r="IG33" s="132">
        <v>441144</v>
      </c>
      <c r="IH33" s="133">
        <v>1140475</v>
      </c>
      <c r="II33" s="148">
        <v>6322138</v>
      </c>
      <c r="IJ33" s="139">
        <v>6322138</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621782</v>
      </c>
      <c r="JL33" s="119">
        <v>557059</v>
      </c>
      <c r="JM33" s="119">
        <v>68850</v>
      </c>
      <c r="JN33" s="119">
        <v>158211</v>
      </c>
      <c r="JO33" s="119">
        <v>49789</v>
      </c>
      <c r="JP33" s="120">
        <v>1455691</v>
      </c>
      <c r="JQ33" s="320">
        <v>1455691</v>
      </c>
      <c r="JR33" s="142">
        <v>0</v>
      </c>
      <c r="JS33" s="119">
        <v>0</v>
      </c>
      <c r="JT33" s="141">
        <v>0</v>
      </c>
      <c r="JU33" s="118">
        <v>0</v>
      </c>
      <c r="JV33" s="119">
        <v>96903</v>
      </c>
      <c r="JW33" s="119">
        <v>47475</v>
      </c>
      <c r="JX33" s="119">
        <v>342918</v>
      </c>
      <c r="JY33" s="119">
        <v>0</v>
      </c>
      <c r="JZ33" s="119">
        <v>26984</v>
      </c>
      <c r="KA33" s="120">
        <v>514280</v>
      </c>
      <c r="KB33" s="320">
        <v>51428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072314</v>
      </c>
      <c r="KT33" s="119">
        <v>1667034</v>
      </c>
      <c r="KU33" s="119">
        <v>282933</v>
      </c>
      <c r="KV33" s="119">
        <v>1063702</v>
      </c>
      <c r="KW33" s="120">
        <v>4085983</v>
      </c>
      <c r="KX33" s="320">
        <v>4085983</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66184</v>
      </c>
      <c r="LQ33" s="119">
        <v>0</v>
      </c>
      <c r="LR33" s="119">
        <v>0</v>
      </c>
      <c r="LS33" s="120">
        <v>266184</v>
      </c>
      <c r="LT33" s="320">
        <v>266184</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252083</v>
      </c>
      <c r="MK33" s="119">
        <v>2246599</v>
      </c>
      <c r="ML33" s="119">
        <v>6324838</v>
      </c>
      <c r="MM33" s="119">
        <v>8604810</v>
      </c>
      <c r="MN33" s="119">
        <v>4421904</v>
      </c>
      <c r="MO33" s="120">
        <v>21850234</v>
      </c>
      <c r="MP33" s="143">
        <v>21850234</v>
      </c>
      <c r="MQ33" s="142">
        <v>0</v>
      </c>
      <c r="MR33" s="119">
        <v>0</v>
      </c>
      <c r="MS33" s="120">
        <v>0</v>
      </c>
      <c r="MT33" s="145"/>
      <c r="MU33" s="119">
        <v>0</v>
      </c>
      <c r="MV33" s="119">
        <v>211158</v>
      </c>
      <c r="MW33" s="119">
        <v>3413304</v>
      </c>
      <c r="MX33" s="119">
        <v>5101290</v>
      </c>
      <c r="MY33" s="119">
        <v>3102967</v>
      </c>
      <c r="MZ33" s="120">
        <v>11828719</v>
      </c>
      <c r="NA33" s="143">
        <v>11828719</v>
      </c>
      <c r="NB33" s="142">
        <v>0</v>
      </c>
      <c r="NC33" s="119">
        <v>0</v>
      </c>
      <c r="ND33" s="120">
        <v>0</v>
      </c>
      <c r="NE33" s="145"/>
      <c r="NF33" s="119">
        <v>252083</v>
      </c>
      <c r="NG33" s="119">
        <v>2035441</v>
      </c>
      <c r="NH33" s="119">
        <v>2911534</v>
      </c>
      <c r="NI33" s="119">
        <v>3503520</v>
      </c>
      <c r="NJ33" s="119">
        <v>1318937</v>
      </c>
      <c r="NK33" s="120">
        <v>10021515</v>
      </c>
      <c r="NL33" s="320">
        <v>10021515</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79571</v>
      </c>
      <c r="OJ33" s="119">
        <v>580675</v>
      </c>
      <c r="OK33" s="141">
        <v>760246</v>
      </c>
      <c r="OL33" s="118">
        <v>0</v>
      </c>
      <c r="OM33" s="119">
        <v>5780697</v>
      </c>
      <c r="ON33" s="119">
        <v>12686982</v>
      </c>
      <c r="OO33" s="119">
        <v>13406806</v>
      </c>
      <c r="OP33" s="119">
        <v>17170490</v>
      </c>
      <c r="OQ33" s="119">
        <v>10376972</v>
      </c>
      <c r="OR33" s="120">
        <v>59421947</v>
      </c>
      <c r="OS33" s="143">
        <v>60182193</v>
      </c>
    </row>
    <row r="34" spans="2:409" ht="18.75" customHeight="1" x14ac:dyDescent="0.2">
      <c r="B34" s="62" t="s">
        <v>29</v>
      </c>
      <c r="C34" s="110">
        <v>598299</v>
      </c>
      <c r="D34" s="114">
        <v>859304</v>
      </c>
      <c r="E34" s="113">
        <v>1457603</v>
      </c>
      <c r="F34" s="109">
        <v>0</v>
      </c>
      <c r="G34" s="114">
        <v>6865490</v>
      </c>
      <c r="H34" s="114">
        <v>11177896</v>
      </c>
      <c r="I34" s="114">
        <v>7745480</v>
      </c>
      <c r="J34" s="114">
        <v>9846621</v>
      </c>
      <c r="K34" s="114">
        <v>5949733</v>
      </c>
      <c r="L34" s="173">
        <v>41585220</v>
      </c>
      <c r="M34" s="116">
        <v>43042823</v>
      </c>
      <c r="N34" s="110">
        <v>32220</v>
      </c>
      <c r="O34" s="114">
        <v>219294</v>
      </c>
      <c r="P34" s="113">
        <v>251514</v>
      </c>
      <c r="Q34" s="110">
        <v>0</v>
      </c>
      <c r="R34" s="114">
        <v>1718505</v>
      </c>
      <c r="S34" s="114">
        <v>2242175</v>
      </c>
      <c r="T34" s="114">
        <v>1923289</v>
      </c>
      <c r="U34" s="114">
        <v>2958970</v>
      </c>
      <c r="V34" s="114">
        <v>2326159</v>
      </c>
      <c r="W34" s="113">
        <v>11169098</v>
      </c>
      <c r="X34" s="116">
        <v>11420612</v>
      </c>
      <c r="Y34" s="110">
        <v>0</v>
      </c>
      <c r="Z34" s="114">
        <v>0</v>
      </c>
      <c r="AA34" s="113">
        <v>0</v>
      </c>
      <c r="AB34" s="110">
        <v>0</v>
      </c>
      <c r="AC34" s="114">
        <v>847453</v>
      </c>
      <c r="AD34" s="114">
        <v>1261075</v>
      </c>
      <c r="AE34" s="114">
        <v>1069059</v>
      </c>
      <c r="AF34" s="114">
        <v>2025441</v>
      </c>
      <c r="AG34" s="114">
        <v>1662918</v>
      </c>
      <c r="AH34" s="113">
        <v>6865946</v>
      </c>
      <c r="AI34" s="116">
        <v>6865946</v>
      </c>
      <c r="AJ34" s="110">
        <v>0</v>
      </c>
      <c r="AK34" s="114">
        <v>0</v>
      </c>
      <c r="AL34" s="113">
        <v>0</v>
      </c>
      <c r="AM34" s="110">
        <v>0</v>
      </c>
      <c r="AN34" s="114">
        <v>14103</v>
      </c>
      <c r="AO34" s="114">
        <v>0</v>
      </c>
      <c r="AP34" s="114">
        <v>67600</v>
      </c>
      <c r="AQ34" s="114">
        <v>104315</v>
      </c>
      <c r="AR34" s="114">
        <v>252163</v>
      </c>
      <c r="AS34" s="113">
        <v>438181</v>
      </c>
      <c r="AT34" s="116">
        <v>438181</v>
      </c>
      <c r="AU34" s="110">
        <v>8208</v>
      </c>
      <c r="AV34" s="114">
        <v>173952</v>
      </c>
      <c r="AW34" s="113">
        <v>182160</v>
      </c>
      <c r="AX34" s="110">
        <v>0</v>
      </c>
      <c r="AY34" s="114">
        <v>680676</v>
      </c>
      <c r="AZ34" s="114">
        <v>525330</v>
      </c>
      <c r="BA34" s="114">
        <v>628254</v>
      </c>
      <c r="BB34" s="114">
        <v>382522</v>
      </c>
      <c r="BC34" s="114">
        <v>302583</v>
      </c>
      <c r="BD34" s="113">
        <v>2519365</v>
      </c>
      <c r="BE34" s="116">
        <v>2701525</v>
      </c>
      <c r="BF34" s="110">
        <v>0</v>
      </c>
      <c r="BG34" s="114">
        <v>42660</v>
      </c>
      <c r="BH34" s="112">
        <v>42660</v>
      </c>
      <c r="BI34" s="111">
        <v>0</v>
      </c>
      <c r="BJ34" s="114">
        <v>77436</v>
      </c>
      <c r="BK34" s="114">
        <v>114631</v>
      </c>
      <c r="BL34" s="114">
        <v>66920</v>
      </c>
      <c r="BM34" s="114">
        <v>214234</v>
      </c>
      <c r="BN34" s="114">
        <v>0</v>
      </c>
      <c r="BO34" s="113">
        <v>473221</v>
      </c>
      <c r="BP34" s="116">
        <v>515881</v>
      </c>
      <c r="BQ34" s="110">
        <v>24012</v>
      </c>
      <c r="BR34" s="114">
        <v>2682</v>
      </c>
      <c r="BS34" s="113">
        <v>26694</v>
      </c>
      <c r="BT34" s="110">
        <v>0</v>
      </c>
      <c r="BU34" s="114">
        <v>98837</v>
      </c>
      <c r="BV34" s="114">
        <v>341139</v>
      </c>
      <c r="BW34" s="114">
        <v>91456</v>
      </c>
      <c r="BX34" s="114">
        <v>232458</v>
      </c>
      <c r="BY34" s="114">
        <v>108495</v>
      </c>
      <c r="BZ34" s="113">
        <v>872385</v>
      </c>
      <c r="CA34" s="116">
        <v>899079</v>
      </c>
      <c r="CB34" s="110">
        <v>44199</v>
      </c>
      <c r="CC34" s="114">
        <v>121365</v>
      </c>
      <c r="CD34" s="113">
        <v>165564</v>
      </c>
      <c r="CE34" s="110">
        <v>0</v>
      </c>
      <c r="CF34" s="114">
        <v>2501280</v>
      </c>
      <c r="CG34" s="114">
        <v>3643189</v>
      </c>
      <c r="CH34" s="114">
        <v>2574638</v>
      </c>
      <c r="CI34" s="114">
        <v>2435472</v>
      </c>
      <c r="CJ34" s="114">
        <v>895891</v>
      </c>
      <c r="CK34" s="113">
        <v>12050470</v>
      </c>
      <c r="CL34" s="116">
        <v>12216034</v>
      </c>
      <c r="CM34" s="110">
        <v>0</v>
      </c>
      <c r="CN34" s="114">
        <v>0</v>
      </c>
      <c r="CO34" s="113">
        <v>0</v>
      </c>
      <c r="CP34" s="111">
        <v>0</v>
      </c>
      <c r="CQ34" s="114">
        <v>1674859</v>
      </c>
      <c r="CR34" s="114">
        <v>2994273</v>
      </c>
      <c r="CS34" s="114">
        <v>1945370</v>
      </c>
      <c r="CT34" s="114">
        <v>2078091</v>
      </c>
      <c r="CU34" s="114">
        <v>791685</v>
      </c>
      <c r="CV34" s="113">
        <v>9484278</v>
      </c>
      <c r="CW34" s="116">
        <v>9484278</v>
      </c>
      <c r="CX34" s="110">
        <v>44199</v>
      </c>
      <c r="CY34" s="114">
        <v>121365</v>
      </c>
      <c r="CZ34" s="113">
        <v>165564</v>
      </c>
      <c r="DA34" s="110">
        <v>0</v>
      </c>
      <c r="DB34" s="114">
        <v>826421</v>
      </c>
      <c r="DC34" s="114">
        <v>648916</v>
      </c>
      <c r="DD34" s="114">
        <v>629268</v>
      </c>
      <c r="DE34" s="114">
        <v>357381</v>
      </c>
      <c r="DF34" s="114">
        <v>104206</v>
      </c>
      <c r="DG34" s="113">
        <v>2566192</v>
      </c>
      <c r="DH34" s="116">
        <v>2731756</v>
      </c>
      <c r="DI34" s="110">
        <v>0</v>
      </c>
      <c r="DJ34" s="114">
        <v>0</v>
      </c>
      <c r="DK34" s="112">
        <v>0</v>
      </c>
      <c r="DL34" s="111">
        <v>0</v>
      </c>
      <c r="DM34" s="114">
        <v>49062</v>
      </c>
      <c r="DN34" s="114">
        <v>862151</v>
      </c>
      <c r="DO34" s="114">
        <v>1202089</v>
      </c>
      <c r="DP34" s="114">
        <v>476725</v>
      </c>
      <c r="DQ34" s="114">
        <v>767277</v>
      </c>
      <c r="DR34" s="113">
        <v>3357304</v>
      </c>
      <c r="DS34" s="116">
        <v>3357304</v>
      </c>
      <c r="DT34" s="110">
        <v>0</v>
      </c>
      <c r="DU34" s="114">
        <v>0</v>
      </c>
      <c r="DV34" s="113">
        <v>0</v>
      </c>
      <c r="DW34" s="110">
        <v>0</v>
      </c>
      <c r="DX34" s="114">
        <v>23284</v>
      </c>
      <c r="DY34" s="114">
        <v>617059</v>
      </c>
      <c r="DZ34" s="114">
        <v>1167348</v>
      </c>
      <c r="EA34" s="114">
        <v>394503</v>
      </c>
      <c r="EB34" s="114">
        <v>767277</v>
      </c>
      <c r="EC34" s="113">
        <v>2969471</v>
      </c>
      <c r="ED34" s="116">
        <v>2969471</v>
      </c>
      <c r="EE34" s="110">
        <v>0</v>
      </c>
      <c r="EF34" s="112">
        <v>0</v>
      </c>
      <c r="EG34" s="113">
        <v>0</v>
      </c>
      <c r="EH34" s="110">
        <v>0</v>
      </c>
      <c r="EI34" s="114">
        <v>25778</v>
      </c>
      <c r="EJ34" s="114">
        <v>245092</v>
      </c>
      <c r="EK34" s="114">
        <v>34741</v>
      </c>
      <c r="EL34" s="114">
        <v>82222</v>
      </c>
      <c r="EM34" s="114">
        <v>0</v>
      </c>
      <c r="EN34" s="112">
        <v>387833</v>
      </c>
      <c r="EO34" s="116">
        <v>387833</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385860</v>
      </c>
      <c r="FM34" s="114">
        <v>375485</v>
      </c>
      <c r="FN34" s="113">
        <v>761345</v>
      </c>
      <c r="FO34" s="110">
        <v>0</v>
      </c>
      <c r="FP34" s="114">
        <v>527479</v>
      </c>
      <c r="FQ34" s="114">
        <v>973473</v>
      </c>
      <c r="FR34" s="114">
        <v>654159</v>
      </c>
      <c r="FS34" s="114">
        <v>788041</v>
      </c>
      <c r="FT34" s="114">
        <v>525729</v>
      </c>
      <c r="FU34" s="113">
        <v>3468881</v>
      </c>
      <c r="FV34" s="116">
        <v>4230226</v>
      </c>
      <c r="FW34" s="115">
        <v>145470</v>
      </c>
      <c r="FX34" s="114">
        <v>168600</v>
      </c>
      <c r="FY34" s="112">
        <v>314070</v>
      </c>
      <c r="FZ34" s="111">
        <v>0</v>
      </c>
      <c r="GA34" s="114">
        <v>337195</v>
      </c>
      <c r="GB34" s="114">
        <v>927735</v>
      </c>
      <c r="GC34" s="114">
        <v>561189</v>
      </c>
      <c r="GD34" s="114">
        <v>765321</v>
      </c>
      <c r="GE34" s="114">
        <v>471279</v>
      </c>
      <c r="GF34" s="113">
        <v>3062719</v>
      </c>
      <c r="GG34" s="318">
        <v>3376789</v>
      </c>
      <c r="GH34" s="115">
        <v>0</v>
      </c>
      <c r="GI34" s="114">
        <v>81785</v>
      </c>
      <c r="GJ34" s="112">
        <v>81785</v>
      </c>
      <c r="GK34" s="111">
        <v>0</v>
      </c>
      <c r="GL34" s="114">
        <v>21384</v>
      </c>
      <c r="GM34" s="114">
        <v>45738</v>
      </c>
      <c r="GN34" s="114">
        <v>0</v>
      </c>
      <c r="GO34" s="114">
        <v>22720</v>
      </c>
      <c r="GP34" s="114">
        <v>0</v>
      </c>
      <c r="GQ34" s="113">
        <v>89842</v>
      </c>
      <c r="GR34" s="116">
        <v>171627</v>
      </c>
      <c r="GS34" s="110">
        <v>240390</v>
      </c>
      <c r="GT34" s="114">
        <v>125100</v>
      </c>
      <c r="GU34" s="113">
        <v>365490</v>
      </c>
      <c r="GV34" s="110">
        <v>0</v>
      </c>
      <c r="GW34" s="114">
        <v>168900</v>
      </c>
      <c r="GX34" s="114">
        <v>0</v>
      </c>
      <c r="GY34" s="114">
        <v>92970</v>
      </c>
      <c r="GZ34" s="114">
        <v>0</v>
      </c>
      <c r="HA34" s="114">
        <v>54450</v>
      </c>
      <c r="HB34" s="112">
        <v>316320</v>
      </c>
      <c r="HC34" s="116">
        <v>681810</v>
      </c>
      <c r="HD34" s="110">
        <v>0</v>
      </c>
      <c r="HE34" s="114">
        <v>0</v>
      </c>
      <c r="HF34" s="112">
        <v>0</v>
      </c>
      <c r="HG34" s="111">
        <v>0</v>
      </c>
      <c r="HH34" s="114">
        <v>1002901</v>
      </c>
      <c r="HI34" s="114">
        <v>2141135</v>
      </c>
      <c r="HJ34" s="114">
        <v>437140</v>
      </c>
      <c r="HK34" s="114">
        <v>2470210</v>
      </c>
      <c r="HL34" s="114">
        <v>1076643</v>
      </c>
      <c r="HM34" s="113">
        <v>7128029</v>
      </c>
      <c r="HN34" s="109">
        <v>7128029</v>
      </c>
      <c r="HO34" s="115">
        <v>136020</v>
      </c>
      <c r="HP34" s="114">
        <v>143160</v>
      </c>
      <c r="HQ34" s="113">
        <v>279180</v>
      </c>
      <c r="HR34" s="110">
        <v>0</v>
      </c>
      <c r="HS34" s="114">
        <v>1066263</v>
      </c>
      <c r="HT34" s="114">
        <v>1315773</v>
      </c>
      <c r="HU34" s="114">
        <v>954165</v>
      </c>
      <c r="HV34" s="114">
        <v>717203</v>
      </c>
      <c r="HW34" s="114">
        <v>358034</v>
      </c>
      <c r="HX34" s="112">
        <v>4411438</v>
      </c>
      <c r="HY34" s="116">
        <v>4690618</v>
      </c>
      <c r="HZ34" s="150">
        <v>0</v>
      </c>
      <c r="IA34" s="135">
        <v>173466</v>
      </c>
      <c r="IB34" s="150">
        <v>173466</v>
      </c>
      <c r="IC34" s="134">
        <v>0</v>
      </c>
      <c r="ID34" s="135">
        <v>2893602</v>
      </c>
      <c r="IE34" s="136">
        <v>4018615</v>
      </c>
      <c r="IF34" s="137">
        <v>4460975</v>
      </c>
      <c r="IG34" s="135">
        <v>3196764</v>
      </c>
      <c r="IH34" s="137">
        <v>3111687</v>
      </c>
      <c r="II34" s="138">
        <v>17681643</v>
      </c>
      <c r="IJ34" s="150">
        <v>17855109</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949391</v>
      </c>
      <c r="JL34" s="119">
        <v>1283038</v>
      </c>
      <c r="JM34" s="119">
        <v>227614</v>
      </c>
      <c r="JN34" s="119">
        <v>424476</v>
      </c>
      <c r="JO34" s="119">
        <v>0</v>
      </c>
      <c r="JP34" s="120">
        <v>2884519</v>
      </c>
      <c r="JQ34" s="320">
        <v>2884519</v>
      </c>
      <c r="JR34" s="142">
        <v>0</v>
      </c>
      <c r="JS34" s="119">
        <v>0</v>
      </c>
      <c r="JT34" s="141">
        <v>0</v>
      </c>
      <c r="JU34" s="118">
        <v>0</v>
      </c>
      <c r="JV34" s="119">
        <v>0</v>
      </c>
      <c r="JW34" s="119">
        <v>71217</v>
      </c>
      <c r="JX34" s="119">
        <v>231472</v>
      </c>
      <c r="JY34" s="119">
        <v>0</v>
      </c>
      <c r="JZ34" s="119">
        <v>0</v>
      </c>
      <c r="KA34" s="120">
        <v>302689</v>
      </c>
      <c r="KB34" s="320">
        <v>302689</v>
      </c>
      <c r="KC34" s="234">
        <v>0</v>
      </c>
      <c r="KD34" s="230">
        <v>173466</v>
      </c>
      <c r="KE34" s="120">
        <v>173466</v>
      </c>
      <c r="KF34" s="118">
        <v>0</v>
      </c>
      <c r="KG34" s="119">
        <v>1309090</v>
      </c>
      <c r="KH34" s="119">
        <v>1151928</v>
      </c>
      <c r="KI34" s="119">
        <v>1249509</v>
      </c>
      <c r="KJ34" s="119">
        <v>851688</v>
      </c>
      <c r="KK34" s="119">
        <v>302472</v>
      </c>
      <c r="KL34" s="120">
        <v>4864687</v>
      </c>
      <c r="KM34" s="143">
        <v>5038153</v>
      </c>
      <c r="KN34" s="232">
        <v>0</v>
      </c>
      <c r="KO34" s="236">
        <v>0</v>
      </c>
      <c r="KP34" s="237">
        <v>0</v>
      </c>
      <c r="KQ34" s="140"/>
      <c r="KR34" s="119">
        <v>635121</v>
      </c>
      <c r="KS34" s="119">
        <v>781461</v>
      </c>
      <c r="KT34" s="119">
        <v>930762</v>
      </c>
      <c r="KU34" s="119">
        <v>0</v>
      </c>
      <c r="KV34" s="119">
        <v>821016</v>
      </c>
      <c r="KW34" s="120">
        <v>3168360</v>
      </c>
      <c r="KX34" s="320">
        <v>316836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730971</v>
      </c>
      <c r="LP34" s="119">
        <v>1821618</v>
      </c>
      <c r="LQ34" s="119">
        <v>1920600</v>
      </c>
      <c r="LR34" s="119">
        <v>1988199</v>
      </c>
      <c r="LS34" s="120">
        <v>6461388</v>
      </c>
      <c r="LT34" s="320">
        <v>6461388</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870758</v>
      </c>
      <c r="MK34" s="119">
        <v>2338652</v>
      </c>
      <c r="ML34" s="119">
        <v>6259268</v>
      </c>
      <c r="MM34" s="119">
        <v>12713010</v>
      </c>
      <c r="MN34" s="119">
        <v>9474040</v>
      </c>
      <c r="MO34" s="120">
        <v>31655728</v>
      </c>
      <c r="MP34" s="143">
        <v>31655728</v>
      </c>
      <c r="MQ34" s="142">
        <v>0</v>
      </c>
      <c r="MR34" s="119">
        <v>0</v>
      </c>
      <c r="MS34" s="120">
        <v>0</v>
      </c>
      <c r="MT34" s="145"/>
      <c r="MU34" s="119">
        <v>0</v>
      </c>
      <c r="MV34" s="119">
        <v>687857</v>
      </c>
      <c r="MW34" s="119">
        <v>3635273</v>
      </c>
      <c r="MX34" s="119">
        <v>8941465</v>
      </c>
      <c r="MY34" s="119">
        <v>5099230</v>
      </c>
      <c r="MZ34" s="120">
        <v>18363825</v>
      </c>
      <c r="NA34" s="143">
        <v>18363825</v>
      </c>
      <c r="NB34" s="142">
        <v>0</v>
      </c>
      <c r="NC34" s="119">
        <v>0</v>
      </c>
      <c r="ND34" s="120">
        <v>0</v>
      </c>
      <c r="NE34" s="145"/>
      <c r="NF34" s="119">
        <v>870758</v>
      </c>
      <c r="NG34" s="119">
        <v>1650795</v>
      </c>
      <c r="NH34" s="119">
        <v>2623995</v>
      </c>
      <c r="NI34" s="119">
        <v>3383682</v>
      </c>
      <c r="NJ34" s="119">
        <v>3846696</v>
      </c>
      <c r="NK34" s="120">
        <v>12375926</v>
      </c>
      <c r="NL34" s="320">
        <v>12375926</v>
      </c>
      <c r="NM34" s="142">
        <v>0</v>
      </c>
      <c r="NN34" s="119">
        <v>0</v>
      </c>
      <c r="NO34" s="120">
        <v>0</v>
      </c>
      <c r="NP34" s="145"/>
      <c r="NQ34" s="119">
        <v>0</v>
      </c>
      <c r="NR34" s="119">
        <v>0</v>
      </c>
      <c r="NS34" s="119">
        <v>0</v>
      </c>
      <c r="NT34" s="119">
        <v>0</v>
      </c>
      <c r="NU34" s="119">
        <v>528114</v>
      </c>
      <c r="NV34" s="120">
        <v>528114</v>
      </c>
      <c r="NW34" s="121">
        <v>528114</v>
      </c>
      <c r="NX34" s="142">
        <v>0</v>
      </c>
      <c r="NY34" s="119">
        <v>0</v>
      </c>
      <c r="NZ34" s="120">
        <v>0</v>
      </c>
      <c r="OA34" s="145"/>
      <c r="OB34" s="119">
        <v>0</v>
      </c>
      <c r="OC34" s="119">
        <v>0</v>
      </c>
      <c r="OD34" s="119">
        <v>0</v>
      </c>
      <c r="OE34" s="119">
        <v>387863</v>
      </c>
      <c r="OF34" s="119">
        <v>0</v>
      </c>
      <c r="OG34" s="120">
        <v>387863</v>
      </c>
      <c r="OH34" s="121">
        <v>387863</v>
      </c>
      <c r="OI34" s="142">
        <v>598299</v>
      </c>
      <c r="OJ34" s="119">
        <v>1032770</v>
      </c>
      <c r="OK34" s="141">
        <v>1631069</v>
      </c>
      <c r="OL34" s="118">
        <v>0</v>
      </c>
      <c r="OM34" s="119">
        <v>10629850</v>
      </c>
      <c r="ON34" s="119">
        <v>17535163</v>
      </c>
      <c r="OO34" s="119">
        <v>18465723</v>
      </c>
      <c r="OP34" s="119">
        <v>25756395</v>
      </c>
      <c r="OQ34" s="119">
        <v>18535460</v>
      </c>
      <c r="OR34" s="120">
        <v>90922591</v>
      </c>
      <c r="OS34" s="143">
        <v>92553660</v>
      </c>
    </row>
    <row r="35" spans="2:409" ht="18.75" customHeight="1" x14ac:dyDescent="0.2">
      <c r="B35" s="62" t="s">
        <v>30</v>
      </c>
      <c r="C35" s="110">
        <v>150768</v>
      </c>
      <c r="D35" s="114">
        <v>22720</v>
      </c>
      <c r="E35" s="174">
        <v>173488</v>
      </c>
      <c r="F35" s="175">
        <v>0</v>
      </c>
      <c r="G35" s="176">
        <v>6703262</v>
      </c>
      <c r="H35" s="176">
        <v>8032881</v>
      </c>
      <c r="I35" s="176">
        <v>8804488</v>
      </c>
      <c r="J35" s="176">
        <v>8528913</v>
      </c>
      <c r="K35" s="176">
        <v>3623876</v>
      </c>
      <c r="L35" s="177">
        <v>35693420</v>
      </c>
      <c r="M35" s="116">
        <v>35866908</v>
      </c>
      <c r="N35" s="110">
        <v>34344</v>
      </c>
      <c r="O35" s="114">
        <v>0</v>
      </c>
      <c r="P35" s="113">
        <v>34344</v>
      </c>
      <c r="Q35" s="110">
        <v>0</v>
      </c>
      <c r="R35" s="114">
        <v>1964632</v>
      </c>
      <c r="S35" s="114">
        <v>2206181</v>
      </c>
      <c r="T35" s="114">
        <v>2684818</v>
      </c>
      <c r="U35" s="114">
        <v>3679517</v>
      </c>
      <c r="V35" s="114">
        <v>1919491</v>
      </c>
      <c r="W35" s="113">
        <v>12454639</v>
      </c>
      <c r="X35" s="116">
        <v>12488983</v>
      </c>
      <c r="Y35" s="110">
        <v>0</v>
      </c>
      <c r="Z35" s="114">
        <v>0</v>
      </c>
      <c r="AA35" s="113">
        <v>0</v>
      </c>
      <c r="AB35" s="110">
        <v>0</v>
      </c>
      <c r="AC35" s="114">
        <v>670196</v>
      </c>
      <c r="AD35" s="114">
        <v>1117853</v>
      </c>
      <c r="AE35" s="114">
        <v>1277180</v>
      </c>
      <c r="AF35" s="114">
        <v>1900189</v>
      </c>
      <c r="AG35" s="114">
        <v>845720</v>
      </c>
      <c r="AH35" s="113">
        <v>5811138</v>
      </c>
      <c r="AI35" s="116">
        <v>5811138</v>
      </c>
      <c r="AJ35" s="110">
        <v>0</v>
      </c>
      <c r="AK35" s="114">
        <v>0</v>
      </c>
      <c r="AL35" s="113">
        <v>0</v>
      </c>
      <c r="AM35" s="110">
        <v>0</v>
      </c>
      <c r="AN35" s="114">
        <v>50715</v>
      </c>
      <c r="AO35" s="114">
        <v>25357</v>
      </c>
      <c r="AP35" s="114">
        <v>60840</v>
      </c>
      <c r="AQ35" s="114">
        <v>417345</v>
      </c>
      <c r="AR35" s="114">
        <v>550486</v>
      </c>
      <c r="AS35" s="113">
        <v>1104743</v>
      </c>
      <c r="AT35" s="116">
        <v>1104743</v>
      </c>
      <c r="AU35" s="110">
        <v>0</v>
      </c>
      <c r="AV35" s="114">
        <v>0</v>
      </c>
      <c r="AW35" s="113">
        <v>0</v>
      </c>
      <c r="AX35" s="110">
        <v>0</v>
      </c>
      <c r="AY35" s="114">
        <v>810704</v>
      </c>
      <c r="AZ35" s="114">
        <v>885068</v>
      </c>
      <c r="BA35" s="114">
        <v>1014189</v>
      </c>
      <c r="BB35" s="114">
        <v>944280</v>
      </c>
      <c r="BC35" s="114">
        <v>401200</v>
      </c>
      <c r="BD35" s="113">
        <v>4055441</v>
      </c>
      <c r="BE35" s="116">
        <v>4055441</v>
      </c>
      <c r="BF35" s="110">
        <v>0</v>
      </c>
      <c r="BG35" s="114">
        <v>0</v>
      </c>
      <c r="BH35" s="112">
        <v>0</v>
      </c>
      <c r="BI35" s="111">
        <v>0</v>
      </c>
      <c r="BJ35" s="114">
        <v>125595</v>
      </c>
      <c r="BK35" s="114">
        <v>0</v>
      </c>
      <c r="BL35" s="114">
        <v>93516</v>
      </c>
      <c r="BM35" s="114">
        <v>143748</v>
      </c>
      <c r="BN35" s="114">
        <v>0</v>
      </c>
      <c r="BO35" s="113">
        <v>362859</v>
      </c>
      <c r="BP35" s="116">
        <v>362859</v>
      </c>
      <c r="BQ35" s="110">
        <v>34344</v>
      </c>
      <c r="BR35" s="114">
        <v>0</v>
      </c>
      <c r="BS35" s="113">
        <v>34344</v>
      </c>
      <c r="BT35" s="110">
        <v>0</v>
      </c>
      <c r="BU35" s="114">
        <v>307422</v>
      </c>
      <c r="BV35" s="114">
        <v>177903</v>
      </c>
      <c r="BW35" s="114">
        <v>239093</v>
      </c>
      <c r="BX35" s="114">
        <v>273955</v>
      </c>
      <c r="BY35" s="114">
        <v>122085</v>
      </c>
      <c r="BZ35" s="113">
        <v>1120458</v>
      </c>
      <c r="CA35" s="116">
        <v>1154802</v>
      </c>
      <c r="CB35" s="110">
        <v>0</v>
      </c>
      <c r="CC35" s="114">
        <v>0</v>
      </c>
      <c r="CD35" s="113">
        <v>0</v>
      </c>
      <c r="CE35" s="110">
        <v>0</v>
      </c>
      <c r="CF35" s="114">
        <v>2118796</v>
      </c>
      <c r="CG35" s="114">
        <v>2499416</v>
      </c>
      <c r="CH35" s="114">
        <v>2610294</v>
      </c>
      <c r="CI35" s="114">
        <v>1847312</v>
      </c>
      <c r="CJ35" s="114">
        <v>121569</v>
      </c>
      <c r="CK35" s="113">
        <v>9197387</v>
      </c>
      <c r="CL35" s="116">
        <v>9197387</v>
      </c>
      <c r="CM35" s="110">
        <v>0</v>
      </c>
      <c r="CN35" s="114">
        <v>0</v>
      </c>
      <c r="CO35" s="113">
        <v>0</v>
      </c>
      <c r="CP35" s="111">
        <v>0</v>
      </c>
      <c r="CQ35" s="114">
        <v>1818678</v>
      </c>
      <c r="CR35" s="114">
        <v>1813768</v>
      </c>
      <c r="CS35" s="114">
        <v>2302013</v>
      </c>
      <c r="CT35" s="114">
        <v>1373891</v>
      </c>
      <c r="CU35" s="114">
        <v>121569</v>
      </c>
      <c r="CV35" s="113">
        <v>7429919</v>
      </c>
      <c r="CW35" s="116">
        <v>7429919</v>
      </c>
      <c r="CX35" s="110">
        <v>0</v>
      </c>
      <c r="CY35" s="114">
        <v>0</v>
      </c>
      <c r="CZ35" s="113">
        <v>0</v>
      </c>
      <c r="DA35" s="110">
        <v>0</v>
      </c>
      <c r="DB35" s="114">
        <v>300118</v>
      </c>
      <c r="DC35" s="114">
        <v>685648</v>
      </c>
      <c r="DD35" s="114">
        <v>308281</v>
      </c>
      <c r="DE35" s="114">
        <v>473421</v>
      </c>
      <c r="DF35" s="114">
        <v>0</v>
      </c>
      <c r="DG35" s="113">
        <v>1767468</v>
      </c>
      <c r="DH35" s="116">
        <v>1767468</v>
      </c>
      <c r="DI35" s="110">
        <v>0</v>
      </c>
      <c r="DJ35" s="114">
        <v>0</v>
      </c>
      <c r="DK35" s="112">
        <v>0</v>
      </c>
      <c r="DL35" s="111">
        <v>0</v>
      </c>
      <c r="DM35" s="114">
        <v>208940</v>
      </c>
      <c r="DN35" s="114">
        <v>648222</v>
      </c>
      <c r="DO35" s="114">
        <v>895320</v>
      </c>
      <c r="DP35" s="114">
        <v>616525</v>
      </c>
      <c r="DQ35" s="114">
        <v>422408</v>
      </c>
      <c r="DR35" s="113">
        <v>2791415</v>
      </c>
      <c r="DS35" s="116">
        <v>2791415</v>
      </c>
      <c r="DT35" s="110">
        <v>0</v>
      </c>
      <c r="DU35" s="114">
        <v>0</v>
      </c>
      <c r="DV35" s="113">
        <v>0</v>
      </c>
      <c r="DW35" s="110">
        <v>0</v>
      </c>
      <c r="DX35" s="114">
        <v>208940</v>
      </c>
      <c r="DY35" s="114">
        <v>587454</v>
      </c>
      <c r="DZ35" s="114">
        <v>606400</v>
      </c>
      <c r="EA35" s="114">
        <v>616525</v>
      </c>
      <c r="EB35" s="114">
        <v>66692</v>
      </c>
      <c r="EC35" s="113">
        <v>2086011</v>
      </c>
      <c r="ED35" s="116">
        <v>2086011</v>
      </c>
      <c r="EE35" s="110">
        <v>0</v>
      </c>
      <c r="EF35" s="112">
        <v>0</v>
      </c>
      <c r="EG35" s="113">
        <v>0</v>
      </c>
      <c r="EH35" s="110">
        <v>0</v>
      </c>
      <c r="EI35" s="114">
        <v>0</v>
      </c>
      <c r="EJ35" s="114">
        <v>60768</v>
      </c>
      <c r="EK35" s="114">
        <v>288920</v>
      </c>
      <c r="EL35" s="114">
        <v>0</v>
      </c>
      <c r="EM35" s="114">
        <v>355716</v>
      </c>
      <c r="EN35" s="112">
        <v>705404</v>
      </c>
      <c r="EO35" s="116">
        <v>705404</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0</v>
      </c>
      <c r="FM35" s="114">
        <v>22720</v>
      </c>
      <c r="FN35" s="113">
        <v>22720</v>
      </c>
      <c r="FO35" s="110">
        <v>0</v>
      </c>
      <c r="FP35" s="114">
        <v>421876</v>
      </c>
      <c r="FQ35" s="114">
        <v>876869</v>
      </c>
      <c r="FR35" s="114">
        <v>1189947</v>
      </c>
      <c r="FS35" s="114">
        <v>665173</v>
      </c>
      <c r="FT35" s="114">
        <v>384763</v>
      </c>
      <c r="FU35" s="113">
        <v>3538628</v>
      </c>
      <c r="FV35" s="116">
        <v>3561348</v>
      </c>
      <c r="FW35" s="115">
        <v>0</v>
      </c>
      <c r="FX35" s="114">
        <v>0</v>
      </c>
      <c r="FY35" s="112">
        <v>0</v>
      </c>
      <c r="FZ35" s="111">
        <v>0</v>
      </c>
      <c r="GA35" s="114">
        <v>421876</v>
      </c>
      <c r="GB35" s="114">
        <v>746099</v>
      </c>
      <c r="GC35" s="114">
        <v>1102611</v>
      </c>
      <c r="GD35" s="114">
        <v>665173</v>
      </c>
      <c r="GE35" s="114">
        <v>384763</v>
      </c>
      <c r="GF35" s="113">
        <v>3320522</v>
      </c>
      <c r="GG35" s="318">
        <v>3320522</v>
      </c>
      <c r="GH35" s="115">
        <v>0</v>
      </c>
      <c r="GI35" s="114">
        <v>22720</v>
      </c>
      <c r="GJ35" s="112">
        <v>22720</v>
      </c>
      <c r="GK35" s="111">
        <v>0</v>
      </c>
      <c r="GL35" s="114">
        <v>0</v>
      </c>
      <c r="GM35" s="114">
        <v>26100</v>
      </c>
      <c r="GN35" s="114">
        <v>0</v>
      </c>
      <c r="GO35" s="114">
        <v>0</v>
      </c>
      <c r="GP35" s="114">
        <v>0</v>
      </c>
      <c r="GQ35" s="113">
        <v>26100</v>
      </c>
      <c r="GR35" s="116">
        <v>48820</v>
      </c>
      <c r="GS35" s="110">
        <v>0</v>
      </c>
      <c r="GT35" s="114">
        <v>0</v>
      </c>
      <c r="GU35" s="113">
        <v>0</v>
      </c>
      <c r="GV35" s="110">
        <v>0</v>
      </c>
      <c r="GW35" s="114">
        <v>0</v>
      </c>
      <c r="GX35" s="114">
        <v>104670</v>
      </c>
      <c r="GY35" s="114">
        <v>87336</v>
      </c>
      <c r="GZ35" s="114">
        <v>0</v>
      </c>
      <c r="HA35" s="114">
        <v>0</v>
      </c>
      <c r="HB35" s="112">
        <v>192006</v>
      </c>
      <c r="HC35" s="116">
        <v>192006</v>
      </c>
      <c r="HD35" s="110">
        <v>116424</v>
      </c>
      <c r="HE35" s="114">
        <v>0</v>
      </c>
      <c r="HF35" s="112">
        <v>116424</v>
      </c>
      <c r="HG35" s="111">
        <v>0</v>
      </c>
      <c r="HH35" s="114">
        <v>821526</v>
      </c>
      <c r="HI35" s="114">
        <v>767082</v>
      </c>
      <c r="HJ35" s="114">
        <v>438978</v>
      </c>
      <c r="HK35" s="114">
        <v>1061944</v>
      </c>
      <c r="HL35" s="114">
        <v>528225</v>
      </c>
      <c r="HM35" s="113">
        <v>3617755</v>
      </c>
      <c r="HN35" s="109">
        <v>3734179</v>
      </c>
      <c r="HO35" s="115">
        <v>0</v>
      </c>
      <c r="HP35" s="114">
        <v>0</v>
      </c>
      <c r="HQ35" s="113">
        <v>0</v>
      </c>
      <c r="HR35" s="110">
        <v>0</v>
      </c>
      <c r="HS35" s="114">
        <v>1167492</v>
      </c>
      <c r="HT35" s="114">
        <v>1035111</v>
      </c>
      <c r="HU35" s="114">
        <v>985131</v>
      </c>
      <c r="HV35" s="114">
        <v>658442</v>
      </c>
      <c r="HW35" s="114">
        <v>247420</v>
      </c>
      <c r="HX35" s="112">
        <v>4093596</v>
      </c>
      <c r="HY35" s="116">
        <v>4093596</v>
      </c>
      <c r="HZ35" s="131">
        <v>0</v>
      </c>
      <c r="IA35" s="132">
        <v>0</v>
      </c>
      <c r="IB35" s="133">
        <v>0</v>
      </c>
      <c r="IC35" s="146">
        <v>0</v>
      </c>
      <c r="ID35" s="132">
        <v>3890508</v>
      </c>
      <c r="IE35" s="147">
        <v>1784652</v>
      </c>
      <c r="IF35" s="133">
        <v>2180410</v>
      </c>
      <c r="IG35" s="132">
        <v>1819103</v>
      </c>
      <c r="IH35" s="133">
        <v>566850</v>
      </c>
      <c r="II35" s="148">
        <v>10241523</v>
      </c>
      <c r="IJ35" s="139">
        <v>10241523</v>
      </c>
      <c r="IK35" s="232">
        <v>0</v>
      </c>
      <c r="IL35" s="236">
        <v>0</v>
      </c>
      <c r="IM35" s="237">
        <v>0</v>
      </c>
      <c r="IN35" s="140"/>
      <c r="IO35" s="119">
        <v>66735</v>
      </c>
      <c r="IP35" s="119">
        <v>0</v>
      </c>
      <c r="IQ35" s="119">
        <v>179658</v>
      </c>
      <c r="IR35" s="119">
        <v>0</v>
      </c>
      <c r="IS35" s="119">
        <v>0</v>
      </c>
      <c r="IT35" s="141">
        <v>246393</v>
      </c>
      <c r="IU35" s="320">
        <v>246393</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1081879</v>
      </c>
      <c r="JL35" s="119">
        <v>892013</v>
      </c>
      <c r="JM35" s="119">
        <v>810333</v>
      </c>
      <c r="JN35" s="119">
        <v>458811</v>
      </c>
      <c r="JO35" s="119">
        <v>0</v>
      </c>
      <c r="JP35" s="120">
        <v>3243036</v>
      </c>
      <c r="JQ35" s="320">
        <v>3243036</v>
      </c>
      <c r="JR35" s="142">
        <v>0</v>
      </c>
      <c r="JS35" s="119">
        <v>0</v>
      </c>
      <c r="JT35" s="141">
        <v>0</v>
      </c>
      <c r="JU35" s="118">
        <v>0</v>
      </c>
      <c r="JV35" s="119">
        <v>96903</v>
      </c>
      <c r="JW35" s="119">
        <v>134529</v>
      </c>
      <c r="JX35" s="119">
        <v>167011</v>
      </c>
      <c r="JY35" s="119">
        <v>0</v>
      </c>
      <c r="JZ35" s="119">
        <v>0</v>
      </c>
      <c r="KA35" s="120">
        <v>398443</v>
      </c>
      <c r="KB35" s="320">
        <v>398443</v>
      </c>
      <c r="KC35" s="234">
        <v>0</v>
      </c>
      <c r="KD35" s="230">
        <v>0</v>
      </c>
      <c r="KE35" s="120">
        <v>0</v>
      </c>
      <c r="KF35" s="118">
        <v>0</v>
      </c>
      <c r="KG35" s="119">
        <v>0</v>
      </c>
      <c r="KH35" s="119">
        <v>187965</v>
      </c>
      <c r="KI35" s="119">
        <v>0</v>
      </c>
      <c r="KJ35" s="119">
        <v>289260</v>
      </c>
      <c r="KK35" s="119">
        <v>0</v>
      </c>
      <c r="KL35" s="120">
        <v>477225</v>
      </c>
      <c r="KM35" s="143">
        <v>477225</v>
      </c>
      <c r="KN35" s="232">
        <v>0</v>
      </c>
      <c r="KO35" s="236">
        <v>0</v>
      </c>
      <c r="KP35" s="237">
        <v>0</v>
      </c>
      <c r="KQ35" s="140"/>
      <c r="KR35" s="119">
        <v>2644991</v>
      </c>
      <c r="KS35" s="119">
        <v>570145</v>
      </c>
      <c r="KT35" s="119">
        <v>1023408</v>
      </c>
      <c r="KU35" s="119">
        <v>1071032</v>
      </c>
      <c r="KV35" s="119">
        <v>566850</v>
      </c>
      <c r="KW35" s="120">
        <v>5876426</v>
      </c>
      <c r="KX35" s="320">
        <v>5876426</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69666</v>
      </c>
      <c r="MK35" s="119">
        <v>1217046</v>
      </c>
      <c r="ML35" s="119">
        <v>9069235</v>
      </c>
      <c r="MM35" s="119">
        <v>11633190</v>
      </c>
      <c r="MN35" s="119">
        <v>7114565</v>
      </c>
      <c r="MO35" s="120">
        <v>30803702</v>
      </c>
      <c r="MP35" s="143">
        <v>30803702</v>
      </c>
      <c r="MQ35" s="142">
        <v>0</v>
      </c>
      <c r="MR35" s="119">
        <v>0</v>
      </c>
      <c r="MS35" s="120">
        <v>0</v>
      </c>
      <c r="MT35" s="145"/>
      <c r="MU35" s="119">
        <v>228681</v>
      </c>
      <c r="MV35" s="119">
        <v>207360</v>
      </c>
      <c r="MW35" s="119">
        <v>5211168</v>
      </c>
      <c r="MX35" s="119">
        <v>5702280</v>
      </c>
      <c r="MY35" s="119">
        <v>4660950</v>
      </c>
      <c r="MZ35" s="120">
        <v>16010439</v>
      </c>
      <c r="NA35" s="143">
        <v>16010439</v>
      </c>
      <c r="NB35" s="142">
        <v>0</v>
      </c>
      <c r="NC35" s="119">
        <v>0</v>
      </c>
      <c r="ND35" s="120">
        <v>0</v>
      </c>
      <c r="NE35" s="145"/>
      <c r="NF35" s="119">
        <v>1540985</v>
      </c>
      <c r="NG35" s="119">
        <v>750306</v>
      </c>
      <c r="NH35" s="119">
        <v>3858067</v>
      </c>
      <c r="NI35" s="119">
        <v>5930910</v>
      </c>
      <c r="NJ35" s="119">
        <v>1121745</v>
      </c>
      <c r="NK35" s="120">
        <v>13202013</v>
      </c>
      <c r="NL35" s="320">
        <v>13202013</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59380</v>
      </c>
      <c r="OD35" s="119">
        <v>0</v>
      </c>
      <c r="OE35" s="119">
        <v>0</v>
      </c>
      <c r="OF35" s="119">
        <v>1331870</v>
      </c>
      <c r="OG35" s="120">
        <v>1591250</v>
      </c>
      <c r="OH35" s="121">
        <v>1591250</v>
      </c>
      <c r="OI35" s="142">
        <v>150768</v>
      </c>
      <c r="OJ35" s="119">
        <v>22720</v>
      </c>
      <c r="OK35" s="141">
        <v>173488</v>
      </c>
      <c r="OL35" s="118">
        <v>0</v>
      </c>
      <c r="OM35" s="119">
        <v>12363436</v>
      </c>
      <c r="ON35" s="119">
        <v>11034579</v>
      </c>
      <c r="OO35" s="119">
        <v>20054133</v>
      </c>
      <c r="OP35" s="119">
        <v>21981206</v>
      </c>
      <c r="OQ35" s="119">
        <v>11305291</v>
      </c>
      <c r="OR35" s="120">
        <v>76738645</v>
      </c>
      <c r="OS35" s="143">
        <v>76912133</v>
      </c>
    </row>
    <row r="36" spans="2:409" ht="18.75" customHeight="1" x14ac:dyDescent="0.2">
      <c r="B36" s="62" t="s">
        <v>31</v>
      </c>
      <c r="C36" s="110">
        <v>466978</v>
      </c>
      <c r="D36" s="114">
        <v>1057916</v>
      </c>
      <c r="E36" s="113">
        <v>1524894</v>
      </c>
      <c r="F36" s="109">
        <v>0</v>
      </c>
      <c r="G36" s="114">
        <v>7122991</v>
      </c>
      <c r="H36" s="114">
        <v>8661095</v>
      </c>
      <c r="I36" s="114">
        <v>8596601</v>
      </c>
      <c r="J36" s="114">
        <v>5525078</v>
      </c>
      <c r="K36" s="114">
        <v>3978606</v>
      </c>
      <c r="L36" s="173">
        <v>33884371</v>
      </c>
      <c r="M36" s="116">
        <v>35409265</v>
      </c>
      <c r="N36" s="110">
        <v>104274</v>
      </c>
      <c r="O36" s="114">
        <v>190512</v>
      </c>
      <c r="P36" s="113">
        <v>294786</v>
      </c>
      <c r="Q36" s="110">
        <v>0</v>
      </c>
      <c r="R36" s="114">
        <v>1275970</v>
      </c>
      <c r="S36" s="114">
        <v>1973154</v>
      </c>
      <c r="T36" s="114">
        <v>1404460</v>
      </c>
      <c r="U36" s="114">
        <v>1043855</v>
      </c>
      <c r="V36" s="114">
        <v>1633706</v>
      </c>
      <c r="W36" s="113">
        <v>7331145</v>
      </c>
      <c r="X36" s="116">
        <v>7625931</v>
      </c>
      <c r="Y36" s="110">
        <v>0</v>
      </c>
      <c r="Z36" s="114">
        <v>0</v>
      </c>
      <c r="AA36" s="113">
        <v>0</v>
      </c>
      <c r="AB36" s="110">
        <v>0</v>
      </c>
      <c r="AC36" s="114">
        <v>607493</v>
      </c>
      <c r="AD36" s="114">
        <v>693143</v>
      </c>
      <c r="AE36" s="114">
        <v>461419</v>
      </c>
      <c r="AF36" s="114">
        <v>44226</v>
      </c>
      <c r="AG36" s="114">
        <v>642563</v>
      </c>
      <c r="AH36" s="113">
        <v>2448844</v>
      </c>
      <c r="AI36" s="116">
        <v>2448844</v>
      </c>
      <c r="AJ36" s="110">
        <v>0</v>
      </c>
      <c r="AK36" s="114">
        <v>0</v>
      </c>
      <c r="AL36" s="113">
        <v>0</v>
      </c>
      <c r="AM36" s="110">
        <v>0</v>
      </c>
      <c r="AN36" s="114">
        <v>60840</v>
      </c>
      <c r="AO36" s="114">
        <v>118207</v>
      </c>
      <c r="AP36" s="114">
        <v>242272</v>
      </c>
      <c r="AQ36" s="114">
        <v>231551</v>
      </c>
      <c r="AR36" s="114">
        <v>324473</v>
      </c>
      <c r="AS36" s="113">
        <v>977343</v>
      </c>
      <c r="AT36" s="116">
        <v>977343</v>
      </c>
      <c r="AU36" s="110">
        <v>63792</v>
      </c>
      <c r="AV36" s="114">
        <v>113526</v>
      </c>
      <c r="AW36" s="113">
        <v>177318</v>
      </c>
      <c r="AX36" s="110">
        <v>0</v>
      </c>
      <c r="AY36" s="114">
        <v>468787</v>
      </c>
      <c r="AZ36" s="114">
        <v>740089</v>
      </c>
      <c r="BA36" s="114">
        <v>350935</v>
      </c>
      <c r="BB36" s="114">
        <v>548642</v>
      </c>
      <c r="BC36" s="114">
        <v>532079</v>
      </c>
      <c r="BD36" s="113">
        <v>2640532</v>
      </c>
      <c r="BE36" s="116">
        <v>2817850</v>
      </c>
      <c r="BF36" s="110">
        <v>0</v>
      </c>
      <c r="BG36" s="114">
        <v>69093</v>
      </c>
      <c r="BH36" s="112">
        <v>69093</v>
      </c>
      <c r="BI36" s="111">
        <v>0</v>
      </c>
      <c r="BJ36" s="114">
        <v>29472</v>
      </c>
      <c r="BK36" s="114">
        <v>192876</v>
      </c>
      <c r="BL36" s="114">
        <v>224230</v>
      </c>
      <c r="BM36" s="114">
        <v>147236</v>
      </c>
      <c r="BN36" s="114">
        <v>101817</v>
      </c>
      <c r="BO36" s="113">
        <v>695631</v>
      </c>
      <c r="BP36" s="116">
        <v>764724</v>
      </c>
      <c r="BQ36" s="110">
        <v>40482</v>
      </c>
      <c r="BR36" s="114">
        <v>7893</v>
      </c>
      <c r="BS36" s="113">
        <v>48375</v>
      </c>
      <c r="BT36" s="110">
        <v>0</v>
      </c>
      <c r="BU36" s="114">
        <v>109378</v>
      </c>
      <c r="BV36" s="114">
        <v>228839</v>
      </c>
      <c r="BW36" s="114">
        <v>125604</v>
      </c>
      <c r="BX36" s="114">
        <v>72200</v>
      </c>
      <c r="BY36" s="114">
        <v>32774</v>
      </c>
      <c r="BZ36" s="113">
        <v>568795</v>
      </c>
      <c r="CA36" s="116">
        <v>617170</v>
      </c>
      <c r="CB36" s="110">
        <v>0</v>
      </c>
      <c r="CC36" s="114">
        <v>0</v>
      </c>
      <c r="CD36" s="113">
        <v>0</v>
      </c>
      <c r="CE36" s="110">
        <v>0</v>
      </c>
      <c r="CF36" s="114">
        <v>2085061</v>
      </c>
      <c r="CG36" s="114">
        <v>2931756</v>
      </c>
      <c r="CH36" s="114">
        <v>2766454</v>
      </c>
      <c r="CI36" s="114">
        <v>1748769</v>
      </c>
      <c r="CJ36" s="114">
        <v>715128</v>
      </c>
      <c r="CK36" s="113">
        <v>10247168</v>
      </c>
      <c r="CL36" s="116">
        <v>10247168</v>
      </c>
      <c r="CM36" s="110">
        <v>0</v>
      </c>
      <c r="CN36" s="114">
        <v>0</v>
      </c>
      <c r="CO36" s="113">
        <v>0</v>
      </c>
      <c r="CP36" s="111">
        <v>0</v>
      </c>
      <c r="CQ36" s="114">
        <v>1888752</v>
      </c>
      <c r="CR36" s="114">
        <v>2413064</v>
      </c>
      <c r="CS36" s="114">
        <v>2188684</v>
      </c>
      <c r="CT36" s="114">
        <v>1577209</v>
      </c>
      <c r="CU36" s="114">
        <v>507730</v>
      </c>
      <c r="CV36" s="113">
        <v>8575439</v>
      </c>
      <c r="CW36" s="116">
        <v>8575439</v>
      </c>
      <c r="CX36" s="110">
        <v>0</v>
      </c>
      <c r="CY36" s="114">
        <v>0</v>
      </c>
      <c r="CZ36" s="113">
        <v>0</v>
      </c>
      <c r="DA36" s="110">
        <v>0</v>
      </c>
      <c r="DB36" s="114">
        <v>196309</v>
      </c>
      <c r="DC36" s="114">
        <v>518692</v>
      </c>
      <c r="DD36" s="114">
        <v>577770</v>
      </c>
      <c r="DE36" s="114">
        <v>171560</v>
      </c>
      <c r="DF36" s="114">
        <v>207398</v>
      </c>
      <c r="DG36" s="113">
        <v>1671729</v>
      </c>
      <c r="DH36" s="116">
        <v>1671729</v>
      </c>
      <c r="DI36" s="110">
        <v>0</v>
      </c>
      <c r="DJ36" s="114">
        <v>24584</v>
      </c>
      <c r="DK36" s="112">
        <v>24584</v>
      </c>
      <c r="DL36" s="111">
        <v>0</v>
      </c>
      <c r="DM36" s="114">
        <v>328553</v>
      </c>
      <c r="DN36" s="114">
        <v>442213</v>
      </c>
      <c r="DO36" s="114">
        <v>1871843</v>
      </c>
      <c r="DP36" s="114">
        <v>1098046</v>
      </c>
      <c r="DQ36" s="114">
        <v>173787</v>
      </c>
      <c r="DR36" s="113">
        <v>3914442</v>
      </c>
      <c r="DS36" s="116">
        <v>3939026</v>
      </c>
      <c r="DT36" s="110">
        <v>0</v>
      </c>
      <c r="DU36" s="114">
        <v>24584</v>
      </c>
      <c r="DV36" s="113">
        <v>24584</v>
      </c>
      <c r="DW36" s="110">
        <v>0</v>
      </c>
      <c r="DX36" s="114">
        <v>295774</v>
      </c>
      <c r="DY36" s="114">
        <v>398923</v>
      </c>
      <c r="DZ36" s="114">
        <v>1776853</v>
      </c>
      <c r="EA36" s="114">
        <v>1006577</v>
      </c>
      <c r="EB36" s="114">
        <v>95172</v>
      </c>
      <c r="EC36" s="113">
        <v>3573299</v>
      </c>
      <c r="ED36" s="116">
        <v>3597883</v>
      </c>
      <c r="EE36" s="110">
        <v>0</v>
      </c>
      <c r="EF36" s="112">
        <v>0</v>
      </c>
      <c r="EG36" s="113">
        <v>0</v>
      </c>
      <c r="EH36" s="110">
        <v>0</v>
      </c>
      <c r="EI36" s="114">
        <v>32779</v>
      </c>
      <c r="EJ36" s="114">
        <v>43290</v>
      </c>
      <c r="EK36" s="114">
        <v>94990</v>
      </c>
      <c r="EL36" s="114">
        <v>91469</v>
      </c>
      <c r="EM36" s="114">
        <v>78615</v>
      </c>
      <c r="EN36" s="112">
        <v>341143</v>
      </c>
      <c r="EO36" s="116">
        <v>341143</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136024</v>
      </c>
      <c r="FM36" s="114">
        <v>527211</v>
      </c>
      <c r="FN36" s="113">
        <v>663235</v>
      </c>
      <c r="FO36" s="110">
        <v>0</v>
      </c>
      <c r="FP36" s="114">
        <v>835369</v>
      </c>
      <c r="FQ36" s="114">
        <v>1084311</v>
      </c>
      <c r="FR36" s="114">
        <v>741270</v>
      </c>
      <c r="FS36" s="114">
        <v>612825</v>
      </c>
      <c r="FT36" s="114">
        <v>490202</v>
      </c>
      <c r="FU36" s="113">
        <v>3763977</v>
      </c>
      <c r="FV36" s="116">
        <v>4427212</v>
      </c>
      <c r="FW36" s="115">
        <v>136024</v>
      </c>
      <c r="FX36" s="114">
        <v>335466</v>
      </c>
      <c r="FY36" s="112">
        <v>471490</v>
      </c>
      <c r="FZ36" s="111">
        <v>0</v>
      </c>
      <c r="GA36" s="114">
        <v>454462</v>
      </c>
      <c r="GB36" s="114">
        <v>1070071</v>
      </c>
      <c r="GC36" s="114">
        <v>717870</v>
      </c>
      <c r="GD36" s="114">
        <v>593025</v>
      </c>
      <c r="GE36" s="114">
        <v>490202</v>
      </c>
      <c r="GF36" s="113">
        <v>3325630</v>
      </c>
      <c r="GG36" s="318">
        <v>3797120</v>
      </c>
      <c r="GH36" s="115">
        <v>0</v>
      </c>
      <c r="GI36" s="114">
        <v>21420</v>
      </c>
      <c r="GJ36" s="112">
        <v>21420</v>
      </c>
      <c r="GK36" s="111">
        <v>0</v>
      </c>
      <c r="GL36" s="114">
        <v>21420</v>
      </c>
      <c r="GM36" s="114">
        <v>14240</v>
      </c>
      <c r="GN36" s="114">
        <v>0</v>
      </c>
      <c r="GO36" s="114">
        <v>0</v>
      </c>
      <c r="GP36" s="114">
        <v>0</v>
      </c>
      <c r="GQ36" s="113">
        <v>35660</v>
      </c>
      <c r="GR36" s="116">
        <v>57080</v>
      </c>
      <c r="GS36" s="110">
        <v>0</v>
      </c>
      <c r="GT36" s="114">
        <v>170325</v>
      </c>
      <c r="GU36" s="113">
        <v>170325</v>
      </c>
      <c r="GV36" s="110">
        <v>0</v>
      </c>
      <c r="GW36" s="114">
        <v>359487</v>
      </c>
      <c r="GX36" s="114">
        <v>0</v>
      </c>
      <c r="GY36" s="114">
        <v>23400</v>
      </c>
      <c r="GZ36" s="114">
        <v>19800</v>
      </c>
      <c r="HA36" s="114">
        <v>0</v>
      </c>
      <c r="HB36" s="112">
        <v>402687</v>
      </c>
      <c r="HC36" s="116">
        <v>573012</v>
      </c>
      <c r="HD36" s="110">
        <v>116313</v>
      </c>
      <c r="HE36" s="114">
        <v>97938</v>
      </c>
      <c r="HF36" s="112">
        <v>214251</v>
      </c>
      <c r="HG36" s="111">
        <v>0</v>
      </c>
      <c r="HH36" s="114">
        <v>1263435</v>
      </c>
      <c r="HI36" s="114">
        <v>986045</v>
      </c>
      <c r="HJ36" s="114">
        <v>853178</v>
      </c>
      <c r="HK36" s="114">
        <v>483992</v>
      </c>
      <c r="HL36" s="114">
        <v>733546</v>
      </c>
      <c r="HM36" s="113">
        <v>4320196</v>
      </c>
      <c r="HN36" s="109">
        <v>4534447</v>
      </c>
      <c r="HO36" s="115">
        <v>110367</v>
      </c>
      <c r="HP36" s="114">
        <v>217671</v>
      </c>
      <c r="HQ36" s="113">
        <v>328038</v>
      </c>
      <c r="HR36" s="110">
        <v>0</v>
      </c>
      <c r="HS36" s="114">
        <v>1334603</v>
      </c>
      <c r="HT36" s="114">
        <v>1243616</v>
      </c>
      <c r="HU36" s="114">
        <v>959396</v>
      </c>
      <c r="HV36" s="114">
        <v>537591</v>
      </c>
      <c r="HW36" s="114">
        <v>232237</v>
      </c>
      <c r="HX36" s="112">
        <v>4307443</v>
      </c>
      <c r="HY36" s="116">
        <v>4635481</v>
      </c>
      <c r="HZ36" s="150">
        <v>0</v>
      </c>
      <c r="IA36" s="135">
        <v>176414</v>
      </c>
      <c r="IB36" s="150">
        <v>176414</v>
      </c>
      <c r="IC36" s="134">
        <v>0</v>
      </c>
      <c r="ID36" s="135">
        <v>4244764</v>
      </c>
      <c r="IE36" s="136">
        <v>5155097</v>
      </c>
      <c r="IF36" s="137">
        <v>6078924</v>
      </c>
      <c r="IG36" s="135">
        <v>2646027</v>
      </c>
      <c r="IH36" s="137">
        <v>1677671</v>
      </c>
      <c r="II36" s="138">
        <v>19802483</v>
      </c>
      <c r="IJ36" s="150">
        <v>19978897</v>
      </c>
      <c r="IK36" s="232">
        <v>0</v>
      </c>
      <c r="IL36" s="236">
        <v>0</v>
      </c>
      <c r="IM36" s="237">
        <v>0</v>
      </c>
      <c r="IN36" s="140"/>
      <c r="IO36" s="119">
        <v>0</v>
      </c>
      <c r="IP36" s="119">
        <v>159611</v>
      </c>
      <c r="IQ36" s="119">
        <v>0</v>
      </c>
      <c r="IR36" s="119">
        <v>39834</v>
      </c>
      <c r="IS36" s="119">
        <v>0</v>
      </c>
      <c r="IT36" s="141">
        <v>199445</v>
      </c>
      <c r="IU36" s="320">
        <v>199445</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261276</v>
      </c>
      <c r="JL36" s="119">
        <v>820649</v>
      </c>
      <c r="JM36" s="119">
        <v>889714</v>
      </c>
      <c r="JN36" s="119">
        <v>162522</v>
      </c>
      <c r="JO36" s="119">
        <v>35496</v>
      </c>
      <c r="JP36" s="120">
        <v>3169657</v>
      </c>
      <c r="JQ36" s="320">
        <v>3169657</v>
      </c>
      <c r="JR36" s="142">
        <v>0</v>
      </c>
      <c r="JS36" s="119">
        <v>0</v>
      </c>
      <c r="JT36" s="141">
        <v>0</v>
      </c>
      <c r="JU36" s="118">
        <v>0</v>
      </c>
      <c r="JV36" s="119">
        <v>0</v>
      </c>
      <c r="JW36" s="119">
        <v>0</v>
      </c>
      <c r="JX36" s="119">
        <v>115973</v>
      </c>
      <c r="JY36" s="119">
        <v>0</v>
      </c>
      <c r="JZ36" s="119">
        <v>255105</v>
      </c>
      <c r="KA36" s="120">
        <v>371078</v>
      </c>
      <c r="KB36" s="320">
        <v>371078</v>
      </c>
      <c r="KC36" s="234">
        <v>0</v>
      </c>
      <c r="KD36" s="230">
        <v>176414</v>
      </c>
      <c r="KE36" s="120">
        <v>176414</v>
      </c>
      <c r="KF36" s="118">
        <v>0</v>
      </c>
      <c r="KG36" s="119">
        <v>1100235</v>
      </c>
      <c r="KH36" s="119">
        <v>1531382</v>
      </c>
      <c r="KI36" s="119">
        <v>1662060</v>
      </c>
      <c r="KJ36" s="119">
        <v>218573</v>
      </c>
      <c r="KK36" s="119">
        <v>313837</v>
      </c>
      <c r="KL36" s="120">
        <v>4826087</v>
      </c>
      <c r="KM36" s="143">
        <v>5002501</v>
      </c>
      <c r="KN36" s="232">
        <v>0</v>
      </c>
      <c r="KO36" s="236">
        <v>0</v>
      </c>
      <c r="KP36" s="237">
        <v>0</v>
      </c>
      <c r="KQ36" s="140"/>
      <c r="KR36" s="119">
        <v>1883253</v>
      </c>
      <c r="KS36" s="119">
        <v>2643455</v>
      </c>
      <c r="KT36" s="119">
        <v>3411177</v>
      </c>
      <c r="KU36" s="119">
        <v>2225098</v>
      </c>
      <c r="KV36" s="119">
        <v>1073233</v>
      </c>
      <c r="KW36" s="120">
        <v>11236216</v>
      </c>
      <c r="KX36" s="320">
        <v>11236216</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699124</v>
      </c>
      <c r="MK36" s="119">
        <v>3486576</v>
      </c>
      <c r="ML36" s="119">
        <v>9552685</v>
      </c>
      <c r="MM36" s="119">
        <v>9030444</v>
      </c>
      <c r="MN36" s="119">
        <v>7690869</v>
      </c>
      <c r="MO36" s="120">
        <v>30459698</v>
      </c>
      <c r="MP36" s="143">
        <v>30459698</v>
      </c>
      <c r="MQ36" s="142">
        <v>0</v>
      </c>
      <c r="MR36" s="119">
        <v>0</v>
      </c>
      <c r="MS36" s="120">
        <v>0</v>
      </c>
      <c r="MT36" s="145"/>
      <c r="MU36" s="119">
        <v>0</v>
      </c>
      <c r="MV36" s="119">
        <v>487254</v>
      </c>
      <c r="MW36" s="119">
        <v>7073507</v>
      </c>
      <c r="MX36" s="119">
        <v>6896206</v>
      </c>
      <c r="MY36" s="119">
        <v>6353772</v>
      </c>
      <c r="MZ36" s="120">
        <v>20810739</v>
      </c>
      <c r="NA36" s="143">
        <v>20810739</v>
      </c>
      <c r="NB36" s="142">
        <v>0</v>
      </c>
      <c r="NC36" s="119">
        <v>0</v>
      </c>
      <c r="ND36" s="120">
        <v>0</v>
      </c>
      <c r="NE36" s="145"/>
      <c r="NF36" s="119">
        <v>699124</v>
      </c>
      <c r="NG36" s="119">
        <v>2999322</v>
      </c>
      <c r="NH36" s="119">
        <v>2479178</v>
      </c>
      <c r="NI36" s="119">
        <v>2134238</v>
      </c>
      <c r="NJ36" s="119">
        <v>1337097</v>
      </c>
      <c r="NK36" s="120">
        <v>9648959</v>
      </c>
      <c r="NL36" s="320">
        <v>9648959</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466978</v>
      </c>
      <c r="OJ36" s="119">
        <v>1234330</v>
      </c>
      <c r="OK36" s="141">
        <v>1701308</v>
      </c>
      <c r="OL36" s="118">
        <v>0</v>
      </c>
      <c r="OM36" s="119">
        <v>12066879</v>
      </c>
      <c r="ON36" s="119">
        <v>17302768</v>
      </c>
      <c r="OO36" s="119">
        <v>24228210</v>
      </c>
      <c r="OP36" s="119">
        <v>17201549</v>
      </c>
      <c r="OQ36" s="119">
        <v>13347146</v>
      </c>
      <c r="OR36" s="120">
        <v>84146552</v>
      </c>
      <c r="OS36" s="143">
        <v>85847860</v>
      </c>
    </row>
    <row r="37" spans="2:409" ht="18.75" customHeight="1" x14ac:dyDescent="0.2">
      <c r="B37" s="62" t="s">
        <v>32</v>
      </c>
      <c r="C37" s="110">
        <v>804662</v>
      </c>
      <c r="D37" s="114">
        <v>983658</v>
      </c>
      <c r="E37" s="174">
        <v>1788320</v>
      </c>
      <c r="F37" s="175">
        <v>0</v>
      </c>
      <c r="G37" s="176">
        <v>10143885</v>
      </c>
      <c r="H37" s="176">
        <v>9932763</v>
      </c>
      <c r="I37" s="176">
        <v>8996845</v>
      </c>
      <c r="J37" s="176">
        <v>9560067</v>
      </c>
      <c r="K37" s="176">
        <v>6110837</v>
      </c>
      <c r="L37" s="177">
        <v>44744397</v>
      </c>
      <c r="M37" s="116">
        <v>46532717</v>
      </c>
      <c r="N37" s="110">
        <v>165734</v>
      </c>
      <c r="O37" s="114">
        <v>169906</v>
      </c>
      <c r="P37" s="113">
        <v>335640</v>
      </c>
      <c r="Q37" s="110">
        <v>0</v>
      </c>
      <c r="R37" s="114">
        <v>3195827</v>
      </c>
      <c r="S37" s="114">
        <v>1996455</v>
      </c>
      <c r="T37" s="114">
        <v>2635812</v>
      </c>
      <c r="U37" s="114">
        <v>2847891</v>
      </c>
      <c r="V37" s="114">
        <v>3452876</v>
      </c>
      <c r="W37" s="113">
        <v>14128861</v>
      </c>
      <c r="X37" s="116">
        <v>14464501</v>
      </c>
      <c r="Y37" s="110">
        <v>0</v>
      </c>
      <c r="Z37" s="114">
        <v>0</v>
      </c>
      <c r="AA37" s="113">
        <v>0</v>
      </c>
      <c r="AB37" s="110">
        <v>0</v>
      </c>
      <c r="AC37" s="114">
        <v>1470536</v>
      </c>
      <c r="AD37" s="114">
        <v>742117</v>
      </c>
      <c r="AE37" s="114">
        <v>1841710</v>
      </c>
      <c r="AF37" s="114">
        <v>1769943</v>
      </c>
      <c r="AG37" s="114">
        <v>2023462</v>
      </c>
      <c r="AH37" s="113">
        <v>7847768</v>
      </c>
      <c r="AI37" s="116">
        <v>7847768</v>
      </c>
      <c r="AJ37" s="110">
        <v>0</v>
      </c>
      <c r="AK37" s="114">
        <v>0</v>
      </c>
      <c r="AL37" s="113">
        <v>0</v>
      </c>
      <c r="AM37" s="110">
        <v>0</v>
      </c>
      <c r="AN37" s="114">
        <v>0</v>
      </c>
      <c r="AO37" s="114">
        <v>48672</v>
      </c>
      <c r="AP37" s="114">
        <v>0</v>
      </c>
      <c r="AQ37" s="114">
        <v>48672</v>
      </c>
      <c r="AR37" s="114">
        <v>590081</v>
      </c>
      <c r="AS37" s="113">
        <v>687425</v>
      </c>
      <c r="AT37" s="116">
        <v>687425</v>
      </c>
      <c r="AU37" s="110">
        <v>115561</v>
      </c>
      <c r="AV37" s="114">
        <v>165532</v>
      </c>
      <c r="AW37" s="113">
        <v>281093</v>
      </c>
      <c r="AX37" s="110">
        <v>0</v>
      </c>
      <c r="AY37" s="114">
        <v>1188108</v>
      </c>
      <c r="AZ37" s="114">
        <v>982823</v>
      </c>
      <c r="BA37" s="114">
        <v>502329</v>
      </c>
      <c r="BB37" s="114">
        <v>672676</v>
      </c>
      <c r="BC37" s="114">
        <v>557954</v>
      </c>
      <c r="BD37" s="113">
        <v>3903890</v>
      </c>
      <c r="BE37" s="116">
        <v>4184983</v>
      </c>
      <c r="BF37" s="110">
        <v>36736</v>
      </c>
      <c r="BG37" s="114">
        <v>0</v>
      </c>
      <c r="BH37" s="112">
        <v>36736</v>
      </c>
      <c r="BI37" s="111">
        <v>0</v>
      </c>
      <c r="BJ37" s="114">
        <v>330496</v>
      </c>
      <c r="BK37" s="114">
        <v>38240</v>
      </c>
      <c r="BL37" s="114">
        <v>34416</v>
      </c>
      <c r="BM37" s="114">
        <v>37284</v>
      </c>
      <c r="BN37" s="114">
        <v>115587</v>
      </c>
      <c r="BO37" s="113">
        <v>556023</v>
      </c>
      <c r="BP37" s="116">
        <v>592759</v>
      </c>
      <c r="BQ37" s="110">
        <v>13437</v>
      </c>
      <c r="BR37" s="114">
        <v>4374</v>
      </c>
      <c r="BS37" s="113">
        <v>17811</v>
      </c>
      <c r="BT37" s="110">
        <v>0</v>
      </c>
      <c r="BU37" s="114">
        <v>206687</v>
      </c>
      <c r="BV37" s="114">
        <v>184603</v>
      </c>
      <c r="BW37" s="114">
        <v>257357</v>
      </c>
      <c r="BX37" s="114">
        <v>319316</v>
      </c>
      <c r="BY37" s="114">
        <v>165792</v>
      </c>
      <c r="BZ37" s="113">
        <v>1133755</v>
      </c>
      <c r="CA37" s="116">
        <v>1151566</v>
      </c>
      <c r="CB37" s="110">
        <v>23803</v>
      </c>
      <c r="CC37" s="114">
        <v>0</v>
      </c>
      <c r="CD37" s="113">
        <v>23803</v>
      </c>
      <c r="CE37" s="110">
        <v>0</v>
      </c>
      <c r="CF37" s="114">
        <v>3122516</v>
      </c>
      <c r="CG37" s="114">
        <v>4015240</v>
      </c>
      <c r="CH37" s="114">
        <v>2326002</v>
      </c>
      <c r="CI37" s="114">
        <v>2206319</v>
      </c>
      <c r="CJ37" s="114">
        <v>566804</v>
      </c>
      <c r="CK37" s="113">
        <v>12236881</v>
      </c>
      <c r="CL37" s="116">
        <v>12260684</v>
      </c>
      <c r="CM37" s="110">
        <v>0</v>
      </c>
      <c r="CN37" s="114">
        <v>0</v>
      </c>
      <c r="CO37" s="113">
        <v>0</v>
      </c>
      <c r="CP37" s="111">
        <v>0</v>
      </c>
      <c r="CQ37" s="114">
        <v>2589766</v>
      </c>
      <c r="CR37" s="114">
        <v>3193328</v>
      </c>
      <c r="CS37" s="114">
        <v>1655625</v>
      </c>
      <c r="CT37" s="114">
        <v>1837891</v>
      </c>
      <c r="CU37" s="114">
        <v>317363</v>
      </c>
      <c r="CV37" s="113">
        <v>9593973</v>
      </c>
      <c r="CW37" s="116">
        <v>9593973</v>
      </c>
      <c r="CX37" s="110">
        <v>23803</v>
      </c>
      <c r="CY37" s="114">
        <v>0</v>
      </c>
      <c r="CZ37" s="113">
        <v>23803</v>
      </c>
      <c r="DA37" s="110">
        <v>0</v>
      </c>
      <c r="DB37" s="114">
        <v>532750</v>
      </c>
      <c r="DC37" s="114">
        <v>821912</v>
      </c>
      <c r="DD37" s="114">
        <v>670377</v>
      </c>
      <c r="DE37" s="114">
        <v>368428</v>
      </c>
      <c r="DF37" s="114">
        <v>249441</v>
      </c>
      <c r="DG37" s="113">
        <v>2642908</v>
      </c>
      <c r="DH37" s="116">
        <v>2666711</v>
      </c>
      <c r="DI37" s="110">
        <v>36962</v>
      </c>
      <c r="DJ37" s="114">
        <v>0</v>
      </c>
      <c r="DK37" s="112">
        <v>36962</v>
      </c>
      <c r="DL37" s="111">
        <v>0</v>
      </c>
      <c r="DM37" s="114">
        <v>176915</v>
      </c>
      <c r="DN37" s="114">
        <v>446052</v>
      </c>
      <c r="DO37" s="114">
        <v>1499764</v>
      </c>
      <c r="DP37" s="114">
        <v>878625</v>
      </c>
      <c r="DQ37" s="114">
        <v>453508</v>
      </c>
      <c r="DR37" s="113">
        <v>3454864</v>
      </c>
      <c r="DS37" s="116">
        <v>3491826</v>
      </c>
      <c r="DT37" s="110">
        <v>36962</v>
      </c>
      <c r="DU37" s="114">
        <v>0</v>
      </c>
      <c r="DV37" s="113">
        <v>36962</v>
      </c>
      <c r="DW37" s="110">
        <v>0</v>
      </c>
      <c r="DX37" s="114">
        <v>157907</v>
      </c>
      <c r="DY37" s="114">
        <v>364962</v>
      </c>
      <c r="DZ37" s="114">
        <v>1112104</v>
      </c>
      <c r="EA37" s="114">
        <v>612992</v>
      </c>
      <c r="EB37" s="114">
        <v>286828</v>
      </c>
      <c r="EC37" s="113">
        <v>2534793</v>
      </c>
      <c r="ED37" s="116">
        <v>2571755</v>
      </c>
      <c r="EE37" s="110">
        <v>0</v>
      </c>
      <c r="EF37" s="112">
        <v>0</v>
      </c>
      <c r="EG37" s="113">
        <v>0</v>
      </c>
      <c r="EH37" s="110">
        <v>0</v>
      </c>
      <c r="EI37" s="114">
        <v>19008</v>
      </c>
      <c r="EJ37" s="114">
        <v>81090</v>
      </c>
      <c r="EK37" s="114">
        <v>387660</v>
      </c>
      <c r="EL37" s="114">
        <v>265633</v>
      </c>
      <c r="EM37" s="114">
        <v>166680</v>
      </c>
      <c r="EN37" s="112">
        <v>920071</v>
      </c>
      <c r="EO37" s="116">
        <v>920071</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265400</v>
      </c>
      <c r="FM37" s="114">
        <v>345074</v>
      </c>
      <c r="FN37" s="113">
        <v>610474</v>
      </c>
      <c r="FO37" s="110">
        <v>0</v>
      </c>
      <c r="FP37" s="114">
        <v>649836</v>
      </c>
      <c r="FQ37" s="114">
        <v>1215197</v>
      </c>
      <c r="FR37" s="114">
        <v>786193</v>
      </c>
      <c r="FS37" s="114">
        <v>706932</v>
      </c>
      <c r="FT37" s="114">
        <v>502851</v>
      </c>
      <c r="FU37" s="113">
        <v>3861009</v>
      </c>
      <c r="FV37" s="116">
        <v>4471483</v>
      </c>
      <c r="FW37" s="115">
        <v>138680</v>
      </c>
      <c r="FX37" s="114">
        <v>278150</v>
      </c>
      <c r="FY37" s="112">
        <v>416830</v>
      </c>
      <c r="FZ37" s="111">
        <v>0</v>
      </c>
      <c r="GA37" s="114">
        <v>538560</v>
      </c>
      <c r="GB37" s="114">
        <v>1068602</v>
      </c>
      <c r="GC37" s="114">
        <v>776788</v>
      </c>
      <c r="GD37" s="114">
        <v>706932</v>
      </c>
      <c r="GE37" s="114">
        <v>502851</v>
      </c>
      <c r="GF37" s="113">
        <v>3593733</v>
      </c>
      <c r="GG37" s="318">
        <v>4010563</v>
      </c>
      <c r="GH37" s="115">
        <v>31680</v>
      </c>
      <c r="GI37" s="114">
        <v>66924</v>
      </c>
      <c r="GJ37" s="112">
        <v>98604</v>
      </c>
      <c r="GK37" s="111">
        <v>0</v>
      </c>
      <c r="GL37" s="114">
        <v>34056</v>
      </c>
      <c r="GM37" s="114">
        <v>46110</v>
      </c>
      <c r="GN37" s="114">
        <v>9405</v>
      </c>
      <c r="GO37" s="114">
        <v>0</v>
      </c>
      <c r="GP37" s="114">
        <v>0</v>
      </c>
      <c r="GQ37" s="113">
        <v>89571</v>
      </c>
      <c r="GR37" s="116">
        <v>188175</v>
      </c>
      <c r="GS37" s="110">
        <v>95040</v>
      </c>
      <c r="GT37" s="114">
        <v>0</v>
      </c>
      <c r="GU37" s="113">
        <v>95040</v>
      </c>
      <c r="GV37" s="110">
        <v>0</v>
      </c>
      <c r="GW37" s="114">
        <v>77220</v>
      </c>
      <c r="GX37" s="114">
        <v>100485</v>
      </c>
      <c r="GY37" s="114">
        <v>0</v>
      </c>
      <c r="GZ37" s="114">
        <v>0</v>
      </c>
      <c r="HA37" s="114">
        <v>0</v>
      </c>
      <c r="HB37" s="112">
        <v>177705</v>
      </c>
      <c r="HC37" s="116">
        <v>272745</v>
      </c>
      <c r="HD37" s="110">
        <v>182743</v>
      </c>
      <c r="HE37" s="114">
        <v>288675</v>
      </c>
      <c r="HF37" s="112">
        <v>471418</v>
      </c>
      <c r="HG37" s="111">
        <v>0</v>
      </c>
      <c r="HH37" s="114">
        <v>1156275</v>
      </c>
      <c r="HI37" s="114">
        <v>709352</v>
      </c>
      <c r="HJ37" s="114">
        <v>894608</v>
      </c>
      <c r="HK37" s="114">
        <v>2278447</v>
      </c>
      <c r="HL37" s="114">
        <v>829375</v>
      </c>
      <c r="HM37" s="113">
        <v>5868057</v>
      </c>
      <c r="HN37" s="109">
        <v>6339475</v>
      </c>
      <c r="HO37" s="115">
        <v>130020</v>
      </c>
      <c r="HP37" s="114">
        <v>180003</v>
      </c>
      <c r="HQ37" s="113">
        <v>310023</v>
      </c>
      <c r="HR37" s="110">
        <v>0</v>
      </c>
      <c r="HS37" s="114">
        <v>1842516</v>
      </c>
      <c r="HT37" s="114">
        <v>1550467</v>
      </c>
      <c r="HU37" s="114">
        <v>854466</v>
      </c>
      <c r="HV37" s="114">
        <v>641853</v>
      </c>
      <c r="HW37" s="114">
        <v>305423</v>
      </c>
      <c r="HX37" s="112">
        <v>5194725</v>
      </c>
      <c r="HY37" s="116">
        <v>5504748</v>
      </c>
      <c r="HZ37" s="131">
        <v>99891</v>
      </c>
      <c r="IA37" s="132">
        <v>0</v>
      </c>
      <c r="IB37" s="133">
        <v>99891</v>
      </c>
      <c r="IC37" s="146">
        <v>0</v>
      </c>
      <c r="ID37" s="132">
        <v>3505739</v>
      </c>
      <c r="IE37" s="147">
        <v>3883893</v>
      </c>
      <c r="IF37" s="133">
        <v>7054532</v>
      </c>
      <c r="IG37" s="132">
        <v>5693710</v>
      </c>
      <c r="IH37" s="133">
        <v>2530522</v>
      </c>
      <c r="II37" s="148">
        <v>22668396</v>
      </c>
      <c r="IJ37" s="139">
        <v>22768287</v>
      </c>
      <c r="IK37" s="232">
        <v>0</v>
      </c>
      <c r="IL37" s="236">
        <v>0</v>
      </c>
      <c r="IM37" s="237">
        <v>0</v>
      </c>
      <c r="IN37" s="140"/>
      <c r="IO37" s="119">
        <v>131463</v>
      </c>
      <c r="IP37" s="119">
        <v>82957</v>
      </c>
      <c r="IQ37" s="119">
        <v>0</v>
      </c>
      <c r="IR37" s="119">
        <v>559980</v>
      </c>
      <c r="IS37" s="119">
        <v>0</v>
      </c>
      <c r="IT37" s="141">
        <v>774400</v>
      </c>
      <c r="IU37" s="320">
        <v>77440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2073337</v>
      </c>
      <c r="JL37" s="119">
        <v>2335849</v>
      </c>
      <c r="JM37" s="119">
        <v>766734</v>
      </c>
      <c r="JN37" s="119">
        <v>455643</v>
      </c>
      <c r="JO37" s="119">
        <v>239706</v>
      </c>
      <c r="JP37" s="120">
        <v>5871269</v>
      </c>
      <c r="JQ37" s="320">
        <v>5871269</v>
      </c>
      <c r="JR37" s="142">
        <v>0</v>
      </c>
      <c r="JS37" s="119">
        <v>0</v>
      </c>
      <c r="JT37" s="141">
        <v>0</v>
      </c>
      <c r="JU37" s="118">
        <v>0</v>
      </c>
      <c r="JV37" s="119">
        <v>177029</v>
      </c>
      <c r="JW37" s="119">
        <v>0</v>
      </c>
      <c r="JX37" s="119">
        <v>296433</v>
      </c>
      <c r="JY37" s="119">
        <v>140656</v>
      </c>
      <c r="JZ37" s="119">
        <v>134306</v>
      </c>
      <c r="KA37" s="120">
        <v>748424</v>
      </c>
      <c r="KB37" s="320">
        <v>748424</v>
      </c>
      <c r="KC37" s="234">
        <v>99891</v>
      </c>
      <c r="KD37" s="230">
        <v>0</v>
      </c>
      <c r="KE37" s="120">
        <v>99891</v>
      </c>
      <c r="KF37" s="118">
        <v>0</v>
      </c>
      <c r="KG37" s="119">
        <v>241632</v>
      </c>
      <c r="KH37" s="119">
        <v>0</v>
      </c>
      <c r="KI37" s="119">
        <v>227565</v>
      </c>
      <c r="KJ37" s="119">
        <v>281214</v>
      </c>
      <c r="KK37" s="119">
        <v>0</v>
      </c>
      <c r="KL37" s="120">
        <v>750411</v>
      </c>
      <c r="KM37" s="143">
        <v>850302</v>
      </c>
      <c r="KN37" s="232">
        <v>0</v>
      </c>
      <c r="KO37" s="236">
        <v>0</v>
      </c>
      <c r="KP37" s="237">
        <v>0</v>
      </c>
      <c r="KQ37" s="140"/>
      <c r="KR37" s="119">
        <v>700838</v>
      </c>
      <c r="KS37" s="119">
        <v>1307412</v>
      </c>
      <c r="KT37" s="119">
        <v>2618786</v>
      </c>
      <c r="KU37" s="119">
        <v>2191293</v>
      </c>
      <c r="KV37" s="119">
        <v>1622072</v>
      </c>
      <c r="KW37" s="120">
        <v>8440401</v>
      </c>
      <c r="KX37" s="320">
        <v>8440401</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81440</v>
      </c>
      <c r="LO37" s="119">
        <v>157675</v>
      </c>
      <c r="LP37" s="119">
        <v>3145014</v>
      </c>
      <c r="LQ37" s="119">
        <v>2064924</v>
      </c>
      <c r="LR37" s="119">
        <v>534438</v>
      </c>
      <c r="LS37" s="120">
        <v>6083491</v>
      </c>
      <c r="LT37" s="320">
        <v>6083491</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488456</v>
      </c>
      <c r="MK37" s="119">
        <v>2399272</v>
      </c>
      <c r="ML37" s="119">
        <v>6321749</v>
      </c>
      <c r="MM37" s="119">
        <v>9738590</v>
      </c>
      <c r="MN37" s="119">
        <v>5378382</v>
      </c>
      <c r="MO37" s="120">
        <v>24326449</v>
      </c>
      <c r="MP37" s="143">
        <v>24326449</v>
      </c>
      <c r="MQ37" s="142">
        <v>0</v>
      </c>
      <c r="MR37" s="119">
        <v>0</v>
      </c>
      <c r="MS37" s="120">
        <v>0</v>
      </c>
      <c r="MT37" s="145"/>
      <c r="MU37" s="119">
        <v>226386</v>
      </c>
      <c r="MV37" s="119">
        <v>0</v>
      </c>
      <c r="MW37" s="119">
        <v>2610954</v>
      </c>
      <c r="MX37" s="119">
        <v>5197822</v>
      </c>
      <c r="MY37" s="119">
        <v>2964006</v>
      </c>
      <c r="MZ37" s="120">
        <v>10999168</v>
      </c>
      <c r="NA37" s="143">
        <v>10999168</v>
      </c>
      <c r="NB37" s="142">
        <v>0</v>
      </c>
      <c r="NC37" s="119">
        <v>0</v>
      </c>
      <c r="ND37" s="120">
        <v>0</v>
      </c>
      <c r="NE37" s="145"/>
      <c r="NF37" s="119">
        <v>262070</v>
      </c>
      <c r="NG37" s="119">
        <v>2399272</v>
      </c>
      <c r="NH37" s="119">
        <v>3710795</v>
      </c>
      <c r="NI37" s="119">
        <v>4540768</v>
      </c>
      <c r="NJ37" s="119">
        <v>1957669</v>
      </c>
      <c r="NK37" s="120">
        <v>12870574</v>
      </c>
      <c r="NL37" s="320">
        <v>12870574</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456707</v>
      </c>
      <c r="OG37" s="120">
        <v>456707</v>
      </c>
      <c r="OH37" s="121">
        <v>456707</v>
      </c>
      <c r="OI37" s="142">
        <v>904553</v>
      </c>
      <c r="OJ37" s="119">
        <v>983658</v>
      </c>
      <c r="OK37" s="141">
        <v>1888211</v>
      </c>
      <c r="OL37" s="118">
        <v>0</v>
      </c>
      <c r="OM37" s="119">
        <v>14138080</v>
      </c>
      <c r="ON37" s="119">
        <v>16215928</v>
      </c>
      <c r="OO37" s="119">
        <v>22373126</v>
      </c>
      <c r="OP37" s="119">
        <v>24992367</v>
      </c>
      <c r="OQ37" s="119">
        <v>14019741</v>
      </c>
      <c r="OR37" s="120">
        <v>91739242</v>
      </c>
      <c r="OS37" s="143">
        <v>93627453</v>
      </c>
    </row>
    <row r="38" spans="2:409" ht="18.75" customHeight="1" x14ac:dyDescent="0.2">
      <c r="B38" s="62" t="s">
        <v>33</v>
      </c>
      <c r="C38" s="110">
        <v>1082994</v>
      </c>
      <c r="D38" s="114">
        <v>2382428</v>
      </c>
      <c r="E38" s="113">
        <v>3465422</v>
      </c>
      <c r="F38" s="109">
        <v>0</v>
      </c>
      <c r="G38" s="114">
        <v>7803653</v>
      </c>
      <c r="H38" s="114">
        <v>8733804</v>
      </c>
      <c r="I38" s="114">
        <v>5020090</v>
      </c>
      <c r="J38" s="114">
        <v>6920231</v>
      </c>
      <c r="K38" s="114">
        <v>4000062</v>
      </c>
      <c r="L38" s="173">
        <v>32477840</v>
      </c>
      <c r="M38" s="116">
        <v>35943262</v>
      </c>
      <c r="N38" s="110">
        <v>528720</v>
      </c>
      <c r="O38" s="114">
        <v>998743</v>
      </c>
      <c r="P38" s="113">
        <v>1527463</v>
      </c>
      <c r="Q38" s="110">
        <v>0</v>
      </c>
      <c r="R38" s="114">
        <v>2730417</v>
      </c>
      <c r="S38" s="114">
        <v>2391126</v>
      </c>
      <c r="T38" s="114">
        <v>2033629</v>
      </c>
      <c r="U38" s="114">
        <v>2428187</v>
      </c>
      <c r="V38" s="114">
        <v>2494526</v>
      </c>
      <c r="W38" s="113">
        <v>12077885</v>
      </c>
      <c r="X38" s="116">
        <v>13605348</v>
      </c>
      <c r="Y38" s="110">
        <v>0</v>
      </c>
      <c r="Z38" s="114">
        <v>0</v>
      </c>
      <c r="AA38" s="113">
        <v>0</v>
      </c>
      <c r="AB38" s="110">
        <v>0</v>
      </c>
      <c r="AC38" s="114">
        <v>834588</v>
      </c>
      <c r="AD38" s="114">
        <v>861402</v>
      </c>
      <c r="AE38" s="114">
        <v>1134791</v>
      </c>
      <c r="AF38" s="114">
        <v>1431984</v>
      </c>
      <c r="AG38" s="114">
        <v>1554407</v>
      </c>
      <c r="AH38" s="113">
        <v>5817172</v>
      </c>
      <c r="AI38" s="116">
        <v>5817172</v>
      </c>
      <c r="AJ38" s="110">
        <v>0</v>
      </c>
      <c r="AK38" s="114">
        <v>0</v>
      </c>
      <c r="AL38" s="113">
        <v>0</v>
      </c>
      <c r="AM38" s="110">
        <v>0</v>
      </c>
      <c r="AN38" s="114">
        <v>0</v>
      </c>
      <c r="AO38" s="114">
        <v>0</v>
      </c>
      <c r="AP38" s="114">
        <v>63315</v>
      </c>
      <c r="AQ38" s="114">
        <v>152174</v>
      </c>
      <c r="AR38" s="114">
        <v>279985</v>
      </c>
      <c r="AS38" s="113">
        <v>495474</v>
      </c>
      <c r="AT38" s="116">
        <v>495474</v>
      </c>
      <c r="AU38" s="110">
        <v>37756</v>
      </c>
      <c r="AV38" s="114">
        <v>52575</v>
      </c>
      <c r="AW38" s="113">
        <v>90331</v>
      </c>
      <c r="AX38" s="110">
        <v>0</v>
      </c>
      <c r="AY38" s="114">
        <v>431121</v>
      </c>
      <c r="AZ38" s="114">
        <v>511936</v>
      </c>
      <c r="BA38" s="114">
        <v>295552</v>
      </c>
      <c r="BB38" s="114">
        <v>291600</v>
      </c>
      <c r="BC38" s="114">
        <v>323063</v>
      </c>
      <c r="BD38" s="113">
        <v>1853272</v>
      </c>
      <c r="BE38" s="116">
        <v>1943603</v>
      </c>
      <c r="BF38" s="110">
        <v>375233</v>
      </c>
      <c r="BG38" s="114">
        <v>813463</v>
      </c>
      <c r="BH38" s="112">
        <v>1188696</v>
      </c>
      <c r="BI38" s="111">
        <v>0</v>
      </c>
      <c r="BJ38" s="114">
        <v>1163369</v>
      </c>
      <c r="BK38" s="114">
        <v>632377</v>
      </c>
      <c r="BL38" s="114">
        <v>233961</v>
      </c>
      <c r="BM38" s="114">
        <v>342625</v>
      </c>
      <c r="BN38" s="114">
        <v>180804</v>
      </c>
      <c r="BO38" s="113">
        <v>2553136</v>
      </c>
      <c r="BP38" s="116">
        <v>3741832</v>
      </c>
      <c r="BQ38" s="110">
        <v>115731</v>
      </c>
      <c r="BR38" s="114">
        <v>132705</v>
      </c>
      <c r="BS38" s="113">
        <v>248436</v>
      </c>
      <c r="BT38" s="110">
        <v>0</v>
      </c>
      <c r="BU38" s="114">
        <v>301339</v>
      </c>
      <c r="BV38" s="114">
        <v>385411</v>
      </c>
      <c r="BW38" s="114">
        <v>306010</v>
      </c>
      <c r="BX38" s="114">
        <v>209804</v>
      </c>
      <c r="BY38" s="114">
        <v>156267</v>
      </c>
      <c r="BZ38" s="113">
        <v>1358831</v>
      </c>
      <c r="CA38" s="116">
        <v>1607267</v>
      </c>
      <c r="CB38" s="110">
        <v>46678</v>
      </c>
      <c r="CC38" s="114">
        <v>295229</v>
      </c>
      <c r="CD38" s="113">
        <v>341907</v>
      </c>
      <c r="CE38" s="110">
        <v>0</v>
      </c>
      <c r="CF38" s="114">
        <v>1124648</v>
      </c>
      <c r="CG38" s="114">
        <v>1146891</v>
      </c>
      <c r="CH38" s="114">
        <v>630035</v>
      </c>
      <c r="CI38" s="114">
        <v>573049</v>
      </c>
      <c r="CJ38" s="114">
        <v>180693</v>
      </c>
      <c r="CK38" s="113">
        <v>3655316</v>
      </c>
      <c r="CL38" s="116">
        <v>3997223</v>
      </c>
      <c r="CM38" s="110">
        <v>0</v>
      </c>
      <c r="CN38" s="114">
        <v>0</v>
      </c>
      <c r="CO38" s="113">
        <v>0</v>
      </c>
      <c r="CP38" s="111">
        <v>0</v>
      </c>
      <c r="CQ38" s="114">
        <v>633786</v>
      </c>
      <c r="CR38" s="114">
        <v>536044</v>
      </c>
      <c r="CS38" s="114">
        <v>351909</v>
      </c>
      <c r="CT38" s="114">
        <v>468920</v>
      </c>
      <c r="CU38" s="114">
        <v>167120</v>
      </c>
      <c r="CV38" s="113">
        <v>2157779</v>
      </c>
      <c r="CW38" s="116">
        <v>2157779</v>
      </c>
      <c r="CX38" s="110">
        <v>46678</v>
      </c>
      <c r="CY38" s="114">
        <v>295229</v>
      </c>
      <c r="CZ38" s="113">
        <v>341907</v>
      </c>
      <c r="DA38" s="110">
        <v>0</v>
      </c>
      <c r="DB38" s="114">
        <v>490862</v>
      </c>
      <c r="DC38" s="114">
        <v>610847</v>
      </c>
      <c r="DD38" s="114">
        <v>278126</v>
      </c>
      <c r="DE38" s="114">
        <v>104129</v>
      </c>
      <c r="DF38" s="114">
        <v>13573</v>
      </c>
      <c r="DG38" s="113">
        <v>1497537</v>
      </c>
      <c r="DH38" s="116">
        <v>1839444</v>
      </c>
      <c r="DI38" s="110">
        <v>0</v>
      </c>
      <c r="DJ38" s="114">
        <v>0</v>
      </c>
      <c r="DK38" s="112">
        <v>0</v>
      </c>
      <c r="DL38" s="111">
        <v>0</v>
      </c>
      <c r="DM38" s="114">
        <v>23607</v>
      </c>
      <c r="DN38" s="114">
        <v>775082</v>
      </c>
      <c r="DO38" s="114">
        <v>492223</v>
      </c>
      <c r="DP38" s="114">
        <v>915433</v>
      </c>
      <c r="DQ38" s="114">
        <v>57748</v>
      </c>
      <c r="DR38" s="113">
        <v>2264093</v>
      </c>
      <c r="DS38" s="116">
        <v>2264093</v>
      </c>
      <c r="DT38" s="110">
        <v>0</v>
      </c>
      <c r="DU38" s="114">
        <v>0</v>
      </c>
      <c r="DV38" s="113">
        <v>0</v>
      </c>
      <c r="DW38" s="110">
        <v>0</v>
      </c>
      <c r="DX38" s="114">
        <v>13634</v>
      </c>
      <c r="DY38" s="114">
        <v>775082</v>
      </c>
      <c r="DZ38" s="114">
        <v>492223</v>
      </c>
      <c r="EA38" s="114">
        <v>915433</v>
      </c>
      <c r="EB38" s="114">
        <v>0</v>
      </c>
      <c r="EC38" s="113">
        <v>2196372</v>
      </c>
      <c r="ED38" s="116">
        <v>2196372</v>
      </c>
      <c r="EE38" s="110">
        <v>0</v>
      </c>
      <c r="EF38" s="112">
        <v>0</v>
      </c>
      <c r="EG38" s="113">
        <v>0</v>
      </c>
      <c r="EH38" s="110">
        <v>0</v>
      </c>
      <c r="EI38" s="114">
        <v>0</v>
      </c>
      <c r="EJ38" s="114">
        <v>0</v>
      </c>
      <c r="EK38" s="114">
        <v>0</v>
      </c>
      <c r="EL38" s="114">
        <v>0</v>
      </c>
      <c r="EM38" s="114">
        <v>57748</v>
      </c>
      <c r="EN38" s="112">
        <v>57748</v>
      </c>
      <c r="EO38" s="116">
        <v>57748</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9973</v>
      </c>
      <c r="FF38" s="114">
        <v>0</v>
      </c>
      <c r="FG38" s="114">
        <v>0</v>
      </c>
      <c r="FH38" s="114">
        <v>0</v>
      </c>
      <c r="FI38" s="114">
        <v>0</v>
      </c>
      <c r="FJ38" s="113">
        <v>9973</v>
      </c>
      <c r="FK38" s="116">
        <v>9973</v>
      </c>
      <c r="FL38" s="110">
        <v>124584</v>
      </c>
      <c r="FM38" s="114">
        <v>259906</v>
      </c>
      <c r="FN38" s="113">
        <v>384490</v>
      </c>
      <c r="FO38" s="110">
        <v>0</v>
      </c>
      <c r="FP38" s="114">
        <v>512670</v>
      </c>
      <c r="FQ38" s="114">
        <v>678504</v>
      </c>
      <c r="FR38" s="114">
        <v>299534</v>
      </c>
      <c r="FS38" s="114">
        <v>275917</v>
      </c>
      <c r="FT38" s="114">
        <v>396818</v>
      </c>
      <c r="FU38" s="113">
        <v>2163443</v>
      </c>
      <c r="FV38" s="116">
        <v>2547933</v>
      </c>
      <c r="FW38" s="115">
        <v>124584</v>
      </c>
      <c r="FX38" s="114">
        <v>211792</v>
      </c>
      <c r="FY38" s="112">
        <v>336376</v>
      </c>
      <c r="FZ38" s="111">
        <v>0</v>
      </c>
      <c r="GA38" s="114">
        <v>449670</v>
      </c>
      <c r="GB38" s="114">
        <v>678504</v>
      </c>
      <c r="GC38" s="114">
        <v>286214</v>
      </c>
      <c r="GD38" s="114">
        <v>275917</v>
      </c>
      <c r="GE38" s="114">
        <v>396818</v>
      </c>
      <c r="GF38" s="113">
        <v>2087123</v>
      </c>
      <c r="GG38" s="318">
        <v>2423499</v>
      </c>
      <c r="GH38" s="115">
        <v>0</v>
      </c>
      <c r="GI38" s="114">
        <v>48114</v>
      </c>
      <c r="GJ38" s="112">
        <v>48114</v>
      </c>
      <c r="GK38" s="111">
        <v>0</v>
      </c>
      <c r="GL38" s="114">
        <v>0</v>
      </c>
      <c r="GM38" s="114">
        <v>0</v>
      </c>
      <c r="GN38" s="114">
        <v>13320</v>
      </c>
      <c r="GO38" s="114">
        <v>0</v>
      </c>
      <c r="GP38" s="114">
        <v>0</v>
      </c>
      <c r="GQ38" s="113">
        <v>13320</v>
      </c>
      <c r="GR38" s="116">
        <v>61434</v>
      </c>
      <c r="GS38" s="110">
        <v>0</v>
      </c>
      <c r="GT38" s="114">
        <v>0</v>
      </c>
      <c r="GU38" s="113">
        <v>0</v>
      </c>
      <c r="GV38" s="110">
        <v>0</v>
      </c>
      <c r="GW38" s="114">
        <v>63000</v>
      </c>
      <c r="GX38" s="114">
        <v>0</v>
      </c>
      <c r="GY38" s="114">
        <v>0</v>
      </c>
      <c r="GZ38" s="114">
        <v>0</v>
      </c>
      <c r="HA38" s="114">
        <v>0</v>
      </c>
      <c r="HB38" s="112">
        <v>63000</v>
      </c>
      <c r="HC38" s="116">
        <v>63000</v>
      </c>
      <c r="HD38" s="110">
        <v>233814</v>
      </c>
      <c r="HE38" s="114">
        <v>613419</v>
      </c>
      <c r="HF38" s="112">
        <v>847233</v>
      </c>
      <c r="HG38" s="111">
        <v>0</v>
      </c>
      <c r="HH38" s="114">
        <v>2110349</v>
      </c>
      <c r="HI38" s="114">
        <v>2993440</v>
      </c>
      <c r="HJ38" s="114">
        <v>1122290</v>
      </c>
      <c r="HK38" s="114">
        <v>2309502</v>
      </c>
      <c r="HL38" s="114">
        <v>591279</v>
      </c>
      <c r="HM38" s="113">
        <v>9126860</v>
      </c>
      <c r="HN38" s="109">
        <v>9974093</v>
      </c>
      <c r="HO38" s="115">
        <v>149198</v>
      </c>
      <c r="HP38" s="114">
        <v>215131</v>
      </c>
      <c r="HQ38" s="113">
        <v>364329</v>
      </c>
      <c r="HR38" s="110">
        <v>0</v>
      </c>
      <c r="HS38" s="114">
        <v>1301962</v>
      </c>
      <c r="HT38" s="114">
        <v>748761</v>
      </c>
      <c r="HU38" s="114">
        <v>442379</v>
      </c>
      <c r="HV38" s="114">
        <v>418143</v>
      </c>
      <c r="HW38" s="114">
        <v>278998</v>
      </c>
      <c r="HX38" s="112">
        <v>3190243</v>
      </c>
      <c r="HY38" s="116">
        <v>3554572</v>
      </c>
      <c r="HZ38" s="150">
        <v>0</v>
      </c>
      <c r="IA38" s="135">
        <v>480556</v>
      </c>
      <c r="IB38" s="150">
        <v>480556</v>
      </c>
      <c r="IC38" s="146">
        <v>0</v>
      </c>
      <c r="ID38" s="132">
        <v>2493783</v>
      </c>
      <c r="IE38" s="147">
        <v>2902147</v>
      </c>
      <c r="IF38" s="133">
        <v>4098215</v>
      </c>
      <c r="IG38" s="132">
        <v>1465001</v>
      </c>
      <c r="IH38" s="133">
        <v>1799325</v>
      </c>
      <c r="II38" s="148">
        <v>12758471</v>
      </c>
      <c r="IJ38" s="150">
        <v>13239027</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519107</v>
      </c>
      <c r="JL38" s="119">
        <v>839336</v>
      </c>
      <c r="JM38" s="119">
        <v>598565</v>
      </c>
      <c r="JN38" s="119">
        <v>252022</v>
      </c>
      <c r="JO38" s="119">
        <v>258182</v>
      </c>
      <c r="JP38" s="120">
        <v>3467212</v>
      </c>
      <c r="JQ38" s="320">
        <v>3467212</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480556</v>
      </c>
      <c r="KP38" s="237">
        <v>480556</v>
      </c>
      <c r="KQ38" s="140"/>
      <c r="KR38" s="119">
        <v>508152</v>
      </c>
      <c r="KS38" s="119">
        <v>795933</v>
      </c>
      <c r="KT38" s="119">
        <v>2419527</v>
      </c>
      <c r="KU38" s="119">
        <v>278132</v>
      </c>
      <c r="KV38" s="119">
        <v>283590</v>
      </c>
      <c r="KW38" s="120">
        <v>4285334</v>
      </c>
      <c r="KX38" s="320">
        <v>476589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466524</v>
      </c>
      <c r="LZ38" s="119">
        <v>1266878</v>
      </c>
      <c r="MA38" s="119">
        <v>1080123</v>
      </c>
      <c r="MB38" s="119">
        <v>934847</v>
      </c>
      <c r="MC38" s="119">
        <v>1257553</v>
      </c>
      <c r="MD38" s="120">
        <v>5005925</v>
      </c>
      <c r="ME38" s="121">
        <v>5005925</v>
      </c>
      <c r="MF38" s="142">
        <v>0</v>
      </c>
      <c r="MG38" s="119">
        <v>0</v>
      </c>
      <c r="MH38" s="120">
        <v>0</v>
      </c>
      <c r="MI38" s="145"/>
      <c r="MJ38" s="119">
        <v>2924058</v>
      </c>
      <c r="MK38" s="119">
        <v>5502138</v>
      </c>
      <c r="ML38" s="119">
        <v>10813709</v>
      </c>
      <c r="MM38" s="119">
        <v>15751343</v>
      </c>
      <c r="MN38" s="119">
        <v>10308131</v>
      </c>
      <c r="MO38" s="120">
        <v>45299379</v>
      </c>
      <c r="MP38" s="143">
        <v>45299379</v>
      </c>
      <c r="MQ38" s="142">
        <v>0</v>
      </c>
      <c r="MR38" s="119">
        <v>0</v>
      </c>
      <c r="MS38" s="120">
        <v>0</v>
      </c>
      <c r="MT38" s="145"/>
      <c r="MU38" s="119">
        <v>0</v>
      </c>
      <c r="MV38" s="119">
        <v>1232442</v>
      </c>
      <c r="MW38" s="119">
        <v>5781621</v>
      </c>
      <c r="MX38" s="119">
        <v>9021493</v>
      </c>
      <c r="MY38" s="119">
        <v>6278967</v>
      </c>
      <c r="MZ38" s="120">
        <v>22314523</v>
      </c>
      <c r="NA38" s="143">
        <v>22314523</v>
      </c>
      <c r="NB38" s="142">
        <v>0</v>
      </c>
      <c r="NC38" s="119">
        <v>0</v>
      </c>
      <c r="ND38" s="120">
        <v>0</v>
      </c>
      <c r="NE38" s="145"/>
      <c r="NF38" s="119">
        <v>2172791</v>
      </c>
      <c r="NG38" s="119">
        <v>2021669</v>
      </c>
      <c r="NH38" s="119">
        <v>3344842</v>
      </c>
      <c r="NI38" s="119">
        <v>4509637</v>
      </c>
      <c r="NJ38" s="119">
        <v>1178273</v>
      </c>
      <c r="NK38" s="120">
        <v>13227212</v>
      </c>
      <c r="NL38" s="320">
        <v>13227212</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751267</v>
      </c>
      <c r="OC38" s="119">
        <v>2248027</v>
      </c>
      <c r="OD38" s="119">
        <v>1687246</v>
      </c>
      <c r="OE38" s="119">
        <v>2220213</v>
      </c>
      <c r="OF38" s="119">
        <v>2850891</v>
      </c>
      <c r="OG38" s="120">
        <v>9757644</v>
      </c>
      <c r="OH38" s="121">
        <v>9757644</v>
      </c>
      <c r="OI38" s="142">
        <v>1082994</v>
      </c>
      <c r="OJ38" s="119">
        <v>2862984</v>
      </c>
      <c r="OK38" s="141">
        <v>3945978</v>
      </c>
      <c r="OL38" s="118">
        <v>0</v>
      </c>
      <c r="OM38" s="119">
        <v>13221494</v>
      </c>
      <c r="ON38" s="119">
        <v>17138089</v>
      </c>
      <c r="OO38" s="119">
        <v>19932014</v>
      </c>
      <c r="OP38" s="119">
        <v>24136575</v>
      </c>
      <c r="OQ38" s="119">
        <v>16107518</v>
      </c>
      <c r="OR38" s="120">
        <v>90535690</v>
      </c>
      <c r="OS38" s="143">
        <v>94481668</v>
      </c>
    </row>
    <row r="39" spans="2:409" ht="18.75" customHeight="1" x14ac:dyDescent="0.2">
      <c r="B39" s="62" t="s">
        <v>34</v>
      </c>
      <c r="C39" s="110">
        <v>418644</v>
      </c>
      <c r="D39" s="114">
        <v>799074</v>
      </c>
      <c r="E39" s="174">
        <v>1217718</v>
      </c>
      <c r="F39" s="175">
        <v>0</v>
      </c>
      <c r="G39" s="176">
        <v>7532790</v>
      </c>
      <c r="H39" s="176">
        <v>5906973</v>
      </c>
      <c r="I39" s="176">
        <v>5517091</v>
      </c>
      <c r="J39" s="176">
        <v>4900887</v>
      </c>
      <c r="K39" s="176">
        <v>2958616</v>
      </c>
      <c r="L39" s="177">
        <v>26816357</v>
      </c>
      <c r="M39" s="116">
        <v>28034075</v>
      </c>
      <c r="N39" s="110">
        <v>33138</v>
      </c>
      <c r="O39" s="114">
        <v>193932</v>
      </c>
      <c r="P39" s="113">
        <v>227070</v>
      </c>
      <c r="Q39" s="110">
        <v>0</v>
      </c>
      <c r="R39" s="114">
        <v>1528935</v>
      </c>
      <c r="S39" s="114">
        <v>1077592</v>
      </c>
      <c r="T39" s="114">
        <v>1849929</v>
      </c>
      <c r="U39" s="114">
        <v>773037</v>
      </c>
      <c r="V39" s="114">
        <v>1574481</v>
      </c>
      <c r="W39" s="113">
        <v>6803974</v>
      </c>
      <c r="X39" s="116">
        <v>7031044</v>
      </c>
      <c r="Y39" s="110">
        <v>0</v>
      </c>
      <c r="Z39" s="114">
        <v>0</v>
      </c>
      <c r="AA39" s="113">
        <v>0</v>
      </c>
      <c r="AB39" s="110">
        <v>0</v>
      </c>
      <c r="AC39" s="114">
        <v>550086</v>
      </c>
      <c r="AD39" s="114">
        <v>321253</v>
      </c>
      <c r="AE39" s="114">
        <v>1183397</v>
      </c>
      <c r="AF39" s="114">
        <v>349587</v>
      </c>
      <c r="AG39" s="114">
        <v>560094</v>
      </c>
      <c r="AH39" s="113">
        <v>2964417</v>
      </c>
      <c r="AI39" s="116">
        <v>2964417</v>
      </c>
      <c r="AJ39" s="110">
        <v>0</v>
      </c>
      <c r="AK39" s="114">
        <v>0</v>
      </c>
      <c r="AL39" s="113">
        <v>0</v>
      </c>
      <c r="AM39" s="110">
        <v>0</v>
      </c>
      <c r="AN39" s="114">
        <v>0</v>
      </c>
      <c r="AO39" s="114">
        <v>0</v>
      </c>
      <c r="AP39" s="114">
        <v>11361</v>
      </c>
      <c r="AQ39" s="114">
        <v>123282</v>
      </c>
      <c r="AR39" s="114">
        <v>531846</v>
      </c>
      <c r="AS39" s="113">
        <v>666489</v>
      </c>
      <c r="AT39" s="116">
        <v>666489</v>
      </c>
      <c r="AU39" s="110">
        <v>0</v>
      </c>
      <c r="AV39" s="114">
        <v>184410</v>
      </c>
      <c r="AW39" s="113">
        <v>184410</v>
      </c>
      <c r="AX39" s="110">
        <v>0</v>
      </c>
      <c r="AY39" s="114">
        <v>470574</v>
      </c>
      <c r="AZ39" s="114">
        <v>259095</v>
      </c>
      <c r="BA39" s="114">
        <v>315377</v>
      </c>
      <c r="BB39" s="114">
        <v>80595</v>
      </c>
      <c r="BC39" s="114">
        <v>134019</v>
      </c>
      <c r="BD39" s="113">
        <v>1259660</v>
      </c>
      <c r="BE39" s="116">
        <v>1444070</v>
      </c>
      <c r="BF39" s="110">
        <v>0</v>
      </c>
      <c r="BG39" s="114">
        <v>0</v>
      </c>
      <c r="BH39" s="112">
        <v>0</v>
      </c>
      <c r="BI39" s="111">
        <v>0</v>
      </c>
      <c r="BJ39" s="114">
        <v>217962</v>
      </c>
      <c r="BK39" s="114">
        <v>170382</v>
      </c>
      <c r="BL39" s="114">
        <v>154190</v>
      </c>
      <c r="BM39" s="114">
        <v>33480</v>
      </c>
      <c r="BN39" s="114">
        <v>56340</v>
      </c>
      <c r="BO39" s="113">
        <v>632354</v>
      </c>
      <c r="BP39" s="116">
        <v>632354</v>
      </c>
      <c r="BQ39" s="110">
        <v>33138</v>
      </c>
      <c r="BR39" s="114">
        <v>9522</v>
      </c>
      <c r="BS39" s="113">
        <v>42660</v>
      </c>
      <c r="BT39" s="110">
        <v>0</v>
      </c>
      <c r="BU39" s="114">
        <v>290313</v>
      </c>
      <c r="BV39" s="114">
        <v>326862</v>
      </c>
      <c r="BW39" s="114">
        <v>185604</v>
      </c>
      <c r="BX39" s="114">
        <v>186093</v>
      </c>
      <c r="BY39" s="114">
        <v>292182</v>
      </c>
      <c r="BZ39" s="113">
        <v>1281054</v>
      </c>
      <c r="CA39" s="116">
        <v>1323714</v>
      </c>
      <c r="CB39" s="110">
        <v>48330</v>
      </c>
      <c r="CC39" s="114">
        <v>171072</v>
      </c>
      <c r="CD39" s="113">
        <v>219402</v>
      </c>
      <c r="CE39" s="110">
        <v>0</v>
      </c>
      <c r="CF39" s="114">
        <v>2261006</v>
      </c>
      <c r="CG39" s="114">
        <v>2027989</v>
      </c>
      <c r="CH39" s="114">
        <v>1684771</v>
      </c>
      <c r="CI39" s="114">
        <v>1151812</v>
      </c>
      <c r="CJ39" s="114">
        <v>306386</v>
      </c>
      <c r="CK39" s="113">
        <v>7431964</v>
      </c>
      <c r="CL39" s="116">
        <v>7651366</v>
      </c>
      <c r="CM39" s="110">
        <v>0</v>
      </c>
      <c r="CN39" s="114">
        <v>0</v>
      </c>
      <c r="CO39" s="113">
        <v>0</v>
      </c>
      <c r="CP39" s="111">
        <v>0</v>
      </c>
      <c r="CQ39" s="114">
        <v>1784232</v>
      </c>
      <c r="CR39" s="114">
        <v>1678382</v>
      </c>
      <c r="CS39" s="114">
        <v>1570722</v>
      </c>
      <c r="CT39" s="114">
        <v>747226</v>
      </c>
      <c r="CU39" s="114">
        <v>306386</v>
      </c>
      <c r="CV39" s="113">
        <v>6086948</v>
      </c>
      <c r="CW39" s="116">
        <v>6086948</v>
      </c>
      <c r="CX39" s="110">
        <v>48330</v>
      </c>
      <c r="CY39" s="114">
        <v>171072</v>
      </c>
      <c r="CZ39" s="113">
        <v>219402</v>
      </c>
      <c r="DA39" s="110">
        <v>0</v>
      </c>
      <c r="DB39" s="114">
        <v>476774</v>
      </c>
      <c r="DC39" s="114">
        <v>349607</v>
      </c>
      <c r="DD39" s="114">
        <v>114049</v>
      </c>
      <c r="DE39" s="114">
        <v>404586</v>
      </c>
      <c r="DF39" s="114">
        <v>0</v>
      </c>
      <c r="DG39" s="113">
        <v>1345016</v>
      </c>
      <c r="DH39" s="116">
        <v>1564418</v>
      </c>
      <c r="DI39" s="110">
        <v>0</v>
      </c>
      <c r="DJ39" s="114">
        <v>22185</v>
      </c>
      <c r="DK39" s="112">
        <v>22185</v>
      </c>
      <c r="DL39" s="111">
        <v>0</v>
      </c>
      <c r="DM39" s="114">
        <v>55890</v>
      </c>
      <c r="DN39" s="114">
        <v>0</v>
      </c>
      <c r="DO39" s="114">
        <v>24408</v>
      </c>
      <c r="DP39" s="114">
        <v>526653</v>
      </c>
      <c r="DQ39" s="114">
        <v>0</v>
      </c>
      <c r="DR39" s="113">
        <v>606951</v>
      </c>
      <c r="DS39" s="116">
        <v>629136</v>
      </c>
      <c r="DT39" s="110">
        <v>0</v>
      </c>
      <c r="DU39" s="114">
        <v>22185</v>
      </c>
      <c r="DV39" s="113">
        <v>22185</v>
      </c>
      <c r="DW39" s="110">
        <v>0</v>
      </c>
      <c r="DX39" s="114">
        <v>16704</v>
      </c>
      <c r="DY39" s="114">
        <v>0</v>
      </c>
      <c r="DZ39" s="114">
        <v>24408</v>
      </c>
      <c r="EA39" s="114">
        <v>435654</v>
      </c>
      <c r="EB39" s="114">
        <v>0</v>
      </c>
      <c r="EC39" s="113">
        <v>476766</v>
      </c>
      <c r="ED39" s="116">
        <v>498951</v>
      </c>
      <c r="EE39" s="110">
        <v>0</v>
      </c>
      <c r="EF39" s="112">
        <v>0</v>
      </c>
      <c r="EG39" s="113">
        <v>0</v>
      </c>
      <c r="EH39" s="110">
        <v>0</v>
      </c>
      <c r="EI39" s="114">
        <v>39186</v>
      </c>
      <c r="EJ39" s="114">
        <v>0</v>
      </c>
      <c r="EK39" s="114">
        <v>0</v>
      </c>
      <c r="EL39" s="114">
        <v>90999</v>
      </c>
      <c r="EM39" s="114">
        <v>0</v>
      </c>
      <c r="EN39" s="112">
        <v>130185</v>
      </c>
      <c r="EO39" s="116">
        <v>130185</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108180</v>
      </c>
      <c r="FM39" s="114">
        <v>200088</v>
      </c>
      <c r="FN39" s="113">
        <v>308268</v>
      </c>
      <c r="FO39" s="110">
        <v>0</v>
      </c>
      <c r="FP39" s="114">
        <v>636988</v>
      </c>
      <c r="FQ39" s="114">
        <v>625893</v>
      </c>
      <c r="FR39" s="114">
        <v>596618</v>
      </c>
      <c r="FS39" s="114">
        <v>444183</v>
      </c>
      <c r="FT39" s="114">
        <v>199843</v>
      </c>
      <c r="FU39" s="113">
        <v>2503525</v>
      </c>
      <c r="FV39" s="116">
        <v>2811793</v>
      </c>
      <c r="FW39" s="115">
        <v>70560</v>
      </c>
      <c r="FX39" s="114">
        <v>90180</v>
      </c>
      <c r="FY39" s="112">
        <v>160740</v>
      </c>
      <c r="FZ39" s="111">
        <v>0</v>
      </c>
      <c r="GA39" s="114">
        <v>406138</v>
      </c>
      <c r="GB39" s="114">
        <v>625893</v>
      </c>
      <c r="GC39" s="114">
        <v>574343</v>
      </c>
      <c r="GD39" s="114">
        <v>444183</v>
      </c>
      <c r="GE39" s="114">
        <v>199843</v>
      </c>
      <c r="GF39" s="113">
        <v>2250400</v>
      </c>
      <c r="GG39" s="318">
        <v>2411140</v>
      </c>
      <c r="GH39" s="115">
        <v>0</v>
      </c>
      <c r="GI39" s="114">
        <v>0</v>
      </c>
      <c r="GJ39" s="112">
        <v>0</v>
      </c>
      <c r="GK39" s="111">
        <v>0</v>
      </c>
      <c r="GL39" s="114">
        <v>0</v>
      </c>
      <c r="GM39" s="114">
        <v>0</v>
      </c>
      <c r="GN39" s="114">
        <v>22275</v>
      </c>
      <c r="GO39" s="114">
        <v>0</v>
      </c>
      <c r="GP39" s="114">
        <v>0</v>
      </c>
      <c r="GQ39" s="113">
        <v>22275</v>
      </c>
      <c r="GR39" s="116">
        <v>22275</v>
      </c>
      <c r="GS39" s="110">
        <v>37620</v>
      </c>
      <c r="GT39" s="114">
        <v>109908</v>
      </c>
      <c r="GU39" s="113">
        <v>147528</v>
      </c>
      <c r="GV39" s="110">
        <v>0</v>
      </c>
      <c r="GW39" s="114">
        <v>230850</v>
      </c>
      <c r="GX39" s="114">
        <v>0</v>
      </c>
      <c r="GY39" s="114">
        <v>0</v>
      </c>
      <c r="GZ39" s="114">
        <v>0</v>
      </c>
      <c r="HA39" s="114">
        <v>0</v>
      </c>
      <c r="HB39" s="112">
        <v>230850</v>
      </c>
      <c r="HC39" s="116">
        <v>378378</v>
      </c>
      <c r="HD39" s="110">
        <v>176436</v>
      </c>
      <c r="HE39" s="114">
        <v>106677</v>
      </c>
      <c r="HF39" s="112">
        <v>283113</v>
      </c>
      <c r="HG39" s="111">
        <v>0</v>
      </c>
      <c r="HH39" s="114">
        <v>1537642</v>
      </c>
      <c r="HI39" s="114">
        <v>1491044</v>
      </c>
      <c r="HJ39" s="114">
        <v>807494</v>
      </c>
      <c r="HK39" s="114">
        <v>1587938</v>
      </c>
      <c r="HL39" s="114">
        <v>716618</v>
      </c>
      <c r="HM39" s="113">
        <v>6140736</v>
      </c>
      <c r="HN39" s="109">
        <v>6423849</v>
      </c>
      <c r="HO39" s="115">
        <v>52560</v>
      </c>
      <c r="HP39" s="114">
        <v>105120</v>
      </c>
      <c r="HQ39" s="113">
        <v>157680</v>
      </c>
      <c r="HR39" s="110">
        <v>0</v>
      </c>
      <c r="HS39" s="114">
        <v>1512329</v>
      </c>
      <c r="HT39" s="114">
        <v>684455</v>
      </c>
      <c r="HU39" s="114">
        <v>553871</v>
      </c>
      <c r="HV39" s="114">
        <v>417264</v>
      </c>
      <c r="HW39" s="114">
        <v>161288</v>
      </c>
      <c r="HX39" s="112">
        <v>3329207</v>
      </c>
      <c r="HY39" s="116">
        <v>3486887</v>
      </c>
      <c r="HZ39" s="131">
        <v>44496</v>
      </c>
      <c r="IA39" s="132">
        <v>159372</v>
      </c>
      <c r="IB39" s="133">
        <v>203868</v>
      </c>
      <c r="IC39" s="146">
        <v>0</v>
      </c>
      <c r="ID39" s="132">
        <v>4338474</v>
      </c>
      <c r="IE39" s="147">
        <v>5014271</v>
      </c>
      <c r="IF39" s="133">
        <v>3138451</v>
      </c>
      <c r="IG39" s="132">
        <v>2249316</v>
      </c>
      <c r="IH39" s="133">
        <v>1888524</v>
      </c>
      <c r="II39" s="148">
        <v>16629036</v>
      </c>
      <c r="IJ39" s="139">
        <v>16832904</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973689</v>
      </c>
      <c r="JL39" s="119">
        <v>364185</v>
      </c>
      <c r="JM39" s="119">
        <v>454275</v>
      </c>
      <c r="JN39" s="119">
        <v>87876</v>
      </c>
      <c r="JO39" s="119">
        <v>0</v>
      </c>
      <c r="JP39" s="120">
        <v>1880025</v>
      </c>
      <c r="JQ39" s="320">
        <v>1880025</v>
      </c>
      <c r="JR39" s="142">
        <v>0</v>
      </c>
      <c r="JS39" s="119">
        <v>0</v>
      </c>
      <c r="JT39" s="141">
        <v>0</v>
      </c>
      <c r="JU39" s="118">
        <v>0</v>
      </c>
      <c r="JV39" s="119">
        <v>0</v>
      </c>
      <c r="JW39" s="119">
        <v>0</v>
      </c>
      <c r="JX39" s="119">
        <v>0</v>
      </c>
      <c r="JY39" s="119">
        <v>46440</v>
      </c>
      <c r="JZ39" s="119">
        <v>0</v>
      </c>
      <c r="KA39" s="120">
        <v>46440</v>
      </c>
      <c r="KB39" s="320">
        <v>46440</v>
      </c>
      <c r="KC39" s="234">
        <v>44496</v>
      </c>
      <c r="KD39" s="230">
        <v>159372</v>
      </c>
      <c r="KE39" s="120">
        <v>203868</v>
      </c>
      <c r="KF39" s="118">
        <v>0</v>
      </c>
      <c r="KG39" s="119">
        <v>2104614</v>
      </c>
      <c r="KH39" s="119">
        <v>1430127</v>
      </c>
      <c r="KI39" s="119">
        <v>989874</v>
      </c>
      <c r="KJ39" s="119">
        <v>266616</v>
      </c>
      <c r="KK39" s="119">
        <v>763452</v>
      </c>
      <c r="KL39" s="120">
        <v>5554683</v>
      </c>
      <c r="KM39" s="143">
        <v>5758551</v>
      </c>
      <c r="KN39" s="232">
        <v>0</v>
      </c>
      <c r="KO39" s="236">
        <v>0</v>
      </c>
      <c r="KP39" s="237">
        <v>0</v>
      </c>
      <c r="KQ39" s="140"/>
      <c r="KR39" s="119">
        <v>504306</v>
      </c>
      <c r="KS39" s="119">
        <v>789696</v>
      </c>
      <c r="KT39" s="119">
        <v>541638</v>
      </c>
      <c r="KU39" s="119">
        <v>551790</v>
      </c>
      <c r="KV39" s="119">
        <v>1125072</v>
      </c>
      <c r="KW39" s="120">
        <v>3512502</v>
      </c>
      <c r="KX39" s="320">
        <v>3512502</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755865</v>
      </c>
      <c r="LZ39" s="119">
        <v>2430263</v>
      </c>
      <c r="MA39" s="119">
        <v>1152664</v>
      </c>
      <c r="MB39" s="119">
        <v>1296594</v>
      </c>
      <c r="MC39" s="119">
        <v>0</v>
      </c>
      <c r="MD39" s="120">
        <v>5635386</v>
      </c>
      <c r="ME39" s="121">
        <v>5635386</v>
      </c>
      <c r="MF39" s="142">
        <v>0</v>
      </c>
      <c r="MG39" s="119">
        <v>0</v>
      </c>
      <c r="MH39" s="120">
        <v>0</v>
      </c>
      <c r="MI39" s="145"/>
      <c r="MJ39" s="119">
        <v>957965</v>
      </c>
      <c r="MK39" s="119">
        <v>2113756</v>
      </c>
      <c r="ML39" s="119">
        <v>5478659</v>
      </c>
      <c r="MM39" s="119">
        <v>9193177</v>
      </c>
      <c r="MN39" s="119">
        <v>5664568</v>
      </c>
      <c r="MO39" s="120">
        <v>23408125</v>
      </c>
      <c r="MP39" s="143">
        <v>23408125</v>
      </c>
      <c r="MQ39" s="142">
        <v>0</v>
      </c>
      <c r="MR39" s="119">
        <v>0</v>
      </c>
      <c r="MS39" s="120">
        <v>0</v>
      </c>
      <c r="MT39" s="145"/>
      <c r="MU39" s="119">
        <v>0</v>
      </c>
      <c r="MV39" s="119">
        <v>0</v>
      </c>
      <c r="MW39" s="119">
        <v>1411997</v>
      </c>
      <c r="MX39" s="119">
        <v>5966830</v>
      </c>
      <c r="MY39" s="119">
        <v>3908435</v>
      </c>
      <c r="MZ39" s="120">
        <v>11287262</v>
      </c>
      <c r="NA39" s="143">
        <v>11287262</v>
      </c>
      <c r="NB39" s="142">
        <v>0</v>
      </c>
      <c r="NC39" s="119">
        <v>0</v>
      </c>
      <c r="ND39" s="120">
        <v>0</v>
      </c>
      <c r="NE39" s="145"/>
      <c r="NF39" s="119">
        <v>957965</v>
      </c>
      <c r="NG39" s="119">
        <v>1852702</v>
      </c>
      <c r="NH39" s="119">
        <v>4066662</v>
      </c>
      <c r="NI39" s="119">
        <v>2978433</v>
      </c>
      <c r="NJ39" s="119">
        <v>1756133</v>
      </c>
      <c r="NK39" s="120">
        <v>11611895</v>
      </c>
      <c r="NL39" s="320">
        <v>11611895</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261054</v>
      </c>
      <c r="OD39" s="119">
        <v>0</v>
      </c>
      <c r="OE39" s="119">
        <v>247914</v>
      </c>
      <c r="OF39" s="119">
        <v>0</v>
      </c>
      <c r="OG39" s="120">
        <v>508968</v>
      </c>
      <c r="OH39" s="121">
        <v>508968</v>
      </c>
      <c r="OI39" s="142">
        <v>463140</v>
      </c>
      <c r="OJ39" s="119">
        <v>958446</v>
      </c>
      <c r="OK39" s="141">
        <v>1421586</v>
      </c>
      <c r="OL39" s="118">
        <v>0</v>
      </c>
      <c r="OM39" s="119">
        <v>12829229</v>
      </c>
      <c r="ON39" s="119">
        <v>13035000</v>
      </c>
      <c r="OO39" s="119">
        <v>14134201</v>
      </c>
      <c r="OP39" s="119">
        <v>16343380</v>
      </c>
      <c r="OQ39" s="119">
        <v>10511708</v>
      </c>
      <c r="OR39" s="120">
        <v>66853518</v>
      </c>
      <c r="OS39" s="143">
        <v>68275104</v>
      </c>
    </row>
    <row r="40" spans="2:409" ht="18.75" customHeight="1" x14ac:dyDescent="0.2">
      <c r="B40" s="62" t="s">
        <v>35</v>
      </c>
      <c r="C40" s="110">
        <v>2276341</v>
      </c>
      <c r="D40" s="114">
        <v>3562471</v>
      </c>
      <c r="E40" s="113">
        <v>5838812</v>
      </c>
      <c r="F40" s="109">
        <v>0</v>
      </c>
      <c r="G40" s="114">
        <v>30568542</v>
      </c>
      <c r="H40" s="114">
        <v>25220878</v>
      </c>
      <c r="I40" s="114">
        <v>19183650</v>
      </c>
      <c r="J40" s="114">
        <v>20603799</v>
      </c>
      <c r="K40" s="114">
        <v>10098972</v>
      </c>
      <c r="L40" s="173">
        <v>105675841</v>
      </c>
      <c r="M40" s="116">
        <v>111514653</v>
      </c>
      <c r="N40" s="110">
        <v>378083</v>
      </c>
      <c r="O40" s="114">
        <v>449052</v>
      </c>
      <c r="P40" s="113">
        <v>827135</v>
      </c>
      <c r="Q40" s="110">
        <v>0</v>
      </c>
      <c r="R40" s="114">
        <v>6831326</v>
      </c>
      <c r="S40" s="114">
        <v>6008463</v>
      </c>
      <c r="T40" s="114">
        <v>5127210</v>
      </c>
      <c r="U40" s="114">
        <v>6091965</v>
      </c>
      <c r="V40" s="114">
        <v>4718528</v>
      </c>
      <c r="W40" s="113">
        <v>28777492</v>
      </c>
      <c r="X40" s="116">
        <v>29604627</v>
      </c>
      <c r="Y40" s="110">
        <v>0</v>
      </c>
      <c r="Z40" s="114">
        <v>0</v>
      </c>
      <c r="AA40" s="113">
        <v>0</v>
      </c>
      <c r="AB40" s="110">
        <v>0</v>
      </c>
      <c r="AC40" s="114">
        <v>3593068</v>
      </c>
      <c r="AD40" s="114">
        <v>2994010</v>
      </c>
      <c r="AE40" s="114">
        <v>2932908</v>
      </c>
      <c r="AF40" s="114">
        <v>3715490</v>
      </c>
      <c r="AG40" s="114">
        <v>2703039</v>
      </c>
      <c r="AH40" s="113">
        <v>15938515</v>
      </c>
      <c r="AI40" s="116">
        <v>15938515</v>
      </c>
      <c r="AJ40" s="110">
        <v>0</v>
      </c>
      <c r="AK40" s="114">
        <v>0</v>
      </c>
      <c r="AL40" s="113">
        <v>0</v>
      </c>
      <c r="AM40" s="110">
        <v>0</v>
      </c>
      <c r="AN40" s="114">
        <v>0</v>
      </c>
      <c r="AO40" s="114">
        <v>354564</v>
      </c>
      <c r="AP40" s="114">
        <v>113967</v>
      </c>
      <c r="AQ40" s="114">
        <v>555353</v>
      </c>
      <c r="AR40" s="114">
        <v>1062468</v>
      </c>
      <c r="AS40" s="113">
        <v>2086352</v>
      </c>
      <c r="AT40" s="116">
        <v>2086352</v>
      </c>
      <c r="AU40" s="110">
        <v>0</v>
      </c>
      <c r="AV40" s="114">
        <v>182736</v>
      </c>
      <c r="AW40" s="113">
        <v>182736</v>
      </c>
      <c r="AX40" s="110">
        <v>0</v>
      </c>
      <c r="AY40" s="114">
        <v>1673781</v>
      </c>
      <c r="AZ40" s="114">
        <v>1303739</v>
      </c>
      <c r="BA40" s="114">
        <v>924329</v>
      </c>
      <c r="BB40" s="114">
        <v>645617</v>
      </c>
      <c r="BC40" s="114">
        <v>382017</v>
      </c>
      <c r="BD40" s="113">
        <v>4929483</v>
      </c>
      <c r="BE40" s="116">
        <v>5112219</v>
      </c>
      <c r="BF40" s="110">
        <v>112410</v>
      </c>
      <c r="BG40" s="114">
        <v>50706</v>
      </c>
      <c r="BH40" s="112">
        <v>163116</v>
      </c>
      <c r="BI40" s="111">
        <v>0</v>
      </c>
      <c r="BJ40" s="114">
        <v>535866</v>
      </c>
      <c r="BK40" s="114">
        <v>375771</v>
      </c>
      <c r="BL40" s="114">
        <v>232854</v>
      </c>
      <c r="BM40" s="114">
        <v>223032</v>
      </c>
      <c r="BN40" s="114">
        <v>133128</v>
      </c>
      <c r="BO40" s="113">
        <v>1500651</v>
      </c>
      <c r="BP40" s="116">
        <v>1663767</v>
      </c>
      <c r="BQ40" s="110">
        <v>265673</v>
      </c>
      <c r="BR40" s="114">
        <v>215610</v>
      </c>
      <c r="BS40" s="113">
        <v>481283</v>
      </c>
      <c r="BT40" s="110">
        <v>0</v>
      </c>
      <c r="BU40" s="114">
        <v>1028611</v>
      </c>
      <c r="BV40" s="114">
        <v>980379</v>
      </c>
      <c r="BW40" s="114">
        <v>923152</v>
      </c>
      <c r="BX40" s="114">
        <v>952473</v>
      </c>
      <c r="BY40" s="114">
        <v>437876</v>
      </c>
      <c r="BZ40" s="113">
        <v>4322491</v>
      </c>
      <c r="CA40" s="116">
        <v>4803774</v>
      </c>
      <c r="CB40" s="110">
        <v>252620</v>
      </c>
      <c r="CC40" s="114">
        <v>831120</v>
      </c>
      <c r="CD40" s="113">
        <v>1083740</v>
      </c>
      <c r="CE40" s="110">
        <v>0</v>
      </c>
      <c r="CF40" s="114">
        <v>10854984</v>
      </c>
      <c r="CG40" s="114">
        <v>9053889</v>
      </c>
      <c r="CH40" s="114">
        <v>5108518</v>
      </c>
      <c r="CI40" s="114">
        <v>4253112</v>
      </c>
      <c r="CJ40" s="114">
        <v>2241492</v>
      </c>
      <c r="CK40" s="113">
        <v>31511995</v>
      </c>
      <c r="CL40" s="116">
        <v>32595735</v>
      </c>
      <c r="CM40" s="110">
        <v>0</v>
      </c>
      <c r="CN40" s="114">
        <v>0</v>
      </c>
      <c r="CO40" s="113">
        <v>0</v>
      </c>
      <c r="CP40" s="111">
        <v>0</v>
      </c>
      <c r="CQ40" s="114">
        <v>8020709</v>
      </c>
      <c r="CR40" s="114">
        <v>7554642</v>
      </c>
      <c r="CS40" s="114">
        <v>4096603</v>
      </c>
      <c r="CT40" s="114">
        <v>3138872</v>
      </c>
      <c r="CU40" s="114">
        <v>2213664</v>
      </c>
      <c r="CV40" s="113">
        <v>25024490</v>
      </c>
      <c r="CW40" s="116">
        <v>25024490</v>
      </c>
      <c r="CX40" s="110">
        <v>252620</v>
      </c>
      <c r="CY40" s="114">
        <v>831120</v>
      </c>
      <c r="CZ40" s="113">
        <v>1083740</v>
      </c>
      <c r="DA40" s="110">
        <v>0</v>
      </c>
      <c r="DB40" s="114">
        <v>2834275</v>
      </c>
      <c r="DC40" s="114">
        <v>1499247</v>
      </c>
      <c r="DD40" s="114">
        <v>1011915</v>
      </c>
      <c r="DE40" s="114">
        <v>1114240</v>
      </c>
      <c r="DF40" s="114">
        <v>27828</v>
      </c>
      <c r="DG40" s="113">
        <v>6487505</v>
      </c>
      <c r="DH40" s="116">
        <v>7571245</v>
      </c>
      <c r="DI40" s="110">
        <v>0</v>
      </c>
      <c r="DJ40" s="114">
        <v>87797</v>
      </c>
      <c r="DK40" s="112">
        <v>87797</v>
      </c>
      <c r="DL40" s="111">
        <v>0</v>
      </c>
      <c r="DM40" s="114">
        <v>252560</v>
      </c>
      <c r="DN40" s="114">
        <v>736272</v>
      </c>
      <c r="DO40" s="114">
        <v>953073</v>
      </c>
      <c r="DP40" s="114">
        <v>1523972</v>
      </c>
      <c r="DQ40" s="114">
        <v>0</v>
      </c>
      <c r="DR40" s="113">
        <v>3465877</v>
      </c>
      <c r="DS40" s="116">
        <v>3553674</v>
      </c>
      <c r="DT40" s="110">
        <v>0</v>
      </c>
      <c r="DU40" s="114">
        <v>38000</v>
      </c>
      <c r="DV40" s="113">
        <v>38000</v>
      </c>
      <c r="DW40" s="110">
        <v>0</v>
      </c>
      <c r="DX40" s="114">
        <v>138987</v>
      </c>
      <c r="DY40" s="114">
        <v>679869</v>
      </c>
      <c r="DZ40" s="114">
        <v>867321</v>
      </c>
      <c r="EA40" s="114">
        <v>1382357</v>
      </c>
      <c r="EB40" s="114">
        <v>0</v>
      </c>
      <c r="EC40" s="113">
        <v>3068534</v>
      </c>
      <c r="ED40" s="116">
        <v>3106534</v>
      </c>
      <c r="EE40" s="110">
        <v>0</v>
      </c>
      <c r="EF40" s="112">
        <v>49797</v>
      </c>
      <c r="EG40" s="113">
        <v>49797</v>
      </c>
      <c r="EH40" s="110">
        <v>0</v>
      </c>
      <c r="EI40" s="114">
        <v>113573</v>
      </c>
      <c r="EJ40" s="114">
        <v>56403</v>
      </c>
      <c r="EK40" s="114">
        <v>85752</v>
      </c>
      <c r="EL40" s="114">
        <v>141615</v>
      </c>
      <c r="EM40" s="114">
        <v>0</v>
      </c>
      <c r="EN40" s="112">
        <v>397343</v>
      </c>
      <c r="EO40" s="116">
        <v>44714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203943</v>
      </c>
      <c r="FM40" s="114">
        <v>593995</v>
      </c>
      <c r="FN40" s="113">
        <v>797938</v>
      </c>
      <c r="FO40" s="110">
        <v>0</v>
      </c>
      <c r="FP40" s="114">
        <v>1704830</v>
      </c>
      <c r="FQ40" s="114">
        <v>2207615</v>
      </c>
      <c r="FR40" s="114">
        <v>1228046</v>
      </c>
      <c r="FS40" s="114">
        <v>1183150</v>
      </c>
      <c r="FT40" s="114">
        <v>601396</v>
      </c>
      <c r="FU40" s="113">
        <v>6925037</v>
      </c>
      <c r="FV40" s="116">
        <v>7722975</v>
      </c>
      <c r="FW40" s="115">
        <v>160878</v>
      </c>
      <c r="FX40" s="114">
        <v>457375</v>
      </c>
      <c r="FY40" s="112">
        <v>618253</v>
      </c>
      <c r="FZ40" s="111">
        <v>0</v>
      </c>
      <c r="GA40" s="114">
        <v>1121443</v>
      </c>
      <c r="GB40" s="114">
        <v>2093825</v>
      </c>
      <c r="GC40" s="114">
        <v>1145876</v>
      </c>
      <c r="GD40" s="114">
        <v>1183150</v>
      </c>
      <c r="GE40" s="114">
        <v>601396</v>
      </c>
      <c r="GF40" s="113">
        <v>6145690</v>
      </c>
      <c r="GG40" s="318">
        <v>6763943</v>
      </c>
      <c r="GH40" s="115">
        <v>43065</v>
      </c>
      <c r="GI40" s="114">
        <v>26730</v>
      </c>
      <c r="GJ40" s="112">
        <v>69795</v>
      </c>
      <c r="GK40" s="111">
        <v>0</v>
      </c>
      <c r="GL40" s="114">
        <v>61911</v>
      </c>
      <c r="GM40" s="114">
        <v>113790</v>
      </c>
      <c r="GN40" s="114">
        <v>0</v>
      </c>
      <c r="GO40" s="114">
        <v>0</v>
      </c>
      <c r="GP40" s="114">
        <v>0</v>
      </c>
      <c r="GQ40" s="113">
        <v>175701</v>
      </c>
      <c r="GR40" s="116">
        <v>245496</v>
      </c>
      <c r="GS40" s="110">
        <v>0</v>
      </c>
      <c r="GT40" s="114">
        <v>109890</v>
      </c>
      <c r="GU40" s="113">
        <v>109890</v>
      </c>
      <c r="GV40" s="110">
        <v>0</v>
      </c>
      <c r="GW40" s="114">
        <v>521476</v>
      </c>
      <c r="GX40" s="114">
        <v>0</v>
      </c>
      <c r="GY40" s="114">
        <v>82170</v>
      </c>
      <c r="GZ40" s="114">
        <v>0</v>
      </c>
      <c r="HA40" s="114">
        <v>0</v>
      </c>
      <c r="HB40" s="112">
        <v>603646</v>
      </c>
      <c r="HC40" s="116">
        <v>713536</v>
      </c>
      <c r="HD40" s="110">
        <v>1232345</v>
      </c>
      <c r="HE40" s="114">
        <v>1216207</v>
      </c>
      <c r="HF40" s="112">
        <v>2448552</v>
      </c>
      <c r="HG40" s="111">
        <v>0</v>
      </c>
      <c r="HH40" s="114">
        <v>6667278</v>
      </c>
      <c r="HI40" s="114">
        <v>4369610</v>
      </c>
      <c r="HJ40" s="114">
        <v>5351316</v>
      </c>
      <c r="HK40" s="114">
        <v>6353205</v>
      </c>
      <c r="HL40" s="114">
        <v>2051130</v>
      </c>
      <c r="HM40" s="113">
        <v>24792539</v>
      </c>
      <c r="HN40" s="109">
        <v>27241091</v>
      </c>
      <c r="HO40" s="115">
        <v>209350</v>
      </c>
      <c r="HP40" s="114">
        <v>384300</v>
      </c>
      <c r="HQ40" s="113">
        <v>593650</v>
      </c>
      <c r="HR40" s="110">
        <v>0</v>
      </c>
      <c r="HS40" s="114">
        <v>4257564</v>
      </c>
      <c r="HT40" s="114">
        <v>2845029</v>
      </c>
      <c r="HU40" s="114">
        <v>1415487</v>
      </c>
      <c r="HV40" s="114">
        <v>1198395</v>
      </c>
      <c r="HW40" s="114">
        <v>486426</v>
      </c>
      <c r="HX40" s="112">
        <v>10202901</v>
      </c>
      <c r="HY40" s="116">
        <v>10796551</v>
      </c>
      <c r="HZ40" s="150">
        <v>79776</v>
      </c>
      <c r="IA40" s="135">
        <v>144270</v>
      </c>
      <c r="IB40" s="150">
        <v>224046</v>
      </c>
      <c r="IC40" s="146">
        <v>0</v>
      </c>
      <c r="ID40" s="132">
        <v>5494980</v>
      </c>
      <c r="IE40" s="147">
        <v>6649307</v>
      </c>
      <c r="IF40" s="133">
        <v>6933415</v>
      </c>
      <c r="IG40" s="132">
        <v>5087030</v>
      </c>
      <c r="IH40" s="133">
        <v>2483712</v>
      </c>
      <c r="II40" s="148">
        <v>26648444</v>
      </c>
      <c r="IJ40" s="150">
        <v>26872490</v>
      </c>
      <c r="IK40" s="232">
        <v>0</v>
      </c>
      <c r="IL40" s="236">
        <v>0</v>
      </c>
      <c r="IM40" s="237">
        <v>0</v>
      </c>
      <c r="IN40" s="140"/>
      <c r="IO40" s="119">
        <v>0</v>
      </c>
      <c r="IP40" s="119">
        <v>63360</v>
      </c>
      <c r="IQ40" s="119">
        <v>182169</v>
      </c>
      <c r="IR40" s="119">
        <v>245853</v>
      </c>
      <c r="IS40" s="119">
        <v>0</v>
      </c>
      <c r="IT40" s="141">
        <v>491382</v>
      </c>
      <c r="IU40" s="320">
        <v>491382</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588134</v>
      </c>
      <c r="JL40" s="119">
        <v>1683785</v>
      </c>
      <c r="JM40" s="119">
        <v>1178455</v>
      </c>
      <c r="JN40" s="119">
        <v>877879</v>
      </c>
      <c r="JO40" s="119">
        <v>282699</v>
      </c>
      <c r="JP40" s="120">
        <v>5610952</v>
      </c>
      <c r="JQ40" s="320">
        <v>5610952</v>
      </c>
      <c r="JR40" s="142">
        <v>0</v>
      </c>
      <c r="JS40" s="119">
        <v>0</v>
      </c>
      <c r="JT40" s="141">
        <v>0</v>
      </c>
      <c r="JU40" s="118">
        <v>0</v>
      </c>
      <c r="JV40" s="119">
        <v>0</v>
      </c>
      <c r="JW40" s="119">
        <v>0</v>
      </c>
      <c r="JX40" s="119">
        <v>0</v>
      </c>
      <c r="JY40" s="119">
        <v>0</v>
      </c>
      <c r="JZ40" s="119">
        <v>0</v>
      </c>
      <c r="KA40" s="120">
        <v>0</v>
      </c>
      <c r="KB40" s="320">
        <v>0</v>
      </c>
      <c r="KC40" s="234">
        <v>79776</v>
      </c>
      <c r="KD40" s="230">
        <v>144270</v>
      </c>
      <c r="KE40" s="120">
        <v>224046</v>
      </c>
      <c r="KF40" s="118">
        <v>0</v>
      </c>
      <c r="KG40" s="119">
        <v>1121598</v>
      </c>
      <c r="KH40" s="119">
        <v>1442746</v>
      </c>
      <c r="KI40" s="119">
        <v>1451934</v>
      </c>
      <c r="KJ40" s="119">
        <v>84497</v>
      </c>
      <c r="KK40" s="119">
        <v>535500</v>
      </c>
      <c r="KL40" s="120">
        <v>4636275</v>
      </c>
      <c r="KM40" s="143">
        <v>4860321</v>
      </c>
      <c r="KN40" s="232">
        <v>0</v>
      </c>
      <c r="KO40" s="236">
        <v>0</v>
      </c>
      <c r="KP40" s="237">
        <v>0</v>
      </c>
      <c r="KQ40" s="140"/>
      <c r="KR40" s="119">
        <v>2785248</v>
      </c>
      <c r="KS40" s="119">
        <v>3459416</v>
      </c>
      <c r="KT40" s="119">
        <v>4120857</v>
      </c>
      <c r="KU40" s="119">
        <v>3878801</v>
      </c>
      <c r="KV40" s="119">
        <v>1665513</v>
      </c>
      <c r="KW40" s="120">
        <v>15909835</v>
      </c>
      <c r="KX40" s="320">
        <v>15909835</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5815599</v>
      </c>
      <c r="MK40" s="119">
        <v>8852806</v>
      </c>
      <c r="ML40" s="119">
        <v>13292511</v>
      </c>
      <c r="MM40" s="119">
        <v>20713913</v>
      </c>
      <c r="MN40" s="119">
        <v>14889583</v>
      </c>
      <c r="MO40" s="120">
        <v>63564412</v>
      </c>
      <c r="MP40" s="143">
        <v>63564412</v>
      </c>
      <c r="MQ40" s="142">
        <v>0</v>
      </c>
      <c r="MR40" s="119">
        <v>0</v>
      </c>
      <c r="MS40" s="120">
        <v>0</v>
      </c>
      <c r="MT40" s="145"/>
      <c r="MU40" s="119">
        <v>403830</v>
      </c>
      <c r="MV40" s="119">
        <v>440370</v>
      </c>
      <c r="MW40" s="119">
        <v>5587310</v>
      </c>
      <c r="MX40" s="119">
        <v>12418124</v>
      </c>
      <c r="MY40" s="119">
        <v>9061254</v>
      </c>
      <c r="MZ40" s="120">
        <v>27910888</v>
      </c>
      <c r="NA40" s="143">
        <v>27910888</v>
      </c>
      <c r="NB40" s="142">
        <v>0</v>
      </c>
      <c r="NC40" s="119">
        <v>0</v>
      </c>
      <c r="ND40" s="120">
        <v>0</v>
      </c>
      <c r="NE40" s="145"/>
      <c r="NF40" s="119">
        <v>4505604</v>
      </c>
      <c r="NG40" s="119">
        <v>7914736</v>
      </c>
      <c r="NH40" s="119">
        <v>6453526</v>
      </c>
      <c r="NI40" s="119">
        <v>5403414</v>
      </c>
      <c r="NJ40" s="119">
        <v>2606518</v>
      </c>
      <c r="NK40" s="120">
        <v>26883798</v>
      </c>
      <c r="NL40" s="320">
        <v>26883798</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906165</v>
      </c>
      <c r="OC40" s="119">
        <v>497700</v>
      </c>
      <c r="OD40" s="119">
        <v>1251675</v>
      </c>
      <c r="OE40" s="119">
        <v>2892375</v>
      </c>
      <c r="OF40" s="119">
        <v>3221811</v>
      </c>
      <c r="OG40" s="120">
        <v>8769726</v>
      </c>
      <c r="OH40" s="121">
        <v>8769726</v>
      </c>
      <c r="OI40" s="142">
        <v>2356117</v>
      </c>
      <c r="OJ40" s="119">
        <v>3706741</v>
      </c>
      <c r="OK40" s="141">
        <v>6062858</v>
      </c>
      <c r="OL40" s="118">
        <v>0</v>
      </c>
      <c r="OM40" s="119">
        <v>41879121</v>
      </c>
      <c r="ON40" s="119">
        <v>40722991</v>
      </c>
      <c r="OO40" s="119">
        <v>39409576</v>
      </c>
      <c r="OP40" s="119">
        <v>46404742</v>
      </c>
      <c r="OQ40" s="119">
        <v>27472267</v>
      </c>
      <c r="OR40" s="120">
        <v>195888697</v>
      </c>
      <c r="OS40" s="143">
        <v>201951555</v>
      </c>
    </row>
    <row r="41" spans="2:409" ht="18.75" customHeight="1" x14ac:dyDescent="0.2">
      <c r="B41" s="62" t="s">
        <v>36</v>
      </c>
      <c r="C41" s="110">
        <v>1254330</v>
      </c>
      <c r="D41" s="114">
        <v>2922426</v>
      </c>
      <c r="E41" s="113">
        <v>4176756</v>
      </c>
      <c r="F41" s="109">
        <v>0</v>
      </c>
      <c r="G41" s="114">
        <v>20691619</v>
      </c>
      <c r="H41" s="114">
        <v>27570011</v>
      </c>
      <c r="I41" s="114">
        <v>24949646</v>
      </c>
      <c r="J41" s="114">
        <v>18011289</v>
      </c>
      <c r="K41" s="114">
        <v>14863464</v>
      </c>
      <c r="L41" s="173">
        <v>106086029</v>
      </c>
      <c r="M41" s="116">
        <v>110262785</v>
      </c>
      <c r="N41" s="110">
        <v>509317</v>
      </c>
      <c r="O41" s="114">
        <v>929195</v>
      </c>
      <c r="P41" s="113">
        <v>1438512</v>
      </c>
      <c r="Q41" s="110">
        <v>0</v>
      </c>
      <c r="R41" s="114">
        <v>6163993</v>
      </c>
      <c r="S41" s="114">
        <v>8431455</v>
      </c>
      <c r="T41" s="114">
        <v>7443583</v>
      </c>
      <c r="U41" s="114">
        <v>8919308</v>
      </c>
      <c r="V41" s="114">
        <v>7801534</v>
      </c>
      <c r="W41" s="113">
        <v>38759873</v>
      </c>
      <c r="X41" s="116">
        <v>40198385</v>
      </c>
      <c r="Y41" s="110">
        <v>0</v>
      </c>
      <c r="Z41" s="114">
        <v>0</v>
      </c>
      <c r="AA41" s="113">
        <v>0</v>
      </c>
      <c r="AB41" s="110">
        <v>0</v>
      </c>
      <c r="AC41" s="114">
        <v>2833846</v>
      </c>
      <c r="AD41" s="114">
        <v>4152980</v>
      </c>
      <c r="AE41" s="114">
        <v>4146538</v>
      </c>
      <c r="AF41" s="114">
        <v>5627733</v>
      </c>
      <c r="AG41" s="114">
        <v>4284056</v>
      </c>
      <c r="AH41" s="113">
        <v>21045153</v>
      </c>
      <c r="AI41" s="116">
        <v>21045153</v>
      </c>
      <c r="AJ41" s="110">
        <v>0</v>
      </c>
      <c r="AK41" s="114">
        <v>0</v>
      </c>
      <c r="AL41" s="113">
        <v>0</v>
      </c>
      <c r="AM41" s="110">
        <v>0</v>
      </c>
      <c r="AN41" s="114">
        <v>162093</v>
      </c>
      <c r="AO41" s="114">
        <v>428301</v>
      </c>
      <c r="AP41" s="114">
        <v>117052</v>
      </c>
      <c r="AQ41" s="114">
        <v>589582</v>
      </c>
      <c r="AR41" s="114">
        <v>867769</v>
      </c>
      <c r="AS41" s="113">
        <v>2164797</v>
      </c>
      <c r="AT41" s="116">
        <v>2164797</v>
      </c>
      <c r="AU41" s="110">
        <v>256464</v>
      </c>
      <c r="AV41" s="114">
        <v>695149</v>
      </c>
      <c r="AW41" s="113">
        <v>951613</v>
      </c>
      <c r="AX41" s="110">
        <v>0</v>
      </c>
      <c r="AY41" s="114">
        <v>2392655</v>
      </c>
      <c r="AZ41" s="114">
        <v>2795866</v>
      </c>
      <c r="BA41" s="114">
        <v>1683642</v>
      </c>
      <c r="BB41" s="114">
        <v>1741616</v>
      </c>
      <c r="BC41" s="114">
        <v>1863728</v>
      </c>
      <c r="BD41" s="113">
        <v>10477507</v>
      </c>
      <c r="BE41" s="116">
        <v>11429120</v>
      </c>
      <c r="BF41" s="110">
        <v>216531</v>
      </c>
      <c r="BG41" s="114">
        <v>141283</v>
      </c>
      <c r="BH41" s="112">
        <v>357814</v>
      </c>
      <c r="BI41" s="111">
        <v>0</v>
      </c>
      <c r="BJ41" s="114">
        <v>486888</v>
      </c>
      <c r="BK41" s="114">
        <v>286024</v>
      </c>
      <c r="BL41" s="114">
        <v>430762</v>
      </c>
      <c r="BM41" s="114">
        <v>291969</v>
      </c>
      <c r="BN41" s="114">
        <v>259196</v>
      </c>
      <c r="BO41" s="113">
        <v>1754839</v>
      </c>
      <c r="BP41" s="116">
        <v>2112653</v>
      </c>
      <c r="BQ41" s="110">
        <v>36322</v>
      </c>
      <c r="BR41" s="114">
        <v>92763</v>
      </c>
      <c r="BS41" s="113">
        <v>129085</v>
      </c>
      <c r="BT41" s="110">
        <v>0</v>
      </c>
      <c r="BU41" s="114">
        <v>288511</v>
      </c>
      <c r="BV41" s="114">
        <v>768284</v>
      </c>
      <c r="BW41" s="114">
        <v>1065589</v>
      </c>
      <c r="BX41" s="114">
        <v>668408</v>
      </c>
      <c r="BY41" s="114">
        <v>526785</v>
      </c>
      <c r="BZ41" s="113">
        <v>3317577</v>
      </c>
      <c r="CA41" s="116">
        <v>3446662</v>
      </c>
      <c r="CB41" s="110">
        <v>110235</v>
      </c>
      <c r="CC41" s="114">
        <v>453828</v>
      </c>
      <c r="CD41" s="113">
        <v>564063</v>
      </c>
      <c r="CE41" s="110">
        <v>0</v>
      </c>
      <c r="CF41" s="114">
        <v>6576360</v>
      </c>
      <c r="CG41" s="114">
        <v>8788535</v>
      </c>
      <c r="CH41" s="114">
        <v>6855551</v>
      </c>
      <c r="CI41" s="114">
        <v>3168357</v>
      </c>
      <c r="CJ41" s="114">
        <v>2402033</v>
      </c>
      <c r="CK41" s="113">
        <v>27790836</v>
      </c>
      <c r="CL41" s="116">
        <v>28354899</v>
      </c>
      <c r="CM41" s="110">
        <v>0</v>
      </c>
      <c r="CN41" s="114">
        <v>0</v>
      </c>
      <c r="CO41" s="113">
        <v>0</v>
      </c>
      <c r="CP41" s="111">
        <v>0</v>
      </c>
      <c r="CQ41" s="114">
        <v>4906462</v>
      </c>
      <c r="CR41" s="114">
        <v>7241177</v>
      </c>
      <c r="CS41" s="114">
        <v>5722346</v>
      </c>
      <c r="CT41" s="114">
        <v>2930598</v>
      </c>
      <c r="CU41" s="114">
        <v>2333821</v>
      </c>
      <c r="CV41" s="113">
        <v>23134404</v>
      </c>
      <c r="CW41" s="116">
        <v>23134404</v>
      </c>
      <c r="CX41" s="110">
        <v>110235</v>
      </c>
      <c r="CY41" s="114">
        <v>453828</v>
      </c>
      <c r="CZ41" s="113">
        <v>564063</v>
      </c>
      <c r="DA41" s="110">
        <v>0</v>
      </c>
      <c r="DB41" s="114">
        <v>1669898</v>
      </c>
      <c r="DC41" s="114">
        <v>1547358</v>
      </c>
      <c r="DD41" s="114">
        <v>1133205</v>
      </c>
      <c r="DE41" s="114">
        <v>237759</v>
      </c>
      <c r="DF41" s="114">
        <v>68212</v>
      </c>
      <c r="DG41" s="113">
        <v>4656432</v>
      </c>
      <c r="DH41" s="116">
        <v>5220495</v>
      </c>
      <c r="DI41" s="110">
        <v>0</v>
      </c>
      <c r="DJ41" s="114">
        <v>106542</v>
      </c>
      <c r="DK41" s="112">
        <v>106542</v>
      </c>
      <c r="DL41" s="111">
        <v>0</v>
      </c>
      <c r="DM41" s="114">
        <v>994714</v>
      </c>
      <c r="DN41" s="114">
        <v>1309705</v>
      </c>
      <c r="DO41" s="114">
        <v>3257792</v>
      </c>
      <c r="DP41" s="114">
        <v>1048473</v>
      </c>
      <c r="DQ41" s="114">
        <v>984364</v>
      </c>
      <c r="DR41" s="113">
        <v>7595048</v>
      </c>
      <c r="DS41" s="116">
        <v>7701590</v>
      </c>
      <c r="DT41" s="110">
        <v>0</v>
      </c>
      <c r="DU41" s="114">
        <v>106542</v>
      </c>
      <c r="DV41" s="113">
        <v>106542</v>
      </c>
      <c r="DW41" s="110">
        <v>0</v>
      </c>
      <c r="DX41" s="114">
        <v>935588</v>
      </c>
      <c r="DY41" s="114">
        <v>1309705</v>
      </c>
      <c r="DZ41" s="114">
        <v>3257792</v>
      </c>
      <c r="EA41" s="114">
        <v>1048473</v>
      </c>
      <c r="EB41" s="114">
        <v>984364</v>
      </c>
      <c r="EC41" s="113">
        <v>7535922</v>
      </c>
      <c r="ED41" s="116">
        <v>7642464</v>
      </c>
      <c r="EE41" s="110">
        <v>0</v>
      </c>
      <c r="EF41" s="112">
        <v>0</v>
      </c>
      <c r="EG41" s="113">
        <v>0</v>
      </c>
      <c r="EH41" s="110">
        <v>0</v>
      </c>
      <c r="EI41" s="114">
        <v>59126</v>
      </c>
      <c r="EJ41" s="114">
        <v>0</v>
      </c>
      <c r="EK41" s="114">
        <v>0</v>
      </c>
      <c r="EL41" s="114">
        <v>0</v>
      </c>
      <c r="EM41" s="114">
        <v>0</v>
      </c>
      <c r="EN41" s="112">
        <v>59126</v>
      </c>
      <c r="EO41" s="116">
        <v>59126</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326979</v>
      </c>
      <c r="FM41" s="114">
        <v>632655</v>
      </c>
      <c r="FN41" s="113">
        <v>959634</v>
      </c>
      <c r="FO41" s="110">
        <v>0</v>
      </c>
      <c r="FP41" s="114">
        <v>1954797</v>
      </c>
      <c r="FQ41" s="114">
        <v>2678671</v>
      </c>
      <c r="FR41" s="114">
        <v>1855364</v>
      </c>
      <c r="FS41" s="114">
        <v>1632406</v>
      </c>
      <c r="FT41" s="114">
        <v>1103498</v>
      </c>
      <c r="FU41" s="113">
        <v>9224736</v>
      </c>
      <c r="FV41" s="116">
        <v>10184370</v>
      </c>
      <c r="FW41" s="115">
        <v>186579</v>
      </c>
      <c r="FX41" s="114">
        <v>615555</v>
      </c>
      <c r="FY41" s="112">
        <v>802134</v>
      </c>
      <c r="FZ41" s="111">
        <v>0</v>
      </c>
      <c r="GA41" s="114">
        <v>1571127</v>
      </c>
      <c r="GB41" s="114">
        <v>2409621</v>
      </c>
      <c r="GC41" s="114">
        <v>1675364</v>
      </c>
      <c r="GD41" s="114">
        <v>1632406</v>
      </c>
      <c r="GE41" s="114">
        <v>1034198</v>
      </c>
      <c r="GF41" s="113">
        <v>8322716</v>
      </c>
      <c r="GG41" s="318">
        <v>9124850</v>
      </c>
      <c r="GH41" s="115">
        <v>14400</v>
      </c>
      <c r="GI41" s="114">
        <v>0</v>
      </c>
      <c r="GJ41" s="112">
        <v>14400</v>
      </c>
      <c r="GK41" s="111">
        <v>0</v>
      </c>
      <c r="GL41" s="114">
        <v>72270</v>
      </c>
      <c r="GM41" s="114">
        <v>36650</v>
      </c>
      <c r="GN41" s="114">
        <v>0</v>
      </c>
      <c r="GO41" s="114">
        <v>0</v>
      </c>
      <c r="GP41" s="114">
        <v>69300</v>
      </c>
      <c r="GQ41" s="113">
        <v>178220</v>
      </c>
      <c r="GR41" s="116">
        <v>192620</v>
      </c>
      <c r="GS41" s="110">
        <v>126000</v>
      </c>
      <c r="GT41" s="114">
        <v>17100</v>
      </c>
      <c r="GU41" s="113">
        <v>143100</v>
      </c>
      <c r="GV41" s="110">
        <v>0</v>
      </c>
      <c r="GW41" s="114">
        <v>311400</v>
      </c>
      <c r="GX41" s="114">
        <v>232400</v>
      </c>
      <c r="GY41" s="114">
        <v>180000</v>
      </c>
      <c r="GZ41" s="114">
        <v>0</v>
      </c>
      <c r="HA41" s="114">
        <v>0</v>
      </c>
      <c r="HB41" s="112">
        <v>723800</v>
      </c>
      <c r="HC41" s="116">
        <v>866900</v>
      </c>
      <c r="HD41" s="110">
        <v>65481</v>
      </c>
      <c r="HE41" s="114">
        <v>203092</v>
      </c>
      <c r="HF41" s="112">
        <v>268573</v>
      </c>
      <c r="HG41" s="111">
        <v>0</v>
      </c>
      <c r="HH41" s="114">
        <v>1241010</v>
      </c>
      <c r="HI41" s="114">
        <v>3037816</v>
      </c>
      <c r="HJ41" s="114">
        <v>3132129</v>
      </c>
      <c r="HK41" s="114">
        <v>1737775</v>
      </c>
      <c r="HL41" s="114">
        <v>1676405</v>
      </c>
      <c r="HM41" s="113">
        <v>10825135</v>
      </c>
      <c r="HN41" s="109">
        <v>11093708</v>
      </c>
      <c r="HO41" s="115">
        <v>242318</v>
      </c>
      <c r="HP41" s="114">
        <v>597114</v>
      </c>
      <c r="HQ41" s="113">
        <v>839432</v>
      </c>
      <c r="HR41" s="110">
        <v>0</v>
      </c>
      <c r="HS41" s="114">
        <v>3760745</v>
      </c>
      <c r="HT41" s="114">
        <v>3323829</v>
      </c>
      <c r="HU41" s="114">
        <v>2405227</v>
      </c>
      <c r="HV41" s="114">
        <v>1504970</v>
      </c>
      <c r="HW41" s="114">
        <v>895630</v>
      </c>
      <c r="HX41" s="112">
        <v>11890401</v>
      </c>
      <c r="HY41" s="116">
        <v>12729833</v>
      </c>
      <c r="HZ41" s="131">
        <v>89356</v>
      </c>
      <c r="IA41" s="132">
        <v>84068</v>
      </c>
      <c r="IB41" s="133">
        <v>173424</v>
      </c>
      <c r="IC41" s="146">
        <v>0</v>
      </c>
      <c r="ID41" s="132">
        <v>4202312</v>
      </c>
      <c r="IE41" s="147">
        <v>5760986</v>
      </c>
      <c r="IF41" s="133">
        <v>9705098</v>
      </c>
      <c r="IG41" s="132">
        <v>3978326</v>
      </c>
      <c r="IH41" s="133">
        <v>2300442</v>
      </c>
      <c r="II41" s="148">
        <v>25947164</v>
      </c>
      <c r="IJ41" s="139">
        <v>26120588</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465142</v>
      </c>
      <c r="JL41" s="119">
        <v>2878887</v>
      </c>
      <c r="JM41" s="119">
        <v>3474317</v>
      </c>
      <c r="JN41" s="119">
        <v>1719527</v>
      </c>
      <c r="JO41" s="119">
        <v>1716562</v>
      </c>
      <c r="JP41" s="120">
        <v>12254435</v>
      </c>
      <c r="JQ41" s="320">
        <v>12254435</v>
      </c>
      <c r="JR41" s="142">
        <v>0</v>
      </c>
      <c r="JS41" s="119">
        <v>0</v>
      </c>
      <c r="JT41" s="141">
        <v>0</v>
      </c>
      <c r="JU41" s="118">
        <v>0</v>
      </c>
      <c r="JV41" s="119">
        <v>0</v>
      </c>
      <c r="JW41" s="119">
        <v>0</v>
      </c>
      <c r="JX41" s="119">
        <v>0</v>
      </c>
      <c r="JY41" s="119">
        <v>0</v>
      </c>
      <c r="JZ41" s="119">
        <v>0</v>
      </c>
      <c r="KA41" s="120">
        <v>0</v>
      </c>
      <c r="KB41" s="320">
        <v>0</v>
      </c>
      <c r="KC41" s="234">
        <v>89356</v>
      </c>
      <c r="KD41" s="230">
        <v>84068</v>
      </c>
      <c r="KE41" s="120">
        <v>173424</v>
      </c>
      <c r="KF41" s="118">
        <v>0</v>
      </c>
      <c r="KG41" s="119">
        <v>1214122</v>
      </c>
      <c r="KH41" s="119">
        <v>1546983</v>
      </c>
      <c r="KI41" s="119">
        <v>1360268</v>
      </c>
      <c r="KJ41" s="119">
        <v>558342</v>
      </c>
      <c r="KK41" s="119">
        <v>0</v>
      </c>
      <c r="KL41" s="120">
        <v>4679715</v>
      </c>
      <c r="KM41" s="143">
        <v>4853139</v>
      </c>
      <c r="KN41" s="232">
        <v>0</v>
      </c>
      <c r="KO41" s="236">
        <v>0</v>
      </c>
      <c r="KP41" s="237">
        <v>0</v>
      </c>
      <c r="KQ41" s="140"/>
      <c r="KR41" s="119">
        <v>523048</v>
      </c>
      <c r="KS41" s="119">
        <v>1335116</v>
      </c>
      <c r="KT41" s="119">
        <v>4870513</v>
      </c>
      <c r="KU41" s="119">
        <v>1700457</v>
      </c>
      <c r="KV41" s="119">
        <v>583880</v>
      </c>
      <c r="KW41" s="120">
        <v>9013014</v>
      </c>
      <c r="KX41" s="320">
        <v>9013014</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6318839</v>
      </c>
      <c r="MK41" s="119">
        <v>8912379</v>
      </c>
      <c r="ML41" s="119">
        <v>26143344</v>
      </c>
      <c r="MM41" s="119">
        <v>33713025</v>
      </c>
      <c r="MN41" s="119">
        <v>26725205</v>
      </c>
      <c r="MO41" s="120">
        <v>101812792</v>
      </c>
      <c r="MP41" s="143">
        <v>101812792</v>
      </c>
      <c r="MQ41" s="142">
        <v>0</v>
      </c>
      <c r="MR41" s="119">
        <v>0</v>
      </c>
      <c r="MS41" s="120">
        <v>0</v>
      </c>
      <c r="MT41" s="145"/>
      <c r="MU41" s="119">
        <v>0</v>
      </c>
      <c r="MV41" s="119">
        <v>713839</v>
      </c>
      <c r="MW41" s="119">
        <v>12361466</v>
      </c>
      <c r="MX41" s="119">
        <v>21239197</v>
      </c>
      <c r="MY41" s="119">
        <v>19743512</v>
      </c>
      <c r="MZ41" s="120">
        <v>54058014</v>
      </c>
      <c r="NA41" s="143">
        <v>54058014</v>
      </c>
      <c r="NB41" s="142">
        <v>0</v>
      </c>
      <c r="NC41" s="119">
        <v>0</v>
      </c>
      <c r="ND41" s="120">
        <v>0</v>
      </c>
      <c r="NE41" s="145"/>
      <c r="NF41" s="119">
        <v>6318839</v>
      </c>
      <c r="NG41" s="119">
        <v>8198540</v>
      </c>
      <c r="NH41" s="119">
        <v>13781878</v>
      </c>
      <c r="NI41" s="119">
        <v>10504412</v>
      </c>
      <c r="NJ41" s="119">
        <v>6626161</v>
      </c>
      <c r="NK41" s="120">
        <v>45429830</v>
      </c>
      <c r="NL41" s="320">
        <v>45429830</v>
      </c>
      <c r="NM41" s="142">
        <v>0</v>
      </c>
      <c r="NN41" s="119">
        <v>0</v>
      </c>
      <c r="NO41" s="120">
        <v>0</v>
      </c>
      <c r="NP41" s="145"/>
      <c r="NQ41" s="119">
        <v>0</v>
      </c>
      <c r="NR41" s="119">
        <v>0</v>
      </c>
      <c r="NS41" s="119">
        <v>0</v>
      </c>
      <c r="NT41" s="119">
        <v>326232</v>
      </c>
      <c r="NU41" s="119">
        <v>355532</v>
      </c>
      <c r="NV41" s="120">
        <v>681764</v>
      </c>
      <c r="NW41" s="121">
        <v>681764</v>
      </c>
      <c r="NX41" s="142">
        <v>0</v>
      </c>
      <c r="NY41" s="119">
        <v>0</v>
      </c>
      <c r="NZ41" s="120">
        <v>0</v>
      </c>
      <c r="OA41" s="145"/>
      <c r="OB41" s="119">
        <v>0</v>
      </c>
      <c r="OC41" s="119">
        <v>0</v>
      </c>
      <c r="OD41" s="119">
        <v>0</v>
      </c>
      <c r="OE41" s="119">
        <v>1643184</v>
      </c>
      <c r="OF41" s="119">
        <v>0</v>
      </c>
      <c r="OG41" s="120">
        <v>1643184</v>
      </c>
      <c r="OH41" s="121">
        <v>1643184</v>
      </c>
      <c r="OI41" s="142">
        <v>1343686</v>
      </c>
      <c r="OJ41" s="119">
        <v>3006494</v>
      </c>
      <c r="OK41" s="141">
        <v>4350180</v>
      </c>
      <c r="OL41" s="118">
        <v>0</v>
      </c>
      <c r="OM41" s="119">
        <v>31212770</v>
      </c>
      <c r="ON41" s="119">
        <v>42243376</v>
      </c>
      <c r="OO41" s="119">
        <v>60798088</v>
      </c>
      <c r="OP41" s="119">
        <v>55702640</v>
      </c>
      <c r="OQ41" s="119">
        <v>43889111</v>
      </c>
      <c r="OR41" s="120">
        <v>233845985</v>
      </c>
      <c r="OS41" s="143">
        <v>238196165</v>
      </c>
    </row>
    <row r="42" spans="2:409" ht="18.75" customHeight="1" thickBot="1" x14ac:dyDescent="0.25">
      <c r="B42" s="63" t="s">
        <v>37</v>
      </c>
      <c r="C42" s="117">
        <v>378617</v>
      </c>
      <c r="D42" s="178">
        <v>145605</v>
      </c>
      <c r="E42" s="179">
        <v>524222</v>
      </c>
      <c r="F42" s="180">
        <v>0</v>
      </c>
      <c r="G42" s="178">
        <v>1709663</v>
      </c>
      <c r="H42" s="178">
        <v>1483237</v>
      </c>
      <c r="I42" s="178">
        <v>2136758</v>
      </c>
      <c r="J42" s="178">
        <v>1203695</v>
      </c>
      <c r="K42" s="178">
        <v>894104</v>
      </c>
      <c r="L42" s="180">
        <v>7427457</v>
      </c>
      <c r="M42" s="181">
        <v>7951679</v>
      </c>
      <c r="N42" s="117">
        <v>56045</v>
      </c>
      <c r="O42" s="178">
        <v>35482</v>
      </c>
      <c r="P42" s="179">
        <v>91527</v>
      </c>
      <c r="Q42" s="117">
        <v>0</v>
      </c>
      <c r="R42" s="178">
        <v>117332</v>
      </c>
      <c r="S42" s="178">
        <v>566416</v>
      </c>
      <c r="T42" s="178">
        <v>481893</v>
      </c>
      <c r="U42" s="178">
        <v>306370</v>
      </c>
      <c r="V42" s="178">
        <v>389982</v>
      </c>
      <c r="W42" s="179">
        <v>1861993</v>
      </c>
      <c r="X42" s="181">
        <v>1953520</v>
      </c>
      <c r="Y42" s="117">
        <v>0</v>
      </c>
      <c r="Z42" s="178">
        <v>0</v>
      </c>
      <c r="AA42" s="179">
        <v>0</v>
      </c>
      <c r="AB42" s="117">
        <v>0</v>
      </c>
      <c r="AC42" s="178">
        <v>42660</v>
      </c>
      <c r="AD42" s="178">
        <v>233596</v>
      </c>
      <c r="AE42" s="178">
        <v>107983</v>
      </c>
      <c r="AF42" s="178">
        <v>72027</v>
      </c>
      <c r="AG42" s="178">
        <v>339486</v>
      </c>
      <c r="AH42" s="179">
        <v>795752</v>
      </c>
      <c r="AI42" s="181">
        <v>795752</v>
      </c>
      <c r="AJ42" s="117">
        <v>0</v>
      </c>
      <c r="AK42" s="178">
        <v>0</v>
      </c>
      <c r="AL42" s="179">
        <v>0</v>
      </c>
      <c r="AM42" s="117">
        <v>0</v>
      </c>
      <c r="AN42" s="178">
        <v>0</v>
      </c>
      <c r="AO42" s="178">
        <v>0</v>
      </c>
      <c r="AP42" s="178">
        <v>92330</v>
      </c>
      <c r="AQ42" s="178">
        <v>26009</v>
      </c>
      <c r="AR42" s="178">
        <v>0</v>
      </c>
      <c r="AS42" s="179">
        <v>118339</v>
      </c>
      <c r="AT42" s="181">
        <v>118339</v>
      </c>
      <c r="AU42" s="117">
        <v>46253</v>
      </c>
      <c r="AV42" s="178">
        <v>35482</v>
      </c>
      <c r="AW42" s="179">
        <v>81735</v>
      </c>
      <c r="AX42" s="117">
        <v>0</v>
      </c>
      <c r="AY42" s="178">
        <v>49715</v>
      </c>
      <c r="AZ42" s="178">
        <v>138552</v>
      </c>
      <c r="BA42" s="178">
        <v>87758</v>
      </c>
      <c r="BB42" s="178">
        <v>118385</v>
      </c>
      <c r="BC42" s="178">
        <v>23044</v>
      </c>
      <c r="BD42" s="179">
        <v>417454</v>
      </c>
      <c r="BE42" s="181">
        <v>499189</v>
      </c>
      <c r="BF42" s="117">
        <v>0</v>
      </c>
      <c r="BG42" s="178">
        <v>0</v>
      </c>
      <c r="BH42" s="183">
        <v>0</v>
      </c>
      <c r="BI42" s="182">
        <v>0</v>
      </c>
      <c r="BJ42" s="178">
        <v>0</v>
      </c>
      <c r="BK42" s="178">
        <v>113781</v>
      </c>
      <c r="BL42" s="178">
        <v>112192</v>
      </c>
      <c r="BM42" s="178">
        <v>52209</v>
      </c>
      <c r="BN42" s="178">
        <v>0</v>
      </c>
      <c r="BO42" s="179">
        <v>278182</v>
      </c>
      <c r="BP42" s="181">
        <v>278182</v>
      </c>
      <c r="BQ42" s="117">
        <v>9792</v>
      </c>
      <c r="BR42" s="178">
        <v>0</v>
      </c>
      <c r="BS42" s="179">
        <v>9792</v>
      </c>
      <c r="BT42" s="117">
        <v>0</v>
      </c>
      <c r="BU42" s="178">
        <v>24957</v>
      </c>
      <c r="BV42" s="178">
        <v>80487</v>
      </c>
      <c r="BW42" s="178">
        <v>81630</v>
      </c>
      <c r="BX42" s="178">
        <v>37740</v>
      </c>
      <c r="BY42" s="178">
        <v>27452</v>
      </c>
      <c r="BZ42" s="179">
        <v>252266</v>
      </c>
      <c r="CA42" s="181">
        <v>262058</v>
      </c>
      <c r="CB42" s="117">
        <v>47238</v>
      </c>
      <c r="CC42" s="178">
        <v>32648</v>
      </c>
      <c r="CD42" s="179">
        <v>79886</v>
      </c>
      <c r="CE42" s="117">
        <v>0</v>
      </c>
      <c r="CF42" s="178">
        <v>800232</v>
      </c>
      <c r="CG42" s="178">
        <v>257705</v>
      </c>
      <c r="CH42" s="178">
        <v>661462</v>
      </c>
      <c r="CI42" s="178">
        <v>276409</v>
      </c>
      <c r="CJ42" s="178">
        <v>72890</v>
      </c>
      <c r="CK42" s="179">
        <v>2068698</v>
      </c>
      <c r="CL42" s="181">
        <v>2148584</v>
      </c>
      <c r="CM42" s="117">
        <v>0</v>
      </c>
      <c r="CN42" s="178">
        <v>0</v>
      </c>
      <c r="CO42" s="179">
        <v>0</v>
      </c>
      <c r="CP42" s="182">
        <v>0</v>
      </c>
      <c r="CQ42" s="178">
        <v>362416</v>
      </c>
      <c r="CR42" s="178">
        <v>257705</v>
      </c>
      <c r="CS42" s="178">
        <v>222318</v>
      </c>
      <c r="CT42" s="178">
        <v>32915</v>
      </c>
      <c r="CU42" s="178">
        <v>72890</v>
      </c>
      <c r="CV42" s="179">
        <v>948244</v>
      </c>
      <c r="CW42" s="181">
        <v>948244</v>
      </c>
      <c r="CX42" s="117">
        <v>47238</v>
      </c>
      <c r="CY42" s="178">
        <v>32648</v>
      </c>
      <c r="CZ42" s="179">
        <v>79886</v>
      </c>
      <c r="DA42" s="117">
        <v>0</v>
      </c>
      <c r="DB42" s="178">
        <v>437816</v>
      </c>
      <c r="DC42" s="178">
        <v>0</v>
      </c>
      <c r="DD42" s="178">
        <v>439144</v>
      </c>
      <c r="DE42" s="178">
        <v>243494</v>
      </c>
      <c r="DF42" s="178">
        <v>0</v>
      </c>
      <c r="DG42" s="179">
        <v>1120454</v>
      </c>
      <c r="DH42" s="181">
        <v>1200340</v>
      </c>
      <c r="DI42" s="117">
        <v>0</v>
      </c>
      <c r="DJ42" s="178">
        <v>0</v>
      </c>
      <c r="DK42" s="183">
        <v>0</v>
      </c>
      <c r="DL42" s="182">
        <v>0</v>
      </c>
      <c r="DM42" s="178">
        <v>80437</v>
      </c>
      <c r="DN42" s="178">
        <v>25836</v>
      </c>
      <c r="DO42" s="178">
        <v>264252</v>
      </c>
      <c r="DP42" s="178">
        <v>138727</v>
      </c>
      <c r="DQ42" s="178">
        <v>64737</v>
      </c>
      <c r="DR42" s="179">
        <v>573989</v>
      </c>
      <c r="DS42" s="181">
        <v>573989</v>
      </c>
      <c r="DT42" s="117">
        <v>0</v>
      </c>
      <c r="DU42" s="178">
        <v>0</v>
      </c>
      <c r="DV42" s="179">
        <v>0</v>
      </c>
      <c r="DW42" s="117">
        <v>0</v>
      </c>
      <c r="DX42" s="178">
        <v>67271</v>
      </c>
      <c r="DY42" s="178">
        <v>25836</v>
      </c>
      <c r="DZ42" s="178">
        <v>264252</v>
      </c>
      <c r="EA42" s="178">
        <v>103336</v>
      </c>
      <c r="EB42" s="178">
        <v>64737</v>
      </c>
      <c r="EC42" s="179">
        <v>525432</v>
      </c>
      <c r="ED42" s="181">
        <v>525432</v>
      </c>
      <c r="EE42" s="117">
        <v>0</v>
      </c>
      <c r="EF42" s="183">
        <v>0</v>
      </c>
      <c r="EG42" s="179">
        <v>0</v>
      </c>
      <c r="EH42" s="117">
        <v>0</v>
      </c>
      <c r="EI42" s="178">
        <v>13166</v>
      </c>
      <c r="EJ42" s="178">
        <v>0</v>
      </c>
      <c r="EK42" s="178">
        <v>0</v>
      </c>
      <c r="EL42" s="178">
        <v>35391</v>
      </c>
      <c r="EM42" s="178">
        <v>0</v>
      </c>
      <c r="EN42" s="183">
        <v>48557</v>
      </c>
      <c r="EO42" s="181">
        <v>48557</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212889</v>
      </c>
      <c r="FM42" s="178">
        <v>33282</v>
      </c>
      <c r="FN42" s="179">
        <v>246171</v>
      </c>
      <c r="FO42" s="117">
        <v>0</v>
      </c>
      <c r="FP42" s="178">
        <v>276426</v>
      </c>
      <c r="FQ42" s="178">
        <v>351440</v>
      </c>
      <c r="FR42" s="178">
        <v>343683</v>
      </c>
      <c r="FS42" s="178">
        <v>177300</v>
      </c>
      <c r="FT42" s="178">
        <v>62682</v>
      </c>
      <c r="FU42" s="179">
        <v>1211531</v>
      </c>
      <c r="FV42" s="181">
        <v>1457702</v>
      </c>
      <c r="FW42" s="184">
        <v>69624</v>
      </c>
      <c r="FX42" s="178">
        <v>33282</v>
      </c>
      <c r="FY42" s="183">
        <v>102906</v>
      </c>
      <c r="FZ42" s="182">
        <v>0</v>
      </c>
      <c r="GA42" s="178">
        <v>261774</v>
      </c>
      <c r="GB42" s="178">
        <v>351440</v>
      </c>
      <c r="GC42" s="178">
        <v>343683</v>
      </c>
      <c r="GD42" s="178">
        <v>177300</v>
      </c>
      <c r="GE42" s="178">
        <v>62682</v>
      </c>
      <c r="GF42" s="179">
        <v>1196879</v>
      </c>
      <c r="GG42" s="319">
        <v>1299785</v>
      </c>
      <c r="GH42" s="184">
        <v>24300</v>
      </c>
      <c r="GI42" s="178">
        <v>0</v>
      </c>
      <c r="GJ42" s="183">
        <v>24300</v>
      </c>
      <c r="GK42" s="182">
        <v>0</v>
      </c>
      <c r="GL42" s="178">
        <v>14652</v>
      </c>
      <c r="GM42" s="178">
        <v>0</v>
      </c>
      <c r="GN42" s="178">
        <v>0</v>
      </c>
      <c r="GO42" s="178">
        <v>0</v>
      </c>
      <c r="GP42" s="178">
        <v>0</v>
      </c>
      <c r="GQ42" s="179">
        <v>14652</v>
      </c>
      <c r="GR42" s="181">
        <v>38952</v>
      </c>
      <c r="GS42" s="117">
        <v>118965</v>
      </c>
      <c r="GT42" s="178">
        <v>0</v>
      </c>
      <c r="GU42" s="179">
        <v>118965</v>
      </c>
      <c r="GV42" s="117">
        <v>0</v>
      </c>
      <c r="GW42" s="178">
        <v>0</v>
      </c>
      <c r="GX42" s="178">
        <v>0</v>
      </c>
      <c r="GY42" s="178">
        <v>0</v>
      </c>
      <c r="GZ42" s="178">
        <v>0</v>
      </c>
      <c r="HA42" s="178">
        <v>0</v>
      </c>
      <c r="HB42" s="183">
        <v>0</v>
      </c>
      <c r="HC42" s="181">
        <v>118965</v>
      </c>
      <c r="HD42" s="117">
        <v>0</v>
      </c>
      <c r="HE42" s="178">
        <v>0</v>
      </c>
      <c r="HF42" s="183">
        <v>0</v>
      </c>
      <c r="HG42" s="182">
        <v>0</v>
      </c>
      <c r="HH42" s="178">
        <v>0</v>
      </c>
      <c r="HI42" s="178">
        <v>0</v>
      </c>
      <c r="HJ42" s="178">
        <v>0</v>
      </c>
      <c r="HK42" s="178">
        <v>183549</v>
      </c>
      <c r="HL42" s="178">
        <v>238785</v>
      </c>
      <c r="HM42" s="179">
        <v>422334</v>
      </c>
      <c r="HN42" s="180">
        <v>422334</v>
      </c>
      <c r="HO42" s="184">
        <v>62445</v>
      </c>
      <c r="HP42" s="178">
        <v>44193</v>
      </c>
      <c r="HQ42" s="179">
        <v>106638</v>
      </c>
      <c r="HR42" s="117">
        <v>0</v>
      </c>
      <c r="HS42" s="178">
        <v>435236</v>
      </c>
      <c r="HT42" s="178">
        <v>281840</v>
      </c>
      <c r="HU42" s="178">
        <v>385468</v>
      </c>
      <c r="HV42" s="178">
        <v>121340</v>
      </c>
      <c r="HW42" s="178">
        <v>65028</v>
      </c>
      <c r="HX42" s="183">
        <v>1288912</v>
      </c>
      <c r="HY42" s="181">
        <v>1395550</v>
      </c>
      <c r="HZ42" s="151">
        <v>0</v>
      </c>
      <c r="IA42" s="152">
        <v>0</v>
      </c>
      <c r="IB42" s="153">
        <v>0</v>
      </c>
      <c r="IC42" s="154">
        <v>0</v>
      </c>
      <c r="ID42" s="155">
        <v>1459621</v>
      </c>
      <c r="IE42" s="156">
        <v>1030130</v>
      </c>
      <c r="IF42" s="157">
        <v>1860785</v>
      </c>
      <c r="IG42" s="155">
        <v>0</v>
      </c>
      <c r="IH42" s="157">
        <v>386658</v>
      </c>
      <c r="II42" s="158">
        <v>4737194</v>
      </c>
      <c r="IJ42" s="159">
        <v>4737194</v>
      </c>
      <c r="IK42" s="233">
        <v>0</v>
      </c>
      <c r="IL42" s="238">
        <v>0</v>
      </c>
      <c r="IM42" s="239">
        <v>0</v>
      </c>
      <c r="IN42" s="160"/>
      <c r="IO42" s="161">
        <v>0</v>
      </c>
      <c r="IP42" s="161">
        <v>0</v>
      </c>
      <c r="IQ42" s="161">
        <v>172887</v>
      </c>
      <c r="IR42" s="161">
        <v>0</v>
      </c>
      <c r="IS42" s="161">
        <v>0</v>
      </c>
      <c r="IT42" s="162">
        <v>172887</v>
      </c>
      <c r="IU42" s="321">
        <v>172887</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1155824</v>
      </c>
      <c r="JL42" s="161">
        <v>761003</v>
      </c>
      <c r="JM42" s="161">
        <v>904054</v>
      </c>
      <c r="JN42" s="161">
        <v>0</v>
      </c>
      <c r="JO42" s="161">
        <v>152575</v>
      </c>
      <c r="JP42" s="165">
        <v>2973456</v>
      </c>
      <c r="JQ42" s="321">
        <v>2973456</v>
      </c>
      <c r="JR42" s="163">
        <v>0</v>
      </c>
      <c r="JS42" s="161">
        <v>0</v>
      </c>
      <c r="JT42" s="162">
        <v>0</v>
      </c>
      <c r="JU42" s="164">
        <v>0</v>
      </c>
      <c r="JV42" s="161">
        <v>46038</v>
      </c>
      <c r="JW42" s="161">
        <v>0</v>
      </c>
      <c r="JX42" s="161">
        <v>229986</v>
      </c>
      <c r="JY42" s="161">
        <v>0</v>
      </c>
      <c r="JZ42" s="161">
        <v>234083</v>
      </c>
      <c r="KA42" s="165">
        <v>510107</v>
      </c>
      <c r="KB42" s="321">
        <v>510107</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57759</v>
      </c>
      <c r="KS42" s="161">
        <v>269127</v>
      </c>
      <c r="KT42" s="161">
        <v>553858</v>
      </c>
      <c r="KU42" s="161">
        <v>0</v>
      </c>
      <c r="KV42" s="161">
        <v>0</v>
      </c>
      <c r="KW42" s="165">
        <v>1080744</v>
      </c>
      <c r="KX42" s="321">
        <v>1080744</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513828</v>
      </c>
      <c r="MK42" s="161">
        <v>273402</v>
      </c>
      <c r="ML42" s="161">
        <v>4045403</v>
      </c>
      <c r="MM42" s="161">
        <v>2525285</v>
      </c>
      <c r="MN42" s="161">
        <v>2572477</v>
      </c>
      <c r="MO42" s="165">
        <v>9930395</v>
      </c>
      <c r="MP42" s="167">
        <v>9930395</v>
      </c>
      <c r="MQ42" s="163">
        <v>0</v>
      </c>
      <c r="MR42" s="161">
        <v>0</v>
      </c>
      <c r="MS42" s="165">
        <v>0</v>
      </c>
      <c r="MT42" s="169"/>
      <c r="MU42" s="161">
        <v>0</v>
      </c>
      <c r="MV42" s="161">
        <v>0</v>
      </c>
      <c r="MW42" s="161">
        <v>2389052</v>
      </c>
      <c r="MX42" s="161">
        <v>1941090</v>
      </c>
      <c r="MY42" s="161">
        <v>1895515</v>
      </c>
      <c r="MZ42" s="165">
        <v>6225657</v>
      </c>
      <c r="NA42" s="167">
        <v>6225657</v>
      </c>
      <c r="NB42" s="163">
        <v>0</v>
      </c>
      <c r="NC42" s="161">
        <v>0</v>
      </c>
      <c r="ND42" s="165">
        <v>0</v>
      </c>
      <c r="NE42" s="169"/>
      <c r="NF42" s="161">
        <v>513828</v>
      </c>
      <c r="NG42" s="161">
        <v>273402</v>
      </c>
      <c r="NH42" s="161">
        <v>1656351</v>
      </c>
      <c r="NI42" s="161">
        <v>207885</v>
      </c>
      <c r="NJ42" s="161">
        <v>341268</v>
      </c>
      <c r="NK42" s="165">
        <v>2992734</v>
      </c>
      <c r="NL42" s="321">
        <v>2992734</v>
      </c>
      <c r="NM42" s="163">
        <v>0</v>
      </c>
      <c r="NN42" s="161">
        <v>0</v>
      </c>
      <c r="NO42" s="165">
        <v>0</v>
      </c>
      <c r="NP42" s="169"/>
      <c r="NQ42" s="161">
        <v>0</v>
      </c>
      <c r="NR42" s="161">
        <v>0</v>
      </c>
      <c r="NS42" s="161">
        <v>0</v>
      </c>
      <c r="NT42" s="161">
        <v>376310</v>
      </c>
      <c r="NU42" s="161">
        <v>0</v>
      </c>
      <c r="NV42" s="165">
        <v>376310</v>
      </c>
      <c r="NW42" s="166">
        <v>376310</v>
      </c>
      <c r="NX42" s="163">
        <v>0</v>
      </c>
      <c r="NY42" s="161">
        <v>0</v>
      </c>
      <c r="NZ42" s="165">
        <v>0</v>
      </c>
      <c r="OA42" s="169"/>
      <c r="OB42" s="161">
        <v>0</v>
      </c>
      <c r="OC42" s="161">
        <v>0</v>
      </c>
      <c r="OD42" s="161">
        <v>0</v>
      </c>
      <c r="OE42" s="161">
        <v>0</v>
      </c>
      <c r="OF42" s="161">
        <v>335694</v>
      </c>
      <c r="OG42" s="165">
        <v>335694</v>
      </c>
      <c r="OH42" s="166">
        <v>335694</v>
      </c>
      <c r="OI42" s="163">
        <v>378617</v>
      </c>
      <c r="OJ42" s="161">
        <v>145605</v>
      </c>
      <c r="OK42" s="162">
        <v>524222</v>
      </c>
      <c r="OL42" s="164">
        <v>0</v>
      </c>
      <c r="OM42" s="161">
        <v>3683112</v>
      </c>
      <c r="ON42" s="161">
        <v>2786769</v>
      </c>
      <c r="OO42" s="161">
        <v>8042946</v>
      </c>
      <c r="OP42" s="161">
        <v>3728980</v>
      </c>
      <c r="OQ42" s="161">
        <v>3853239</v>
      </c>
      <c r="OR42" s="165">
        <v>22095046</v>
      </c>
      <c r="OS42" s="167">
        <v>22619268</v>
      </c>
    </row>
    <row r="43" spans="2:409" x14ac:dyDescent="0.2">
      <c r="B43" s="1" t="s">
        <v>84</v>
      </c>
    </row>
  </sheetData>
  <mergeCells count="160">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S7:DS8"/>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I1:J1"/>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8.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4</v>
      </c>
      <c r="F1" s="502">
        <f>第１表!G2</f>
        <v>10</v>
      </c>
      <c r="G1" s="609">
        <f>IF(F1&lt;3,F1-2+12,F1-2)</f>
        <v>8</v>
      </c>
      <c r="H1" s="609"/>
      <c r="I1" s="531"/>
      <c r="J1" s="531"/>
      <c r="IB1" s="367"/>
      <c r="IC1" s="252"/>
      <c r="ID1" s="614"/>
      <c r="IE1" s="614"/>
    </row>
    <row r="2" spans="1:409" ht="24" customHeight="1" x14ac:dyDescent="0.2">
      <c r="B2" s="20" t="s">
        <v>147</v>
      </c>
      <c r="E2" s="249"/>
      <c r="F2" s="250"/>
      <c r="G2" s="341"/>
      <c r="H2" s="341"/>
      <c r="IB2" s="251"/>
      <c r="IC2" s="252"/>
      <c r="ID2" s="370"/>
      <c r="IE2" s="370"/>
    </row>
    <row r="3" spans="1:409" ht="24" customHeight="1" thickBot="1" x14ac:dyDescent="0.25">
      <c r="B3" s="20" t="s">
        <v>137</v>
      </c>
    </row>
    <row r="4" spans="1:409" ht="19.5" customHeight="1" thickBot="1" x14ac:dyDescent="0.25">
      <c r="B4" s="708" t="s">
        <v>42</v>
      </c>
      <c r="C4" s="711" t="s">
        <v>63</v>
      </c>
      <c r="D4" s="711"/>
      <c r="E4" s="711"/>
      <c r="F4" s="711"/>
      <c r="G4" s="711"/>
      <c r="H4" s="711"/>
      <c r="I4" s="711"/>
      <c r="J4" s="711"/>
      <c r="K4" s="711"/>
      <c r="L4" s="711"/>
      <c r="M4" s="711"/>
      <c r="N4" s="714"/>
      <c r="O4" s="714"/>
      <c r="P4" s="714"/>
      <c r="Q4" s="714"/>
      <c r="R4" s="714"/>
      <c r="S4" s="714"/>
      <c r="T4" s="714"/>
      <c r="U4" s="714"/>
      <c r="V4" s="714"/>
      <c r="W4" s="714"/>
      <c r="X4" s="714"/>
      <c r="Y4" s="714"/>
      <c r="Z4" s="714"/>
      <c r="AA4" s="714"/>
      <c r="AB4" s="714"/>
      <c r="AC4" s="714"/>
      <c r="AD4" s="714"/>
      <c r="AE4" s="714"/>
      <c r="AF4" s="714"/>
      <c r="AG4" s="714"/>
      <c r="AH4" s="714"/>
      <c r="AI4" s="714"/>
      <c r="AJ4" s="714"/>
      <c r="AK4" s="714"/>
      <c r="AL4" s="714"/>
      <c r="AM4" s="714"/>
      <c r="AN4" s="714"/>
      <c r="AO4" s="714"/>
      <c r="AP4" s="714"/>
      <c r="AQ4" s="714"/>
      <c r="AR4" s="714"/>
      <c r="AS4" s="714"/>
      <c r="AT4" s="714"/>
      <c r="AU4" s="714"/>
      <c r="AV4" s="714"/>
      <c r="AW4" s="714"/>
      <c r="AX4" s="714"/>
      <c r="AY4" s="714"/>
      <c r="AZ4" s="714"/>
      <c r="BA4" s="714"/>
      <c r="BB4" s="714"/>
      <c r="BC4" s="714"/>
      <c r="BD4" s="714"/>
      <c r="BE4" s="714"/>
      <c r="BF4" s="714"/>
      <c r="BG4" s="714"/>
      <c r="BH4" s="714"/>
      <c r="BI4" s="714"/>
      <c r="BJ4" s="714"/>
      <c r="BK4" s="714"/>
      <c r="BL4" s="714"/>
      <c r="BM4" s="714"/>
      <c r="BN4" s="714"/>
      <c r="BO4" s="714"/>
      <c r="BP4" s="714"/>
      <c r="BQ4" s="714"/>
      <c r="BR4" s="714"/>
      <c r="BS4" s="714"/>
      <c r="BT4" s="714"/>
      <c r="BU4" s="714"/>
      <c r="BV4" s="714"/>
      <c r="BW4" s="714"/>
      <c r="BX4" s="714"/>
      <c r="BY4" s="714"/>
      <c r="BZ4" s="714"/>
      <c r="CA4" s="714"/>
      <c r="CB4" s="714"/>
      <c r="CC4" s="714"/>
      <c r="CD4" s="714"/>
      <c r="CE4" s="714"/>
      <c r="CF4" s="714"/>
      <c r="CG4" s="714"/>
      <c r="CH4" s="714"/>
      <c r="CI4" s="714"/>
      <c r="CJ4" s="714"/>
      <c r="CK4" s="714"/>
      <c r="CL4" s="714"/>
      <c r="CM4" s="714"/>
      <c r="CN4" s="714"/>
      <c r="CO4" s="714"/>
      <c r="CP4" s="714"/>
      <c r="CQ4" s="714"/>
      <c r="CR4" s="714"/>
      <c r="CS4" s="714"/>
      <c r="CT4" s="714"/>
      <c r="CU4" s="714"/>
      <c r="CV4" s="714"/>
      <c r="CW4" s="714"/>
      <c r="CX4" s="714"/>
      <c r="CY4" s="714"/>
      <c r="CZ4" s="714"/>
      <c r="DA4" s="714"/>
      <c r="DB4" s="714"/>
      <c r="DC4" s="714"/>
      <c r="DD4" s="714"/>
      <c r="DE4" s="714"/>
      <c r="DF4" s="714"/>
      <c r="DG4" s="714"/>
      <c r="DH4" s="714"/>
      <c r="DI4" s="714"/>
      <c r="DJ4" s="714"/>
      <c r="DK4" s="714"/>
      <c r="DL4" s="714"/>
      <c r="DM4" s="714"/>
      <c r="DN4" s="714"/>
      <c r="DO4" s="714"/>
      <c r="DP4" s="714"/>
      <c r="DQ4" s="714"/>
      <c r="DR4" s="714"/>
      <c r="DS4" s="714"/>
      <c r="DT4" s="714"/>
      <c r="DU4" s="714"/>
      <c r="DV4" s="714"/>
      <c r="DW4" s="714"/>
      <c r="DX4" s="714"/>
      <c r="DY4" s="714"/>
      <c r="DZ4" s="714"/>
      <c r="EA4" s="714"/>
      <c r="EB4" s="714"/>
      <c r="EC4" s="714"/>
      <c r="ED4" s="714"/>
      <c r="EE4" s="714"/>
      <c r="EF4" s="714"/>
      <c r="EG4" s="714"/>
      <c r="EH4" s="714"/>
      <c r="EI4" s="714"/>
      <c r="EJ4" s="714"/>
      <c r="EK4" s="714"/>
      <c r="EL4" s="714"/>
      <c r="EM4" s="714"/>
      <c r="EN4" s="714"/>
      <c r="EO4" s="714"/>
      <c r="EP4" s="714"/>
      <c r="EQ4" s="714"/>
      <c r="ER4" s="714"/>
      <c r="ES4" s="714"/>
      <c r="ET4" s="714"/>
      <c r="EU4" s="714"/>
      <c r="EV4" s="714"/>
      <c r="EW4" s="714"/>
      <c r="EX4" s="714"/>
      <c r="EY4" s="714"/>
      <c r="EZ4" s="714"/>
      <c r="FA4" s="714"/>
      <c r="FB4" s="714"/>
      <c r="FC4" s="714"/>
      <c r="FD4" s="714"/>
      <c r="FE4" s="714"/>
      <c r="FF4" s="714"/>
      <c r="FG4" s="714"/>
      <c r="FH4" s="714"/>
      <c r="FI4" s="714"/>
      <c r="FJ4" s="714"/>
      <c r="FK4" s="714"/>
      <c r="FL4" s="714"/>
      <c r="FM4" s="714"/>
      <c r="FN4" s="714"/>
      <c r="FO4" s="714"/>
      <c r="FP4" s="714"/>
      <c r="FQ4" s="714"/>
      <c r="FR4" s="714"/>
      <c r="FS4" s="714"/>
      <c r="FT4" s="714"/>
      <c r="FU4" s="714"/>
      <c r="FV4" s="714"/>
      <c r="FW4" s="714"/>
      <c r="FX4" s="714"/>
      <c r="FY4" s="714"/>
      <c r="FZ4" s="714"/>
      <c r="GA4" s="714"/>
      <c r="GB4" s="714"/>
      <c r="GC4" s="714"/>
      <c r="GD4" s="714"/>
      <c r="GE4" s="714"/>
      <c r="GF4" s="714"/>
      <c r="GG4" s="714"/>
      <c r="GH4" s="714"/>
      <c r="GI4" s="714"/>
      <c r="GJ4" s="714"/>
      <c r="GK4" s="714"/>
      <c r="GL4" s="714"/>
      <c r="GM4" s="714"/>
      <c r="GN4" s="714"/>
      <c r="GO4" s="714"/>
      <c r="GP4" s="714"/>
      <c r="GQ4" s="714"/>
      <c r="GR4" s="714"/>
      <c r="GS4" s="714"/>
      <c r="GT4" s="714"/>
      <c r="GU4" s="714"/>
      <c r="GV4" s="714"/>
      <c r="GW4" s="714"/>
      <c r="GX4" s="714"/>
      <c r="GY4" s="714"/>
      <c r="GZ4" s="714"/>
      <c r="HA4" s="714"/>
      <c r="HB4" s="714"/>
      <c r="HC4" s="714"/>
      <c r="HD4" s="714"/>
      <c r="HE4" s="714"/>
      <c r="HF4" s="714"/>
      <c r="HG4" s="714"/>
      <c r="HH4" s="714"/>
      <c r="HI4" s="714"/>
      <c r="HJ4" s="714"/>
      <c r="HK4" s="714"/>
      <c r="HL4" s="714"/>
      <c r="HM4" s="714"/>
      <c r="HN4" s="714"/>
      <c r="HO4" s="714"/>
      <c r="HP4" s="714"/>
      <c r="HQ4" s="714"/>
      <c r="HR4" s="714"/>
      <c r="HS4" s="714"/>
      <c r="HT4" s="714"/>
      <c r="HU4" s="714"/>
      <c r="HV4" s="714"/>
      <c r="HW4" s="714"/>
      <c r="HX4" s="714"/>
      <c r="HY4" s="715"/>
      <c r="HZ4" s="611" t="s">
        <v>85</v>
      </c>
      <c r="IA4" s="612"/>
      <c r="IB4" s="612"/>
      <c r="IC4" s="612"/>
      <c r="ID4" s="612"/>
      <c r="IE4" s="612"/>
      <c r="IF4" s="612"/>
      <c r="IG4" s="612"/>
      <c r="IH4" s="612"/>
      <c r="II4" s="612"/>
      <c r="IJ4" s="612"/>
      <c r="IK4" s="612"/>
      <c r="IL4" s="612"/>
      <c r="IM4" s="612"/>
      <c r="IN4" s="612"/>
      <c r="IO4" s="612"/>
      <c r="IP4" s="612"/>
      <c r="IQ4" s="612"/>
      <c r="IR4" s="612"/>
      <c r="IS4" s="612"/>
      <c r="IT4" s="612"/>
      <c r="IU4" s="612"/>
      <c r="IV4" s="612"/>
      <c r="IW4" s="612"/>
      <c r="IX4" s="612"/>
      <c r="IY4" s="612"/>
      <c r="IZ4" s="612"/>
      <c r="JA4" s="612"/>
      <c r="JB4" s="612"/>
      <c r="JC4" s="612"/>
      <c r="JD4" s="612"/>
      <c r="JE4" s="612"/>
      <c r="JF4" s="612"/>
      <c r="JG4" s="612"/>
      <c r="JH4" s="612"/>
      <c r="JI4" s="612"/>
      <c r="JJ4" s="612"/>
      <c r="JK4" s="612"/>
      <c r="JL4" s="612"/>
      <c r="JM4" s="612"/>
      <c r="JN4" s="612"/>
      <c r="JO4" s="612"/>
      <c r="JP4" s="612"/>
      <c r="JQ4" s="612"/>
      <c r="JR4" s="612"/>
      <c r="JS4" s="612"/>
      <c r="JT4" s="612"/>
      <c r="JU4" s="612"/>
      <c r="JV4" s="612"/>
      <c r="JW4" s="612"/>
      <c r="JX4" s="612"/>
      <c r="JY4" s="612"/>
      <c r="JZ4" s="612"/>
      <c r="KA4" s="612"/>
      <c r="KB4" s="612"/>
      <c r="KC4" s="612"/>
      <c r="KD4" s="612"/>
      <c r="KE4" s="612"/>
      <c r="KF4" s="612"/>
      <c r="KG4" s="612"/>
      <c r="KH4" s="612"/>
      <c r="KI4" s="612"/>
      <c r="KJ4" s="612"/>
      <c r="KK4" s="612"/>
      <c r="KL4" s="612"/>
      <c r="KM4" s="612"/>
      <c r="KN4" s="612"/>
      <c r="KO4" s="612"/>
      <c r="KP4" s="612"/>
      <c r="KQ4" s="612"/>
      <c r="KR4" s="612"/>
      <c r="KS4" s="612"/>
      <c r="KT4" s="612"/>
      <c r="KU4" s="612"/>
      <c r="KV4" s="612"/>
      <c r="KW4" s="612"/>
      <c r="KX4" s="612"/>
      <c r="KY4" s="612"/>
      <c r="KZ4" s="612"/>
      <c r="LA4" s="612"/>
      <c r="LB4" s="612"/>
      <c r="LC4" s="612"/>
      <c r="LD4" s="612"/>
      <c r="LE4" s="612"/>
      <c r="LF4" s="612"/>
      <c r="LG4" s="612"/>
      <c r="LH4" s="612"/>
      <c r="LI4" s="612"/>
      <c r="LJ4" s="612"/>
      <c r="LK4" s="612"/>
      <c r="LL4" s="612"/>
      <c r="LM4" s="612"/>
      <c r="LN4" s="612"/>
      <c r="LO4" s="612"/>
      <c r="LP4" s="612"/>
      <c r="LQ4" s="612"/>
      <c r="LR4" s="612"/>
      <c r="LS4" s="612"/>
      <c r="LT4" s="612"/>
      <c r="LU4" s="612"/>
      <c r="LV4" s="612"/>
      <c r="LW4" s="612"/>
      <c r="LX4" s="612"/>
      <c r="LY4" s="612"/>
      <c r="LZ4" s="612"/>
      <c r="MA4" s="612"/>
      <c r="MB4" s="612"/>
      <c r="MC4" s="612"/>
      <c r="MD4" s="612"/>
      <c r="ME4" s="613"/>
      <c r="MF4" s="611" t="s">
        <v>86</v>
      </c>
      <c r="MG4" s="612"/>
      <c r="MH4" s="612"/>
      <c r="MI4" s="612"/>
      <c r="MJ4" s="612"/>
      <c r="MK4" s="612"/>
      <c r="ML4" s="612"/>
      <c r="MM4" s="612"/>
      <c r="MN4" s="612"/>
      <c r="MO4" s="612"/>
      <c r="MP4" s="612"/>
      <c r="MQ4" s="612"/>
      <c r="MR4" s="612"/>
      <c r="MS4" s="612"/>
      <c r="MT4" s="612"/>
      <c r="MU4" s="612"/>
      <c r="MV4" s="612"/>
      <c r="MW4" s="612"/>
      <c r="MX4" s="612"/>
      <c r="MY4" s="612"/>
      <c r="MZ4" s="612"/>
      <c r="NA4" s="612"/>
      <c r="NB4" s="612"/>
      <c r="NC4" s="612"/>
      <c r="ND4" s="612"/>
      <c r="NE4" s="612"/>
      <c r="NF4" s="612"/>
      <c r="NG4" s="612"/>
      <c r="NH4" s="612"/>
      <c r="NI4" s="612"/>
      <c r="NJ4" s="612"/>
      <c r="NK4" s="612"/>
      <c r="NL4" s="612"/>
      <c r="NM4" s="612"/>
      <c r="NN4" s="612"/>
      <c r="NO4" s="612"/>
      <c r="NP4" s="612"/>
      <c r="NQ4" s="612"/>
      <c r="NR4" s="612"/>
      <c r="NS4" s="612"/>
      <c r="NT4" s="612"/>
      <c r="NU4" s="612"/>
      <c r="NV4" s="612"/>
      <c r="NW4" s="612"/>
      <c r="NX4" s="612"/>
      <c r="NY4" s="612"/>
      <c r="NZ4" s="612"/>
      <c r="OA4" s="612"/>
      <c r="OB4" s="612"/>
      <c r="OC4" s="612"/>
      <c r="OD4" s="612"/>
      <c r="OE4" s="612"/>
      <c r="OF4" s="612"/>
      <c r="OG4" s="612"/>
      <c r="OH4" s="613"/>
      <c r="OI4" s="601" t="s">
        <v>60</v>
      </c>
      <c r="OJ4" s="506"/>
      <c r="OK4" s="506"/>
      <c r="OL4" s="506"/>
      <c r="OM4" s="506"/>
      <c r="ON4" s="506"/>
      <c r="OO4" s="506"/>
      <c r="OP4" s="506"/>
      <c r="OQ4" s="506"/>
      <c r="OR4" s="506"/>
      <c r="OS4" s="507"/>
    </row>
    <row r="5" spans="1:409" ht="19.5" customHeight="1" thickBot="1" x14ac:dyDescent="0.25">
      <c r="B5" s="709"/>
      <c r="C5" s="712"/>
      <c r="D5" s="712"/>
      <c r="E5" s="712"/>
      <c r="F5" s="712"/>
      <c r="G5" s="712"/>
      <c r="H5" s="712"/>
      <c r="I5" s="712"/>
      <c r="J5" s="712"/>
      <c r="K5" s="712"/>
      <c r="L5" s="712"/>
      <c r="M5" s="712"/>
      <c r="N5" s="716" t="s">
        <v>64</v>
      </c>
      <c r="O5" s="717"/>
      <c r="P5" s="717"/>
      <c r="Q5" s="717"/>
      <c r="R5" s="717"/>
      <c r="S5" s="717"/>
      <c r="T5" s="717"/>
      <c r="U5" s="717"/>
      <c r="V5" s="717"/>
      <c r="W5" s="717"/>
      <c r="X5" s="717"/>
      <c r="Y5" s="717"/>
      <c r="Z5" s="717"/>
      <c r="AA5" s="717"/>
      <c r="AB5" s="717"/>
      <c r="AC5" s="717"/>
      <c r="AD5" s="717"/>
      <c r="AE5" s="717"/>
      <c r="AF5" s="717"/>
      <c r="AG5" s="717"/>
      <c r="AH5" s="717"/>
      <c r="AI5" s="717"/>
      <c r="AJ5" s="717"/>
      <c r="AK5" s="717"/>
      <c r="AL5" s="717"/>
      <c r="AM5" s="717"/>
      <c r="AN5" s="717"/>
      <c r="AO5" s="717"/>
      <c r="AP5" s="717"/>
      <c r="AQ5" s="717"/>
      <c r="AR5" s="717"/>
      <c r="AS5" s="717"/>
      <c r="AT5" s="717"/>
      <c r="AU5" s="717"/>
      <c r="AV5" s="717"/>
      <c r="AW5" s="717"/>
      <c r="AX5" s="717"/>
      <c r="AY5" s="717"/>
      <c r="AZ5" s="717"/>
      <c r="BA5" s="717"/>
      <c r="BB5" s="717"/>
      <c r="BC5" s="717"/>
      <c r="BD5" s="717"/>
      <c r="BE5" s="717"/>
      <c r="BF5" s="717"/>
      <c r="BG5" s="717"/>
      <c r="BH5" s="717"/>
      <c r="BI5" s="717"/>
      <c r="BJ5" s="717"/>
      <c r="BK5" s="717"/>
      <c r="BL5" s="717"/>
      <c r="BM5" s="717"/>
      <c r="BN5" s="717"/>
      <c r="BO5" s="717"/>
      <c r="BP5" s="717"/>
      <c r="BQ5" s="717"/>
      <c r="BR5" s="717"/>
      <c r="BS5" s="717"/>
      <c r="BT5" s="717"/>
      <c r="BU5" s="717"/>
      <c r="BV5" s="717"/>
      <c r="BW5" s="717"/>
      <c r="BX5" s="717"/>
      <c r="BY5" s="717"/>
      <c r="BZ5" s="717"/>
      <c r="CA5" s="718"/>
      <c r="CB5" s="716" t="s">
        <v>65</v>
      </c>
      <c r="CC5" s="717"/>
      <c r="CD5" s="717"/>
      <c r="CE5" s="717"/>
      <c r="CF5" s="717"/>
      <c r="CG5" s="717"/>
      <c r="CH5" s="717"/>
      <c r="CI5" s="717"/>
      <c r="CJ5" s="717"/>
      <c r="CK5" s="717"/>
      <c r="CL5" s="717"/>
      <c r="CM5" s="717"/>
      <c r="CN5" s="717"/>
      <c r="CO5" s="717"/>
      <c r="CP5" s="717"/>
      <c r="CQ5" s="717"/>
      <c r="CR5" s="717"/>
      <c r="CS5" s="717"/>
      <c r="CT5" s="717"/>
      <c r="CU5" s="717"/>
      <c r="CV5" s="717"/>
      <c r="CW5" s="717"/>
      <c r="CX5" s="717"/>
      <c r="CY5" s="717"/>
      <c r="CZ5" s="717"/>
      <c r="DA5" s="717"/>
      <c r="DB5" s="717"/>
      <c r="DC5" s="717"/>
      <c r="DD5" s="717"/>
      <c r="DE5" s="717"/>
      <c r="DF5" s="717"/>
      <c r="DG5" s="717"/>
      <c r="DH5" s="718"/>
      <c r="DI5" s="523" t="s">
        <v>66</v>
      </c>
      <c r="DJ5" s="524"/>
      <c r="DK5" s="524"/>
      <c r="DL5" s="524"/>
      <c r="DM5" s="524"/>
      <c r="DN5" s="524"/>
      <c r="DO5" s="524"/>
      <c r="DP5" s="524"/>
      <c r="DQ5" s="524"/>
      <c r="DR5" s="524"/>
      <c r="DS5" s="524"/>
      <c r="DT5" s="524"/>
      <c r="DU5" s="524"/>
      <c r="DV5" s="524"/>
      <c r="DW5" s="524"/>
      <c r="DX5" s="524"/>
      <c r="DY5" s="524"/>
      <c r="DZ5" s="524"/>
      <c r="EA5" s="524"/>
      <c r="EB5" s="524"/>
      <c r="EC5" s="524"/>
      <c r="ED5" s="524"/>
      <c r="EE5" s="524"/>
      <c r="EF5" s="524"/>
      <c r="EG5" s="524"/>
      <c r="EH5" s="524"/>
      <c r="EI5" s="524"/>
      <c r="EJ5" s="524"/>
      <c r="EK5" s="524"/>
      <c r="EL5" s="524"/>
      <c r="EM5" s="524"/>
      <c r="EN5" s="524"/>
      <c r="EO5" s="524"/>
      <c r="EP5" s="524"/>
      <c r="EQ5" s="524"/>
      <c r="ER5" s="524"/>
      <c r="ES5" s="524"/>
      <c r="ET5" s="524"/>
      <c r="EU5" s="524"/>
      <c r="EV5" s="524"/>
      <c r="EW5" s="524"/>
      <c r="EX5" s="524"/>
      <c r="EY5" s="524"/>
      <c r="EZ5" s="524"/>
      <c r="FA5" s="524"/>
      <c r="FB5" s="524"/>
      <c r="FC5" s="524"/>
      <c r="FD5" s="524"/>
      <c r="FE5" s="524"/>
      <c r="FF5" s="524"/>
      <c r="FG5" s="524"/>
      <c r="FH5" s="524"/>
      <c r="FI5" s="524"/>
      <c r="FJ5" s="524"/>
      <c r="FK5" s="525"/>
      <c r="FL5" s="716" t="s">
        <v>67</v>
      </c>
      <c r="FM5" s="717"/>
      <c r="FN5" s="717"/>
      <c r="FO5" s="717"/>
      <c r="FP5" s="717"/>
      <c r="FQ5" s="717"/>
      <c r="FR5" s="717"/>
      <c r="FS5" s="717"/>
      <c r="FT5" s="717"/>
      <c r="FU5" s="717"/>
      <c r="FV5" s="717"/>
      <c r="FW5" s="717"/>
      <c r="FX5" s="717"/>
      <c r="FY5" s="717"/>
      <c r="FZ5" s="717"/>
      <c r="GA5" s="717"/>
      <c r="GB5" s="717"/>
      <c r="GC5" s="717"/>
      <c r="GD5" s="717"/>
      <c r="GE5" s="717"/>
      <c r="GF5" s="717"/>
      <c r="GG5" s="717"/>
      <c r="GH5" s="717"/>
      <c r="GI5" s="717"/>
      <c r="GJ5" s="717"/>
      <c r="GK5" s="717"/>
      <c r="GL5" s="717"/>
      <c r="GM5" s="717"/>
      <c r="GN5" s="717"/>
      <c r="GO5" s="717"/>
      <c r="GP5" s="717"/>
      <c r="GQ5" s="717"/>
      <c r="GR5" s="717"/>
      <c r="GS5" s="717"/>
      <c r="GT5" s="717"/>
      <c r="GU5" s="717"/>
      <c r="GV5" s="717"/>
      <c r="GW5" s="717"/>
      <c r="GX5" s="717"/>
      <c r="GY5" s="717"/>
      <c r="GZ5" s="717"/>
      <c r="HA5" s="717"/>
      <c r="HB5" s="717"/>
      <c r="HC5" s="718"/>
      <c r="HD5" s="719" t="s">
        <v>68</v>
      </c>
      <c r="HE5" s="720"/>
      <c r="HF5" s="720"/>
      <c r="HG5" s="720"/>
      <c r="HH5" s="720"/>
      <c r="HI5" s="720"/>
      <c r="HJ5" s="720"/>
      <c r="HK5" s="720"/>
      <c r="HL5" s="720"/>
      <c r="HM5" s="720"/>
      <c r="HN5" s="721"/>
      <c r="HO5" s="719" t="s">
        <v>69</v>
      </c>
      <c r="HP5" s="720"/>
      <c r="HQ5" s="720"/>
      <c r="HR5" s="720"/>
      <c r="HS5" s="720"/>
      <c r="HT5" s="720"/>
      <c r="HU5" s="720"/>
      <c r="HV5" s="720"/>
      <c r="HW5" s="720"/>
      <c r="HX5" s="720"/>
      <c r="HY5" s="721"/>
      <c r="HZ5" s="661"/>
      <c r="IA5" s="662"/>
      <c r="IB5" s="662"/>
      <c r="IC5" s="662"/>
      <c r="ID5" s="662"/>
      <c r="IE5" s="662"/>
      <c r="IF5" s="662"/>
      <c r="IG5" s="662"/>
      <c r="IH5" s="662"/>
      <c r="II5" s="662"/>
      <c r="IJ5" s="663"/>
      <c r="IK5" s="601" t="s">
        <v>94</v>
      </c>
      <c r="IL5" s="506"/>
      <c r="IM5" s="506"/>
      <c r="IN5" s="506"/>
      <c r="IO5" s="506"/>
      <c r="IP5" s="506"/>
      <c r="IQ5" s="506"/>
      <c r="IR5" s="506"/>
      <c r="IS5" s="506"/>
      <c r="IT5" s="506"/>
      <c r="IU5" s="507"/>
      <c r="IV5" s="601" t="s">
        <v>88</v>
      </c>
      <c r="IW5" s="506"/>
      <c r="IX5" s="506"/>
      <c r="IY5" s="506"/>
      <c r="IZ5" s="506"/>
      <c r="JA5" s="506"/>
      <c r="JB5" s="506"/>
      <c r="JC5" s="506"/>
      <c r="JD5" s="506"/>
      <c r="JE5" s="506"/>
      <c r="JF5" s="507"/>
      <c r="JG5" s="664" t="s">
        <v>144</v>
      </c>
      <c r="JH5" s="665"/>
      <c r="JI5" s="665"/>
      <c r="JJ5" s="665"/>
      <c r="JK5" s="665"/>
      <c r="JL5" s="665"/>
      <c r="JM5" s="665"/>
      <c r="JN5" s="665"/>
      <c r="JO5" s="665"/>
      <c r="JP5" s="665"/>
      <c r="JQ5" s="666"/>
      <c r="JR5" s="601" t="s">
        <v>90</v>
      </c>
      <c r="JS5" s="506"/>
      <c r="JT5" s="506"/>
      <c r="JU5" s="506"/>
      <c r="JV5" s="506"/>
      <c r="JW5" s="506"/>
      <c r="JX5" s="506"/>
      <c r="JY5" s="506"/>
      <c r="JZ5" s="506"/>
      <c r="KA5" s="506"/>
      <c r="KB5" s="507"/>
      <c r="KC5" s="601" t="s">
        <v>89</v>
      </c>
      <c r="KD5" s="506"/>
      <c r="KE5" s="506"/>
      <c r="KF5" s="506"/>
      <c r="KG5" s="506"/>
      <c r="KH5" s="506"/>
      <c r="KI5" s="506"/>
      <c r="KJ5" s="506"/>
      <c r="KK5" s="506"/>
      <c r="KL5" s="506"/>
      <c r="KM5" s="507"/>
      <c r="KN5" s="601" t="s">
        <v>91</v>
      </c>
      <c r="KO5" s="506"/>
      <c r="KP5" s="506"/>
      <c r="KQ5" s="506"/>
      <c r="KR5" s="506"/>
      <c r="KS5" s="506"/>
      <c r="KT5" s="506"/>
      <c r="KU5" s="506"/>
      <c r="KV5" s="506"/>
      <c r="KW5" s="506"/>
      <c r="KX5" s="507"/>
      <c r="KY5" s="601" t="s">
        <v>92</v>
      </c>
      <c r="KZ5" s="506"/>
      <c r="LA5" s="506"/>
      <c r="LB5" s="506"/>
      <c r="LC5" s="506"/>
      <c r="LD5" s="506"/>
      <c r="LE5" s="506"/>
      <c r="LF5" s="506"/>
      <c r="LG5" s="506"/>
      <c r="LH5" s="506"/>
      <c r="LI5" s="507"/>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601" t="s">
        <v>57</v>
      </c>
      <c r="MR5" s="506"/>
      <c r="MS5" s="506"/>
      <c r="MT5" s="506"/>
      <c r="MU5" s="506"/>
      <c r="MV5" s="506"/>
      <c r="MW5" s="506"/>
      <c r="MX5" s="506"/>
      <c r="MY5" s="506"/>
      <c r="MZ5" s="506"/>
      <c r="NA5" s="507"/>
      <c r="NB5" s="601" t="s">
        <v>58</v>
      </c>
      <c r="NC5" s="506"/>
      <c r="ND5" s="506"/>
      <c r="NE5" s="506"/>
      <c r="NF5" s="506"/>
      <c r="NG5" s="506"/>
      <c r="NH5" s="506"/>
      <c r="NI5" s="506"/>
      <c r="NJ5" s="506"/>
      <c r="NK5" s="506"/>
      <c r="NL5" s="507"/>
      <c r="NM5" s="601" t="s">
        <v>59</v>
      </c>
      <c r="NN5" s="506"/>
      <c r="NO5" s="506"/>
      <c r="NP5" s="506"/>
      <c r="NQ5" s="506"/>
      <c r="NR5" s="506"/>
      <c r="NS5" s="506"/>
      <c r="NT5" s="506"/>
      <c r="NU5" s="506"/>
      <c r="NV5" s="506"/>
      <c r="NW5" s="507"/>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19.5" customHeight="1" thickBot="1" x14ac:dyDescent="0.25">
      <c r="B6" s="709"/>
      <c r="C6" s="713"/>
      <c r="D6" s="713"/>
      <c r="E6" s="713"/>
      <c r="F6" s="713"/>
      <c r="G6" s="713"/>
      <c r="H6" s="713"/>
      <c r="I6" s="713"/>
      <c r="J6" s="713"/>
      <c r="K6" s="713"/>
      <c r="L6" s="713"/>
      <c r="M6" s="713"/>
      <c r="N6" s="515"/>
      <c r="O6" s="516"/>
      <c r="P6" s="516"/>
      <c r="Q6" s="516"/>
      <c r="R6" s="516"/>
      <c r="S6" s="516"/>
      <c r="T6" s="516"/>
      <c r="U6" s="516"/>
      <c r="V6" s="516"/>
      <c r="W6" s="516"/>
      <c r="X6" s="517"/>
      <c r="Y6" s="701" t="s">
        <v>70</v>
      </c>
      <c r="Z6" s="519"/>
      <c r="AA6" s="519"/>
      <c r="AB6" s="519"/>
      <c r="AC6" s="519"/>
      <c r="AD6" s="519"/>
      <c r="AE6" s="519"/>
      <c r="AF6" s="519"/>
      <c r="AG6" s="519"/>
      <c r="AH6" s="519"/>
      <c r="AI6" s="520"/>
      <c r="AJ6" s="696" t="s">
        <v>71</v>
      </c>
      <c r="AK6" s="697"/>
      <c r="AL6" s="697"/>
      <c r="AM6" s="697"/>
      <c r="AN6" s="697"/>
      <c r="AO6" s="697"/>
      <c r="AP6" s="697"/>
      <c r="AQ6" s="697"/>
      <c r="AR6" s="697"/>
      <c r="AS6" s="697"/>
      <c r="AT6" s="698"/>
      <c r="AU6" s="696" t="s">
        <v>72</v>
      </c>
      <c r="AV6" s="697"/>
      <c r="AW6" s="697"/>
      <c r="AX6" s="697"/>
      <c r="AY6" s="697"/>
      <c r="AZ6" s="697"/>
      <c r="BA6" s="697"/>
      <c r="BB6" s="697"/>
      <c r="BC6" s="697"/>
      <c r="BD6" s="697"/>
      <c r="BE6" s="698"/>
      <c r="BF6" s="696" t="s">
        <v>73</v>
      </c>
      <c r="BG6" s="697"/>
      <c r="BH6" s="697"/>
      <c r="BI6" s="697"/>
      <c r="BJ6" s="697"/>
      <c r="BK6" s="697"/>
      <c r="BL6" s="697"/>
      <c r="BM6" s="697"/>
      <c r="BN6" s="697"/>
      <c r="BO6" s="697"/>
      <c r="BP6" s="698"/>
      <c r="BQ6" s="696" t="s">
        <v>74</v>
      </c>
      <c r="BR6" s="697"/>
      <c r="BS6" s="697"/>
      <c r="BT6" s="697"/>
      <c r="BU6" s="697"/>
      <c r="BV6" s="697"/>
      <c r="BW6" s="697"/>
      <c r="BX6" s="697"/>
      <c r="BY6" s="697"/>
      <c r="BZ6" s="697"/>
      <c r="CA6" s="698"/>
      <c r="CB6" s="699"/>
      <c r="CC6" s="700"/>
      <c r="CD6" s="700"/>
      <c r="CE6" s="700"/>
      <c r="CF6" s="700"/>
      <c r="CG6" s="700"/>
      <c r="CH6" s="700"/>
      <c r="CI6" s="700"/>
      <c r="CJ6" s="700"/>
      <c r="CK6" s="700"/>
      <c r="CL6" s="725"/>
      <c r="CM6" s="696" t="s">
        <v>75</v>
      </c>
      <c r="CN6" s="697"/>
      <c r="CO6" s="697"/>
      <c r="CP6" s="697"/>
      <c r="CQ6" s="697"/>
      <c r="CR6" s="697"/>
      <c r="CS6" s="697"/>
      <c r="CT6" s="697"/>
      <c r="CU6" s="697"/>
      <c r="CV6" s="697"/>
      <c r="CW6" s="698"/>
      <c r="CX6" s="696" t="s">
        <v>76</v>
      </c>
      <c r="CY6" s="697"/>
      <c r="CZ6" s="697"/>
      <c r="DA6" s="697"/>
      <c r="DB6" s="697"/>
      <c r="DC6" s="697"/>
      <c r="DD6" s="697"/>
      <c r="DE6" s="697"/>
      <c r="DF6" s="697"/>
      <c r="DG6" s="697"/>
      <c r="DH6" s="698"/>
      <c r="DI6" s="699"/>
      <c r="DJ6" s="700"/>
      <c r="DK6" s="700"/>
      <c r="DL6" s="700"/>
      <c r="DM6" s="700"/>
      <c r="DN6" s="700"/>
      <c r="DO6" s="700"/>
      <c r="DP6" s="700"/>
      <c r="DQ6" s="700"/>
      <c r="DR6" s="700"/>
      <c r="DS6" s="700"/>
      <c r="DT6" s="696" t="s">
        <v>77</v>
      </c>
      <c r="DU6" s="697"/>
      <c r="DV6" s="697"/>
      <c r="DW6" s="697"/>
      <c r="DX6" s="697"/>
      <c r="DY6" s="697"/>
      <c r="DZ6" s="697"/>
      <c r="EA6" s="697"/>
      <c r="EB6" s="697"/>
      <c r="EC6" s="697"/>
      <c r="ED6" s="698"/>
      <c r="EE6" s="696" t="s">
        <v>78</v>
      </c>
      <c r="EF6" s="697"/>
      <c r="EG6" s="697"/>
      <c r="EH6" s="697"/>
      <c r="EI6" s="697"/>
      <c r="EJ6" s="697"/>
      <c r="EK6" s="697"/>
      <c r="EL6" s="697"/>
      <c r="EM6" s="697"/>
      <c r="EN6" s="697"/>
      <c r="EO6" s="698"/>
      <c r="EP6" s="696" t="s">
        <v>79</v>
      </c>
      <c r="EQ6" s="697"/>
      <c r="ER6" s="697"/>
      <c r="ES6" s="697"/>
      <c r="ET6" s="697"/>
      <c r="EU6" s="697"/>
      <c r="EV6" s="697"/>
      <c r="EW6" s="697"/>
      <c r="EX6" s="697"/>
      <c r="EY6" s="697"/>
      <c r="EZ6" s="698"/>
      <c r="FA6" s="621" t="s">
        <v>152</v>
      </c>
      <c r="FB6" s="697"/>
      <c r="FC6" s="697"/>
      <c r="FD6" s="697"/>
      <c r="FE6" s="697"/>
      <c r="FF6" s="697"/>
      <c r="FG6" s="697"/>
      <c r="FH6" s="697"/>
      <c r="FI6" s="697"/>
      <c r="FJ6" s="697"/>
      <c r="FK6" s="698"/>
      <c r="FL6" s="699"/>
      <c r="FM6" s="700"/>
      <c r="FN6" s="700"/>
      <c r="FO6" s="700"/>
      <c r="FP6" s="700"/>
      <c r="FQ6" s="700"/>
      <c r="FR6" s="700"/>
      <c r="FS6" s="700"/>
      <c r="FT6" s="700"/>
      <c r="FU6" s="700"/>
      <c r="FV6" s="700"/>
      <c r="FW6" s="696" t="s">
        <v>80</v>
      </c>
      <c r="FX6" s="697"/>
      <c r="FY6" s="697"/>
      <c r="FZ6" s="697"/>
      <c r="GA6" s="697"/>
      <c r="GB6" s="697"/>
      <c r="GC6" s="697"/>
      <c r="GD6" s="697"/>
      <c r="GE6" s="697"/>
      <c r="GF6" s="697"/>
      <c r="GG6" s="698"/>
      <c r="GH6" s="701" t="s">
        <v>81</v>
      </c>
      <c r="GI6" s="519"/>
      <c r="GJ6" s="519"/>
      <c r="GK6" s="519"/>
      <c r="GL6" s="519"/>
      <c r="GM6" s="519"/>
      <c r="GN6" s="519"/>
      <c r="GO6" s="519"/>
      <c r="GP6" s="519"/>
      <c r="GQ6" s="519"/>
      <c r="GR6" s="520"/>
      <c r="GS6" s="701" t="s">
        <v>82</v>
      </c>
      <c r="GT6" s="519"/>
      <c r="GU6" s="519"/>
      <c r="GV6" s="519"/>
      <c r="GW6" s="519"/>
      <c r="GX6" s="519"/>
      <c r="GY6" s="519"/>
      <c r="GZ6" s="519"/>
      <c r="HA6" s="519"/>
      <c r="HB6" s="519"/>
      <c r="HC6" s="520"/>
      <c r="HD6" s="722"/>
      <c r="HE6" s="723"/>
      <c r="HF6" s="723"/>
      <c r="HG6" s="723"/>
      <c r="HH6" s="723"/>
      <c r="HI6" s="723"/>
      <c r="HJ6" s="723"/>
      <c r="HK6" s="723"/>
      <c r="HL6" s="723"/>
      <c r="HM6" s="723"/>
      <c r="HN6" s="724"/>
      <c r="HO6" s="722"/>
      <c r="HP6" s="723"/>
      <c r="HQ6" s="723"/>
      <c r="HR6" s="723"/>
      <c r="HS6" s="723"/>
      <c r="HT6" s="723"/>
      <c r="HU6" s="723"/>
      <c r="HV6" s="723"/>
      <c r="HW6" s="723"/>
      <c r="HX6" s="723"/>
      <c r="HY6" s="724"/>
      <c r="HZ6" s="615"/>
      <c r="IA6" s="616"/>
      <c r="IB6" s="616"/>
      <c r="IC6" s="616"/>
      <c r="ID6" s="616"/>
      <c r="IE6" s="616"/>
      <c r="IF6" s="616"/>
      <c r="IG6" s="616"/>
      <c r="IH6" s="616"/>
      <c r="II6" s="616"/>
      <c r="IJ6" s="617"/>
      <c r="IK6" s="602"/>
      <c r="IL6" s="595"/>
      <c r="IM6" s="595"/>
      <c r="IN6" s="595"/>
      <c r="IO6" s="595"/>
      <c r="IP6" s="595"/>
      <c r="IQ6" s="595"/>
      <c r="IR6" s="595"/>
      <c r="IS6" s="595"/>
      <c r="IT6" s="595"/>
      <c r="IU6" s="603"/>
      <c r="IV6" s="602"/>
      <c r="IW6" s="595"/>
      <c r="IX6" s="595"/>
      <c r="IY6" s="595"/>
      <c r="IZ6" s="595"/>
      <c r="JA6" s="595"/>
      <c r="JB6" s="595"/>
      <c r="JC6" s="595"/>
      <c r="JD6" s="595"/>
      <c r="JE6" s="595"/>
      <c r="JF6" s="603"/>
      <c r="JG6" s="667"/>
      <c r="JH6" s="668"/>
      <c r="JI6" s="668"/>
      <c r="JJ6" s="668"/>
      <c r="JK6" s="668"/>
      <c r="JL6" s="668"/>
      <c r="JM6" s="668"/>
      <c r="JN6" s="668"/>
      <c r="JO6" s="668"/>
      <c r="JP6" s="668"/>
      <c r="JQ6" s="669"/>
      <c r="JR6" s="602"/>
      <c r="JS6" s="595"/>
      <c r="JT6" s="595"/>
      <c r="JU6" s="595"/>
      <c r="JV6" s="595"/>
      <c r="JW6" s="595"/>
      <c r="JX6" s="595"/>
      <c r="JY6" s="595"/>
      <c r="JZ6" s="595"/>
      <c r="KA6" s="595"/>
      <c r="KB6" s="603"/>
      <c r="KC6" s="602"/>
      <c r="KD6" s="595"/>
      <c r="KE6" s="595"/>
      <c r="KF6" s="595"/>
      <c r="KG6" s="595"/>
      <c r="KH6" s="595"/>
      <c r="KI6" s="595"/>
      <c r="KJ6" s="595"/>
      <c r="KK6" s="595"/>
      <c r="KL6" s="595"/>
      <c r="KM6" s="603"/>
      <c r="KN6" s="602"/>
      <c r="KO6" s="595"/>
      <c r="KP6" s="595"/>
      <c r="KQ6" s="595"/>
      <c r="KR6" s="595"/>
      <c r="KS6" s="595"/>
      <c r="KT6" s="595"/>
      <c r="KU6" s="595"/>
      <c r="KV6" s="595"/>
      <c r="KW6" s="595"/>
      <c r="KX6" s="603"/>
      <c r="KY6" s="602"/>
      <c r="KZ6" s="595"/>
      <c r="LA6" s="595"/>
      <c r="LB6" s="595"/>
      <c r="LC6" s="595"/>
      <c r="LD6" s="595"/>
      <c r="LE6" s="595"/>
      <c r="LF6" s="595"/>
      <c r="LG6" s="595"/>
      <c r="LH6" s="595"/>
      <c r="LI6" s="603"/>
      <c r="LJ6" s="615"/>
      <c r="LK6" s="616"/>
      <c r="LL6" s="616"/>
      <c r="LM6" s="616"/>
      <c r="LN6" s="616"/>
      <c r="LO6" s="616"/>
      <c r="LP6" s="616"/>
      <c r="LQ6" s="616"/>
      <c r="LR6" s="616"/>
      <c r="LS6" s="616"/>
      <c r="LT6" s="617"/>
      <c r="LU6" s="676"/>
      <c r="LV6" s="677"/>
      <c r="LW6" s="677"/>
      <c r="LX6" s="677"/>
      <c r="LY6" s="677"/>
      <c r="LZ6" s="677"/>
      <c r="MA6" s="677"/>
      <c r="MB6" s="677"/>
      <c r="MC6" s="677"/>
      <c r="MD6" s="677"/>
      <c r="ME6" s="678"/>
      <c r="MF6" s="615"/>
      <c r="MG6" s="616"/>
      <c r="MH6" s="616"/>
      <c r="MI6" s="616"/>
      <c r="MJ6" s="616"/>
      <c r="MK6" s="616"/>
      <c r="ML6" s="616"/>
      <c r="MM6" s="616"/>
      <c r="MN6" s="616"/>
      <c r="MO6" s="616"/>
      <c r="MP6" s="617"/>
      <c r="MQ6" s="602"/>
      <c r="MR6" s="595"/>
      <c r="MS6" s="595"/>
      <c r="MT6" s="595"/>
      <c r="MU6" s="595"/>
      <c r="MV6" s="595"/>
      <c r="MW6" s="595"/>
      <c r="MX6" s="595"/>
      <c r="MY6" s="595"/>
      <c r="MZ6" s="595"/>
      <c r="NA6" s="603"/>
      <c r="NB6" s="602"/>
      <c r="NC6" s="595"/>
      <c r="ND6" s="595"/>
      <c r="NE6" s="595"/>
      <c r="NF6" s="595"/>
      <c r="NG6" s="595"/>
      <c r="NH6" s="595"/>
      <c r="NI6" s="595"/>
      <c r="NJ6" s="595"/>
      <c r="NK6" s="595"/>
      <c r="NL6" s="603"/>
      <c r="NM6" s="602"/>
      <c r="NN6" s="595"/>
      <c r="NO6" s="595"/>
      <c r="NP6" s="595"/>
      <c r="NQ6" s="595"/>
      <c r="NR6" s="595"/>
      <c r="NS6" s="595"/>
      <c r="NT6" s="595"/>
      <c r="NU6" s="595"/>
      <c r="NV6" s="595"/>
      <c r="NW6" s="603"/>
      <c r="NX6" s="654"/>
      <c r="NY6" s="655"/>
      <c r="NZ6" s="655"/>
      <c r="OA6" s="655"/>
      <c r="OB6" s="655"/>
      <c r="OC6" s="655"/>
      <c r="OD6" s="655"/>
      <c r="OE6" s="655"/>
      <c r="OF6" s="655"/>
      <c r="OG6" s="655"/>
      <c r="OH6" s="656"/>
      <c r="OI6" s="602"/>
      <c r="OJ6" s="595"/>
      <c r="OK6" s="595"/>
      <c r="OL6" s="595"/>
      <c r="OM6" s="595"/>
      <c r="ON6" s="595"/>
      <c r="OO6" s="595"/>
      <c r="OP6" s="595"/>
      <c r="OQ6" s="595"/>
      <c r="OR6" s="595"/>
      <c r="OS6" s="603"/>
    </row>
    <row r="7" spans="1:409" ht="23.25" customHeight="1" x14ac:dyDescent="0.2">
      <c r="B7" s="709"/>
      <c r="C7" s="694" t="s">
        <v>61</v>
      </c>
      <c r="D7" s="694"/>
      <c r="E7" s="694"/>
      <c r="F7" s="706" t="s">
        <v>62</v>
      </c>
      <c r="G7" s="694"/>
      <c r="H7" s="694"/>
      <c r="I7" s="694"/>
      <c r="J7" s="694"/>
      <c r="K7" s="694"/>
      <c r="L7" s="694"/>
      <c r="M7" s="706" t="s">
        <v>52</v>
      </c>
      <c r="N7" s="705" t="s">
        <v>61</v>
      </c>
      <c r="O7" s="694"/>
      <c r="P7" s="694"/>
      <c r="Q7" s="706" t="s">
        <v>62</v>
      </c>
      <c r="R7" s="694"/>
      <c r="S7" s="694"/>
      <c r="T7" s="694"/>
      <c r="U7" s="694"/>
      <c r="V7" s="694"/>
      <c r="W7" s="707"/>
      <c r="X7" s="702" t="s">
        <v>52</v>
      </c>
      <c r="Y7" s="515" t="s">
        <v>61</v>
      </c>
      <c r="Z7" s="516"/>
      <c r="AA7" s="688"/>
      <c r="AB7" s="687" t="s">
        <v>62</v>
      </c>
      <c r="AC7" s="516"/>
      <c r="AD7" s="516"/>
      <c r="AE7" s="516"/>
      <c r="AF7" s="516"/>
      <c r="AG7" s="516"/>
      <c r="AH7" s="688"/>
      <c r="AI7" s="517" t="s">
        <v>52</v>
      </c>
      <c r="AJ7" s="682" t="s">
        <v>61</v>
      </c>
      <c r="AK7" s="683"/>
      <c r="AL7" s="684"/>
      <c r="AM7" s="685" t="s">
        <v>62</v>
      </c>
      <c r="AN7" s="683"/>
      <c r="AO7" s="683"/>
      <c r="AP7" s="683"/>
      <c r="AQ7" s="683"/>
      <c r="AR7" s="683"/>
      <c r="AS7" s="686"/>
      <c r="AT7" s="517" t="s">
        <v>52</v>
      </c>
      <c r="AU7" s="682" t="s">
        <v>61</v>
      </c>
      <c r="AV7" s="683"/>
      <c r="AW7" s="684"/>
      <c r="AX7" s="685" t="s">
        <v>62</v>
      </c>
      <c r="AY7" s="683"/>
      <c r="AZ7" s="683"/>
      <c r="BA7" s="683"/>
      <c r="BB7" s="683"/>
      <c r="BC7" s="683"/>
      <c r="BD7" s="686"/>
      <c r="BE7" s="517" t="s">
        <v>52</v>
      </c>
      <c r="BF7" s="682" t="s">
        <v>61</v>
      </c>
      <c r="BG7" s="683"/>
      <c r="BH7" s="684"/>
      <c r="BI7" s="685" t="s">
        <v>62</v>
      </c>
      <c r="BJ7" s="683"/>
      <c r="BK7" s="683"/>
      <c r="BL7" s="683"/>
      <c r="BM7" s="683"/>
      <c r="BN7" s="683"/>
      <c r="BO7" s="686"/>
      <c r="BP7" s="517" t="s">
        <v>52</v>
      </c>
      <c r="BQ7" s="682" t="s">
        <v>61</v>
      </c>
      <c r="BR7" s="683"/>
      <c r="BS7" s="684"/>
      <c r="BT7" s="685" t="s">
        <v>62</v>
      </c>
      <c r="BU7" s="683"/>
      <c r="BV7" s="683"/>
      <c r="BW7" s="683"/>
      <c r="BX7" s="683"/>
      <c r="BY7" s="683"/>
      <c r="BZ7" s="686"/>
      <c r="CA7" s="517" t="s">
        <v>52</v>
      </c>
      <c r="CB7" s="689" t="s">
        <v>61</v>
      </c>
      <c r="CC7" s="690"/>
      <c r="CD7" s="691"/>
      <c r="CE7" s="692" t="s">
        <v>62</v>
      </c>
      <c r="CF7" s="690"/>
      <c r="CG7" s="690"/>
      <c r="CH7" s="690"/>
      <c r="CI7" s="690"/>
      <c r="CJ7" s="690"/>
      <c r="CK7" s="693"/>
      <c r="CL7" s="702" t="s">
        <v>52</v>
      </c>
      <c r="CM7" s="682" t="s">
        <v>61</v>
      </c>
      <c r="CN7" s="683"/>
      <c r="CO7" s="686"/>
      <c r="CP7" s="685" t="s">
        <v>62</v>
      </c>
      <c r="CQ7" s="683"/>
      <c r="CR7" s="683"/>
      <c r="CS7" s="683"/>
      <c r="CT7" s="683"/>
      <c r="CU7" s="683"/>
      <c r="CV7" s="686"/>
      <c r="CW7" s="704" t="s">
        <v>52</v>
      </c>
      <c r="CX7" s="682" t="s">
        <v>61</v>
      </c>
      <c r="CY7" s="683"/>
      <c r="CZ7" s="686"/>
      <c r="DA7" s="685" t="s">
        <v>62</v>
      </c>
      <c r="DB7" s="683"/>
      <c r="DC7" s="683"/>
      <c r="DD7" s="683"/>
      <c r="DE7" s="683"/>
      <c r="DF7" s="683"/>
      <c r="DG7" s="686"/>
      <c r="DH7" s="704" t="s">
        <v>52</v>
      </c>
      <c r="DI7" s="689" t="s">
        <v>61</v>
      </c>
      <c r="DJ7" s="690"/>
      <c r="DK7" s="693"/>
      <c r="DL7" s="692" t="s">
        <v>62</v>
      </c>
      <c r="DM7" s="690"/>
      <c r="DN7" s="690"/>
      <c r="DO7" s="690"/>
      <c r="DP7" s="690"/>
      <c r="DQ7" s="690"/>
      <c r="DR7" s="693"/>
      <c r="DS7" s="702" t="s">
        <v>52</v>
      </c>
      <c r="DT7" s="682" t="s">
        <v>61</v>
      </c>
      <c r="DU7" s="683"/>
      <c r="DV7" s="684"/>
      <c r="DW7" s="685" t="s">
        <v>62</v>
      </c>
      <c r="DX7" s="683"/>
      <c r="DY7" s="683"/>
      <c r="DZ7" s="683"/>
      <c r="EA7" s="683"/>
      <c r="EB7" s="683"/>
      <c r="EC7" s="686"/>
      <c r="ED7" s="517" t="s">
        <v>52</v>
      </c>
      <c r="EE7" s="682" t="s">
        <v>61</v>
      </c>
      <c r="EF7" s="683"/>
      <c r="EG7" s="684"/>
      <c r="EH7" s="685" t="s">
        <v>62</v>
      </c>
      <c r="EI7" s="683"/>
      <c r="EJ7" s="683"/>
      <c r="EK7" s="683"/>
      <c r="EL7" s="683"/>
      <c r="EM7" s="683"/>
      <c r="EN7" s="686"/>
      <c r="EO7" s="517" t="s">
        <v>52</v>
      </c>
      <c r="EP7" s="682" t="s">
        <v>61</v>
      </c>
      <c r="EQ7" s="683"/>
      <c r="ER7" s="684"/>
      <c r="ES7" s="685" t="s">
        <v>62</v>
      </c>
      <c r="ET7" s="683"/>
      <c r="EU7" s="683"/>
      <c r="EV7" s="683"/>
      <c r="EW7" s="683"/>
      <c r="EX7" s="683"/>
      <c r="EY7" s="686"/>
      <c r="EZ7" s="517" t="s">
        <v>52</v>
      </c>
      <c r="FA7" s="682" t="s">
        <v>61</v>
      </c>
      <c r="FB7" s="683"/>
      <c r="FC7" s="684"/>
      <c r="FD7" s="685" t="s">
        <v>62</v>
      </c>
      <c r="FE7" s="683"/>
      <c r="FF7" s="683"/>
      <c r="FG7" s="683"/>
      <c r="FH7" s="683"/>
      <c r="FI7" s="683"/>
      <c r="FJ7" s="686"/>
      <c r="FK7" s="517" t="s">
        <v>52</v>
      </c>
      <c r="FL7" s="689" t="s">
        <v>61</v>
      </c>
      <c r="FM7" s="690"/>
      <c r="FN7" s="691"/>
      <c r="FO7" s="692" t="s">
        <v>62</v>
      </c>
      <c r="FP7" s="690"/>
      <c r="FQ7" s="690"/>
      <c r="FR7" s="690"/>
      <c r="FS7" s="690"/>
      <c r="FT7" s="690"/>
      <c r="FU7" s="693"/>
      <c r="FV7" s="694" t="s">
        <v>52</v>
      </c>
      <c r="FW7" s="682" t="s">
        <v>61</v>
      </c>
      <c r="FX7" s="683"/>
      <c r="FY7" s="684"/>
      <c r="FZ7" s="685" t="s">
        <v>62</v>
      </c>
      <c r="GA7" s="683"/>
      <c r="GB7" s="683"/>
      <c r="GC7" s="683"/>
      <c r="GD7" s="683"/>
      <c r="GE7" s="683"/>
      <c r="GF7" s="686"/>
      <c r="GG7" s="517" t="s">
        <v>52</v>
      </c>
      <c r="GH7" s="515" t="s">
        <v>61</v>
      </c>
      <c r="GI7" s="516"/>
      <c r="GJ7" s="516"/>
      <c r="GK7" s="687" t="s">
        <v>62</v>
      </c>
      <c r="GL7" s="516"/>
      <c r="GM7" s="516"/>
      <c r="GN7" s="516"/>
      <c r="GO7" s="516"/>
      <c r="GP7" s="516"/>
      <c r="GQ7" s="688"/>
      <c r="GR7" s="680" t="s">
        <v>52</v>
      </c>
      <c r="GS7" s="515" t="s">
        <v>61</v>
      </c>
      <c r="GT7" s="516"/>
      <c r="GU7" s="688"/>
      <c r="GV7" s="687" t="s">
        <v>62</v>
      </c>
      <c r="GW7" s="516"/>
      <c r="GX7" s="516"/>
      <c r="GY7" s="516"/>
      <c r="GZ7" s="516"/>
      <c r="HA7" s="516"/>
      <c r="HB7" s="688"/>
      <c r="HC7" s="680" t="s">
        <v>52</v>
      </c>
      <c r="HD7" s="682" t="s">
        <v>61</v>
      </c>
      <c r="HE7" s="683"/>
      <c r="HF7" s="684"/>
      <c r="HG7" s="685" t="s">
        <v>62</v>
      </c>
      <c r="HH7" s="683"/>
      <c r="HI7" s="683"/>
      <c r="HJ7" s="683"/>
      <c r="HK7" s="683"/>
      <c r="HL7" s="683"/>
      <c r="HM7" s="686"/>
      <c r="HN7" s="517" t="s">
        <v>52</v>
      </c>
      <c r="HO7" s="682" t="s">
        <v>61</v>
      </c>
      <c r="HP7" s="683"/>
      <c r="HQ7" s="684"/>
      <c r="HR7" s="685" t="s">
        <v>62</v>
      </c>
      <c r="HS7" s="683"/>
      <c r="HT7" s="683"/>
      <c r="HU7" s="683"/>
      <c r="HV7" s="683"/>
      <c r="HW7" s="683"/>
      <c r="HX7" s="686"/>
      <c r="HY7" s="517" t="s">
        <v>52</v>
      </c>
      <c r="HZ7" s="583" t="s">
        <v>61</v>
      </c>
      <c r="IA7" s="584"/>
      <c r="IB7" s="585"/>
      <c r="IC7" s="643" t="s">
        <v>62</v>
      </c>
      <c r="ID7" s="584"/>
      <c r="IE7" s="584"/>
      <c r="IF7" s="584"/>
      <c r="IG7" s="584"/>
      <c r="IH7" s="584"/>
      <c r="II7" s="644"/>
      <c r="IJ7" s="587" t="s">
        <v>52</v>
      </c>
      <c r="IK7" s="591" t="s">
        <v>61</v>
      </c>
      <c r="IL7" s="592"/>
      <c r="IM7" s="593"/>
      <c r="IN7" s="641" t="s">
        <v>62</v>
      </c>
      <c r="IO7" s="592"/>
      <c r="IP7" s="592"/>
      <c r="IQ7" s="592"/>
      <c r="IR7" s="592"/>
      <c r="IS7" s="592"/>
      <c r="IT7" s="642"/>
      <c r="IU7" s="603" t="s">
        <v>52</v>
      </c>
      <c r="IV7" s="591" t="s">
        <v>61</v>
      </c>
      <c r="IW7" s="592"/>
      <c r="IX7" s="642"/>
      <c r="IY7" s="641" t="s">
        <v>62</v>
      </c>
      <c r="IZ7" s="592"/>
      <c r="JA7" s="592"/>
      <c r="JB7" s="592"/>
      <c r="JC7" s="592"/>
      <c r="JD7" s="592"/>
      <c r="JE7" s="642"/>
      <c r="JF7" s="603" t="s">
        <v>52</v>
      </c>
      <c r="JG7" s="591" t="s">
        <v>61</v>
      </c>
      <c r="JH7" s="592"/>
      <c r="JI7" s="593"/>
      <c r="JJ7" s="641" t="s">
        <v>62</v>
      </c>
      <c r="JK7" s="592"/>
      <c r="JL7" s="592"/>
      <c r="JM7" s="592"/>
      <c r="JN7" s="592"/>
      <c r="JO7" s="592"/>
      <c r="JP7" s="642"/>
      <c r="JQ7" s="649" t="s">
        <v>52</v>
      </c>
      <c r="JR7" s="591" t="s">
        <v>61</v>
      </c>
      <c r="JS7" s="592"/>
      <c r="JT7" s="593"/>
      <c r="JU7" s="641" t="s">
        <v>62</v>
      </c>
      <c r="JV7" s="592"/>
      <c r="JW7" s="592"/>
      <c r="JX7" s="592"/>
      <c r="JY7" s="592"/>
      <c r="JZ7" s="592"/>
      <c r="KA7" s="642"/>
      <c r="KB7" s="649" t="s">
        <v>52</v>
      </c>
      <c r="KC7" s="591" t="s">
        <v>61</v>
      </c>
      <c r="KD7" s="592"/>
      <c r="KE7" s="593"/>
      <c r="KF7" s="641" t="s">
        <v>62</v>
      </c>
      <c r="KG7" s="592"/>
      <c r="KH7" s="592"/>
      <c r="KI7" s="592"/>
      <c r="KJ7" s="592"/>
      <c r="KK7" s="592"/>
      <c r="KL7" s="642"/>
      <c r="KM7" s="649" t="s">
        <v>52</v>
      </c>
      <c r="KN7" s="591" t="s">
        <v>61</v>
      </c>
      <c r="KO7" s="592"/>
      <c r="KP7" s="593"/>
      <c r="KQ7" s="641" t="s">
        <v>62</v>
      </c>
      <c r="KR7" s="592"/>
      <c r="KS7" s="592"/>
      <c r="KT7" s="592"/>
      <c r="KU7" s="592"/>
      <c r="KV7" s="592"/>
      <c r="KW7" s="642"/>
      <c r="KX7" s="649" t="s">
        <v>52</v>
      </c>
      <c r="KY7" s="591" t="s">
        <v>61</v>
      </c>
      <c r="KZ7" s="592"/>
      <c r="LA7" s="593"/>
      <c r="LB7" s="641" t="s">
        <v>62</v>
      </c>
      <c r="LC7" s="592"/>
      <c r="LD7" s="592"/>
      <c r="LE7" s="592"/>
      <c r="LF7" s="592"/>
      <c r="LG7" s="592"/>
      <c r="LH7" s="642"/>
      <c r="LI7" s="649" t="s">
        <v>52</v>
      </c>
      <c r="LJ7" s="591" t="s">
        <v>61</v>
      </c>
      <c r="LK7" s="592"/>
      <c r="LL7" s="593"/>
      <c r="LM7" s="641" t="s">
        <v>62</v>
      </c>
      <c r="LN7" s="592"/>
      <c r="LO7" s="592"/>
      <c r="LP7" s="592"/>
      <c r="LQ7" s="592"/>
      <c r="LR7" s="592"/>
      <c r="LS7" s="642"/>
      <c r="LT7" s="649" t="s">
        <v>52</v>
      </c>
      <c r="LU7" s="591" t="s">
        <v>61</v>
      </c>
      <c r="LV7" s="592"/>
      <c r="LW7" s="593"/>
      <c r="LX7" s="641" t="s">
        <v>62</v>
      </c>
      <c r="LY7" s="592"/>
      <c r="LZ7" s="592"/>
      <c r="MA7" s="592"/>
      <c r="MB7" s="592"/>
      <c r="MC7" s="592"/>
      <c r="MD7" s="642"/>
      <c r="ME7" s="649" t="s">
        <v>52</v>
      </c>
      <c r="MF7" s="583" t="s">
        <v>61</v>
      </c>
      <c r="MG7" s="584"/>
      <c r="MH7" s="585"/>
      <c r="MI7" s="643" t="s">
        <v>62</v>
      </c>
      <c r="MJ7" s="584"/>
      <c r="MK7" s="584"/>
      <c r="ML7" s="584"/>
      <c r="MM7" s="584"/>
      <c r="MN7" s="584"/>
      <c r="MO7" s="644"/>
      <c r="MP7" s="637" t="s">
        <v>52</v>
      </c>
      <c r="MQ7" s="591" t="s">
        <v>61</v>
      </c>
      <c r="MR7" s="592"/>
      <c r="MS7" s="593"/>
      <c r="MT7" s="641" t="s">
        <v>62</v>
      </c>
      <c r="MU7" s="592"/>
      <c r="MV7" s="592"/>
      <c r="MW7" s="592"/>
      <c r="MX7" s="592"/>
      <c r="MY7" s="592"/>
      <c r="MZ7" s="642"/>
      <c r="NA7" s="649" t="s">
        <v>52</v>
      </c>
      <c r="NB7" s="591" t="s">
        <v>61</v>
      </c>
      <c r="NC7" s="592"/>
      <c r="ND7" s="593"/>
      <c r="NE7" s="641" t="s">
        <v>62</v>
      </c>
      <c r="NF7" s="592"/>
      <c r="NG7" s="592"/>
      <c r="NH7" s="592"/>
      <c r="NI7" s="592"/>
      <c r="NJ7" s="592"/>
      <c r="NK7" s="642"/>
      <c r="NL7" s="649" t="s">
        <v>52</v>
      </c>
      <c r="NM7" s="591" t="s">
        <v>61</v>
      </c>
      <c r="NN7" s="592"/>
      <c r="NO7" s="593"/>
      <c r="NP7" s="641" t="s">
        <v>62</v>
      </c>
      <c r="NQ7" s="592"/>
      <c r="NR7" s="592"/>
      <c r="NS7" s="592"/>
      <c r="NT7" s="592"/>
      <c r="NU7" s="592"/>
      <c r="NV7" s="642"/>
      <c r="NW7" s="649" t="s">
        <v>52</v>
      </c>
      <c r="NX7" s="591" t="s">
        <v>61</v>
      </c>
      <c r="NY7" s="592"/>
      <c r="NZ7" s="593"/>
      <c r="OA7" s="641" t="s">
        <v>62</v>
      </c>
      <c r="OB7" s="592"/>
      <c r="OC7" s="592"/>
      <c r="OD7" s="592"/>
      <c r="OE7" s="592"/>
      <c r="OF7" s="592"/>
      <c r="OG7" s="642"/>
      <c r="OH7" s="649" t="s">
        <v>52</v>
      </c>
      <c r="OI7" s="583" t="s">
        <v>61</v>
      </c>
      <c r="OJ7" s="584"/>
      <c r="OK7" s="585"/>
      <c r="OL7" s="643" t="s">
        <v>62</v>
      </c>
      <c r="OM7" s="584"/>
      <c r="ON7" s="584"/>
      <c r="OO7" s="584"/>
      <c r="OP7" s="584"/>
      <c r="OQ7" s="584"/>
      <c r="OR7" s="644"/>
      <c r="OS7" s="637" t="s">
        <v>52</v>
      </c>
    </row>
    <row r="8" spans="1:409" ht="28.5" customHeight="1" thickBot="1" x14ac:dyDescent="0.25">
      <c r="B8" s="710"/>
      <c r="C8" s="325" t="s">
        <v>43</v>
      </c>
      <c r="D8" s="47" t="s">
        <v>44</v>
      </c>
      <c r="E8" s="326" t="s">
        <v>45</v>
      </c>
      <c r="F8" s="52" t="s">
        <v>83</v>
      </c>
      <c r="G8" s="47" t="s">
        <v>47</v>
      </c>
      <c r="H8" s="47" t="s">
        <v>48</v>
      </c>
      <c r="I8" s="47" t="s">
        <v>49</v>
      </c>
      <c r="J8" s="47" t="s">
        <v>50</v>
      </c>
      <c r="K8" s="47" t="s">
        <v>51</v>
      </c>
      <c r="L8" s="48" t="s">
        <v>45</v>
      </c>
      <c r="M8" s="726"/>
      <c r="N8" s="51" t="s">
        <v>43</v>
      </c>
      <c r="O8" s="47" t="s">
        <v>44</v>
      </c>
      <c r="P8" s="48" t="s">
        <v>45</v>
      </c>
      <c r="Q8" s="52" t="s">
        <v>83</v>
      </c>
      <c r="R8" s="47" t="s">
        <v>47</v>
      </c>
      <c r="S8" s="47" t="s">
        <v>48</v>
      </c>
      <c r="T8" s="47" t="s">
        <v>49</v>
      </c>
      <c r="U8" s="47" t="s">
        <v>50</v>
      </c>
      <c r="V8" s="47" t="s">
        <v>51</v>
      </c>
      <c r="W8" s="48" t="s">
        <v>45</v>
      </c>
      <c r="X8" s="703"/>
      <c r="Y8" s="51" t="s">
        <v>43</v>
      </c>
      <c r="Z8" s="47" t="s">
        <v>44</v>
      </c>
      <c r="AA8" s="48" t="s">
        <v>45</v>
      </c>
      <c r="AB8" s="52" t="s">
        <v>83</v>
      </c>
      <c r="AC8" s="47" t="s">
        <v>47</v>
      </c>
      <c r="AD8" s="47" t="s">
        <v>48</v>
      </c>
      <c r="AE8" s="47" t="s">
        <v>49</v>
      </c>
      <c r="AF8" s="47" t="s">
        <v>50</v>
      </c>
      <c r="AG8" s="47" t="s">
        <v>51</v>
      </c>
      <c r="AH8" s="48" t="s">
        <v>45</v>
      </c>
      <c r="AI8" s="679"/>
      <c r="AJ8" s="51" t="s">
        <v>43</v>
      </c>
      <c r="AK8" s="47" t="s">
        <v>44</v>
      </c>
      <c r="AL8" s="326" t="s">
        <v>45</v>
      </c>
      <c r="AM8" s="52" t="s">
        <v>83</v>
      </c>
      <c r="AN8" s="47" t="s">
        <v>47</v>
      </c>
      <c r="AO8" s="47" t="s">
        <v>48</v>
      </c>
      <c r="AP8" s="47" t="s">
        <v>49</v>
      </c>
      <c r="AQ8" s="47" t="s">
        <v>50</v>
      </c>
      <c r="AR8" s="47" t="s">
        <v>51</v>
      </c>
      <c r="AS8" s="48" t="s">
        <v>45</v>
      </c>
      <c r="AT8" s="679"/>
      <c r="AU8" s="51" t="s">
        <v>43</v>
      </c>
      <c r="AV8" s="47" t="s">
        <v>44</v>
      </c>
      <c r="AW8" s="326" t="s">
        <v>45</v>
      </c>
      <c r="AX8" s="52" t="s">
        <v>83</v>
      </c>
      <c r="AY8" s="47" t="s">
        <v>47</v>
      </c>
      <c r="AZ8" s="47" t="s">
        <v>48</v>
      </c>
      <c r="BA8" s="47" t="s">
        <v>49</v>
      </c>
      <c r="BB8" s="47" t="s">
        <v>50</v>
      </c>
      <c r="BC8" s="47" t="s">
        <v>51</v>
      </c>
      <c r="BD8" s="48" t="s">
        <v>45</v>
      </c>
      <c r="BE8" s="679"/>
      <c r="BF8" s="327" t="s">
        <v>43</v>
      </c>
      <c r="BG8" s="47" t="s">
        <v>44</v>
      </c>
      <c r="BH8" s="326" t="s">
        <v>45</v>
      </c>
      <c r="BI8" s="52" t="s">
        <v>83</v>
      </c>
      <c r="BJ8" s="47" t="s">
        <v>47</v>
      </c>
      <c r="BK8" s="47" t="s">
        <v>48</v>
      </c>
      <c r="BL8" s="47" t="s">
        <v>49</v>
      </c>
      <c r="BM8" s="47" t="s">
        <v>50</v>
      </c>
      <c r="BN8" s="47" t="s">
        <v>51</v>
      </c>
      <c r="BO8" s="48" t="s">
        <v>45</v>
      </c>
      <c r="BP8" s="679"/>
      <c r="BQ8" s="51" t="s">
        <v>43</v>
      </c>
      <c r="BR8" s="47" t="s">
        <v>44</v>
      </c>
      <c r="BS8" s="326" t="s">
        <v>45</v>
      </c>
      <c r="BT8" s="52" t="s">
        <v>83</v>
      </c>
      <c r="BU8" s="47" t="s">
        <v>47</v>
      </c>
      <c r="BV8" s="47" t="s">
        <v>48</v>
      </c>
      <c r="BW8" s="47" t="s">
        <v>49</v>
      </c>
      <c r="BX8" s="47" t="s">
        <v>50</v>
      </c>
      <c r="BY8" s="47" t="s">
        <v>51</v>
      </c>
      <c r="BZ8" s="48" t="s">
        <v>45</v>
      </c>
      <c r="CA8" s="679"/>
      <c r="CB8" s="51" t="s">
        <v>43</v>
      </c>
      <c r="CC8" s="47" t="s">
        <v>44</v>
      </c>
      <c r="CD8" s="326" t="s">
        <v>45</v>
      </c>
      <c r="CE8" s="52" t="s">
        <v>83</v>
      </c>
      <c r="CF8" s="47" t="s">
        <v>47</v>
      </c>
      <c r="CG8" s="47" t="s">
        <v>48</v>
      </c>
      <c r="CH8" s="47" t="s">
        <v>49</v>
      </c>
      <c r="CI8" s="47" t="s">
        <v>50</v>
      </c>
      <c r="CJ8" s="47" t="s">
        <v>51</v>
      </c>
      <c r="CK8" s="48" t="s">
        <v>45</v>
      </c>
      <c r="CL8" s="703"/>
      <c r="CM8" s="51" t="s">
        <v>43</v>
      </c>
      <c r="CN8" s="47" t="s">
        <v>44</v>
      </c>
      <c r="CO8" s="48" t="s">
        <v>45</v>
      </c>
      <c r="CP8" s="52" t="s">
        <v>83</v>
      </c>
      <c r="CQ8" s="47" t="s">
        <v>47</v>
      </c>
      <c r="CR8" s="47" t="s">
        <v>48</v>
      </c>
      <c r="CS8" s="47" t="s">
        <v>49</v>
      </c>
      <c r="CT8" s="47" t="s">
        <v>50</v>
      </c>
      <c r="CU8" s="47" t="s">
        <v>51</v>
      </c>
      <c r="CV8" s="48" t="s">
        <v>45</v>
      </c>
      <c r="CW8" s="703"/>
      <c r="CX8" s="51" t="s">
        <v>43</v>
      </c>
      <c r="CY8" s="47" t="s">
        <v>44</v>
      </c>
      <c r="CZ8" s="48" t="s">
        <v>45</v>
      </c>
      <c r="DA8" s="52" t="s">
        <v>83</v>
      </c>
      <c r="DB8" s="47" t="s">
        <v>47</v>
      </c>
      <c r="DC8" s="47" t="s">
        <v>48</v>
      </c>
      <c r="DD8" s="47" t="s">
        <v>49</v>
      </c>
      <c r="DE8" s="47" t="s">
        <v>50</v>
      </c>
      <c r="DF8" s="47" t="s">
        <v>51</v>
      </c>
      <c r="DG8" s="48" t="s">
        <v>45</v>
      </c>
      <c r="DH8" s="703"/>
      <c r="DI8" s="51" t="s">
        <v>43</v>
      </c>
      <c r="DJ8" s="47" t="s">
        <v>44</v>
      </c>
      <c r="DK8" s="48" t="s">
        <v>45</v>
      </c>
      <c r="DL8" s="52" t="s">
        <v>83</v>
      </c>
      <c r="DM8" s="47" t="s">
        <v>47</v>
      </c>
      <c r="DN8" s="47" t="s">
        <v>48</v>
      </c>
      <c r="DO8" s="47" t="s">
        <v>49</v>
      </c>
      <c r="DP8" s="47" t="s">
        <v>50</v>
      </c>
      <c r="DQ8" s="47" t="s">
        <v>51</v>
      </c>
      <c r="DR8" s="48" t="s">
        <v>45</v>
      </c>
      <c r="DS8" s="703"/>
      <c r="DT8" s="51" t="s">
        <v>43</v>
      </c>
      <c r="DU8" s="47" t="s">
        <v>44</v>
      </c>
      <c r="DV8" s="326" t="s">
        <v>45</v>
      </c>
      <c r="DW8" s="52" t="s">
        <v>83</v>
      </c>
      <c r="DX8" s="47" t="s">
        <v>47</v>
      </c>
      <c r="DY8" s="47" t="s">
        <v>48</v>
      </c>
      <c r="DZ8" s="47" t="s">
        <v>49</v>
      </c>
      <c r="EA8" s="47" t="s">
        <v>50</v>
      </c>
      <c r="EB8" s="47" t="s">
        <v>51</v>
      </c>
      <c r="EC8" s="48" t="s">
        <v>45</v>
      </c>
      <c r="ED8" s="679"/>
      <c r="EE8" s="51" t="s">
        <v>43</v>
      </c>
      <c r="EF8" s="47" t="s">
        <v>44</v>
      </c>
      <c r="EG8" s="326" t="s">
        <v>45</v>
      </c>
      <c r="EH8" s="52" t="s">
        <v>83</v>
      </c>
      <c r="EI8" s="47" t="s">
        <v>47</v>
      </c>
      <c r="EJ8" s="47" t="s">
        <v>48</v>
      </c>
      <c r="EK8" s="47" t="s">
        <v>49</v>
      </c>
      <c r="EL8" s="47" t="s">
        <v>50</v>
      </c>
      <c r="EM8" s="47" t="s">
        <v>51</v>
      </c>
      <c r="EN8" s="48" t="s">
        <v>45</v>
      </c>
      <c r="EO8" s="679"/>
      <c r="EP8" s="51" t="s">
        <v>43</v>
      </c>
      <c r="EQ8" s="47" t="s">
        <v>44</v>
      </c>
      <c r="ER8" s="326" t="s">
        <v>45</v>
      </c>
      <c r="ES8" s="52" t="s">
        <v>83</v>
      </c>
      <c r="ET8" s="47" t="s">
        <v>47</v>
      </c>
      <c r="EU8" s="47" t="s">
        <v>48</v>
      </c>
      <c r="EV8" s="47" t="s">
        <v>49</v>
      </c>
      <c r="EW8" s="47" t="s">
        <v>50</v>
      </c>
      <c r="EX8" s="47" t="s">
        <v>51</v>
      </c>
      <c r="EY8" s="48" t="s">
        <v>45</v>
      </c>
      <c r="EZ8" s="679"/>
      <c r="FA8" s="51" t="s">
        <v>43</v>
      </c>
      <c r="FB8" s="47" t="s">
        <v>44</v>
      </c>
      <c r="FC8" s="326" t="s">
        <v>45</v>
      </c>
      <c r="FD8" s="52" t="s">
        <v>83</v>
      </c>
      <c r="FE8" s="47" t="s">
        <v>47</v>
      </c>
      <c r="FF8" s="47" t="s">
        <v>48</v>
      </c>
      <c r="FG8" s="47" t="s">
        <v>49</v>
      </c>
      <c r="FH8" s="47" t="s">
        <v>50</v>
      </c>
      <c r="FI8" s="47" t="s">
        <v>51</v>
      </c>
      <c r="FJ8" s="48" t="s">
        <v>45</v>
      </c>
      <c r="FK8" s="679"/>
      <c r="FL8" s="51" t="s">
        <v>43</v>
      </c>
      <c r="FM8" s="47" t="s">
        <v>44</v>
      </c>
      <c r="FN8" s="326" t="s">
        <v>45</v>
      </c>
      <c r="FO8" s="52" t="s">
        <v>83</v>
      </c>
      <c r="FP8" s="47" t="s">
        <v>47</v>
      </c>
      <c r="FQ8" s="47" t="s">
        <v>48</v>
      </c>
      <c r="FR8" s="47" t="s">
        <v>49</v>
      </c>
      <c r="FS8" s="47" t="s">
        <v>50</v>
      </c>
      <c r="FT8" s="47" t="s">
        <v>51</v>
      </c>
      <c r="FU8" s="48" t="s">
        <v>45</v>
      </c>
      <c r="FV8" s="695"/>
      <c r="FW8" s="51" t="s">
        <v>43</v>
      </c>
      <c r="FX8" s="47" t="s">
        <v>44</v>
      </c>
      <c r="FY8" s="326" t="s">
        <v>45</v>
      </c>
      <c r="FZ8" s="52" t="s">
        <v>83</v>
      </c>
      <c r="GA8" s="47" t="s">
        <v>47</v>
      </c>
      <c r="GB8" s="47" t="s">
        <v>48</v>
      </c>
      <c r="GC8" s="47" t="s">
        <v>49</v>
      </c>
      <c r="GD8" s="47" t="s">
        <v>50</v>
      </c>
      <c r="GE8" s="47" t="s">
        <v>51</v>
      </c>
      <c r="GF8" s="48" t="s">
        <v>45</v>
      </c>
      <c r="GG8" s="679"/>
      <c r="GH8" s="51" t="s">
        <v>43</v>
      </c>
      <c r="GI8" s="47" t="s">
        <v>44</v>
      </c>
      <c r="GJ8" s="326" t="s">
        <v>45</v>
      </c>
      <c r="GK8" s="52" t="s">
        <v>83</v>
      </c>
      <c r="GL8" s="47" t="s">
        <v>47</v>
      </c>
      <c r="GM8" s="47" t="s">
        <v>48</v>
      </c>
      <c r="GN8" s="47" t="s">
        <v>49</v>
      </c>
      <c r="GO8" s="47" t="s">
        <v>50</v>
      </c>
      <c r="GP8" s="47" t="s">
        <v>51</v>
      </c>
      <c r="GQ8" s="48" t="s">
        <v>45</v>
      </c>
      <c r="GR8" s="681"/>
      <c r="GS8" s="51" t="s">
        <v>43</v>
      </c>
      <c r="GT8" s="47" t="s">
        <v>44</v>
      </c>
      <c r="GU8" s="326" t="s">
        <v>45</v>
      </c>
      <c r="GV8" s="52" t="s">
        <v>83</v>
      </c>
      <c r="GW8" s="47" t="s">
        <v>47</v>
      </c>
      <c r="GX8" s="47" t="s">
        <v>48</v>
      </c>
      <c r="GY8" s="47" t="s">
        <v>49</v>
      </c>
      <c r="GZ8" s="47" t="s">
        <v>50</v>
      </c>
      <c r="HA8" s="47" t="s">
        <v>51</v>
      </c>
      <c r="HB8" s="48" t="s">
        <v>45</v>
      </c>
      <c r="HC8" s="681"/>
      <c r="HD8" s="51" t="s">
        <v>43</v>
      </c>
      <c r="HE8" s="47" t="s">
        <v>44</v>
      </c>
      <c r="HF8" s="326" t="s">
        <v>45</v>
      </c>
      <c r="HG8" s="52" t="s">
        <v>83</v>
      </c>
      <c r="HH8" s="47" t="s">
        <v>47</v>
      </c>
      <c r="HI8" s="47" t="s">
        <v>48</v>
      </c>
      <c r="HJ8" s="47" t="s">
        <v>49</v>
      </c>
      <c r="HK8" s="47" t="s">
        <v>50</v>
      </c>
      <c r="HL8" s="47" t="s">
        <v>51</v>
      </c>
      <c r="HM8" s="48" t="s">
        <v>45</v>
      </c>
      <c r="HN8" s="679"/>
      <c r="HO8" s="51" t="s">
        <v>43</v>
      </c>
      <c r="HP8" s="47" t="s">
        <v>44</v>
      </c>
      <c r="HQ8" s="326" t="s">
        <v>45</v>
      </c>
      <c r="HR8" s="52" t="s">
        <v>83</v>
      </c>
      <c r="HS8" s="47" t="s">
        <v>47</v>
      </c>
      <c r="HT8" s="47" t="s">
        <v>48</v>
      </c>
      <c r="HU8" s="47" t="s">
        <v>49</v>
      </c>
      <c r="HV8" s="47" t="s">
        <v>50</v>
      </c>
      <c r="HW8" s="47" t="s">
        <v>51</v>
      </c>
      <c r="HX8" s="48" t="s">
        <v>45</v>
      </c>
      <c r="HY8" s="679"/>
      <c r="HZ8" s="368" t="s">
        <v>43</v>
      </c>
      <c r="IA8" s="369" t="s">
        <v>44</v>
      </c>
      <c r="IB8" s="41" t="s">
        <v>45</v>
      </c>
      <c r="IC8" s="42" t="s">
        <v>83</v>
      </c>
      <c r="ID8" s="369" t="s">
        <v>47</v>
      </c>
      <c r="IE8" s="369" t="s">
        <v>48</v>
      </c>
      <c r="IF8" s="369" t="s">
        <v>49</v>
      </c>
      <c r="IG8" s="369" t="s">
        <v>50</v>
      </c>
      <c r="IH8" s="369" t="s">
        <v>51</v>
      </c>
      <c r="II8" s="17" t="s">
        <v>45</v>
      </c>
      <c r="IJ8" s="648"/>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73" customFormat="1" ht="20.25" customHeight="1" x14ac:dyDescent="0.2">
      <c r="A9" s="44"/>
      <c r="B9" s="467" t="s">
        <v>4</v>
      </c>
      <c r="C9" s="387">
        <v>26188085</v>
      </c>
      <c r="D9" s="388">
        <v>44250722</v>
      </c>
      <c r="E9" s="389">
        <v>70438807</v>
      </c>
      <c r="F9" s="390">
        <v>0</v>
      </c>
      <c r="G9" s="388">
        <v>290443692</v>
      </c>
      <c r="H9" s="388">
        <v>372572103</v>
      </c>
      <c r="I9" s="388">
        <v>327770620</v>
      </c>
      <c r="J9" s="388">
        <v>285936024</v>
      </c>
      <c r="K9" s="388">
        <v>198755999</v>
      </c>
      <c r="L9" s="391">
        <v>1475478438</v>
      </c>
      <c r="M9" s="392">
        <v>1545917245</v>
      </c>
      <c r="N9" s="387">
        <v>7591955</v>
      </c>
      <c r="O9" s="388">
        <v>14567954</v>
      </c>
      <c r="P9" s="393">
        <v>22159909</v>
      </c>
      <c r="Q9" s="387">
        <v>0</v>
      </c>
      <c r="R9" s="388">
        <v>93210917</v>
      </c>
      <c r="S9" s="388">
        <v>127275340</v>
      </c>
      <c r="T9" s="388">
        <v>108688374</v>
      </c>
      <c r="U9" s="388">
        <v>109621904</v>
      </c>
      <c r="V9" s="388">
        <v>100397533</v>
      </c>
      <c r="W9" s="393">
        <v>539194068</v>
      </c>
      <c r="X9" s="392">
        <v>561353977</v>
      </c>
      <c r="Y9" s="387">
        <v>0</v>
      </c>
      <c r="Z9" s="388">
        <v>0</v>
      </c>
      <c r="AA9" s="393">
        <v>0</v>
      </c>
      <c r="AB9" s="394">
        <v>0</v>
      </c>
      <c r="AC9" s="395">
        <v>40132201</v>
      </c>
      <c r="AD9" s="395">
        <v>54564838</v>
      </c>
      <c r="AE9" s="395">
        <v>54683264</v>
      </c>
      <c r="AF9" s="395">
        <v>55506682</v>
      </c>
      <c r="AG9" s="395">
        <v>52997998</v>
      </c>
      <c r="AH9" s="393">
        <v>257884983</v>
      </c>
      <c r="AI9" s="392">
        <v>257884983</v>
      </c>
      <c r="AJ9" s="396">
        <v>0</v>
      </c>
      <c r="AK9" s="395">
        <v>34400</v>
      </c>
      <c r="AL9" s="393">
        <v>34400</v>
      </c>
      <c r="AM9" s="394">
        <v>0</v>
      </c>
      <c r="AN9" s="395">
        <v>192556</v>
      </c>
      <c r="AO9" s="391">
        <v>1441985</v>
      </c>
      <c r="AP9" s="395">
        <v>2563472</v>
      </c>
      <c r="AQ9" s="395">
        <v>7007693</v>
      </c>
      <c r="AR9" s="395">
        <v>12735773</v>
      </c>
      <c r="AS9" s="393">
        <v>23941479</v>
      </c>
      <c r="AT9" s="392">
        <v>23975879</v>
      </c>
      <c r="AU9" s="396">
        <v>4122457</v>
      </c>
      <c r="AV9" s="395">
        <v>10136627</v>
      </c>
      <c r="AW9" s="393">
        <v>14259084</v>
      </c>
      <c r="AX9" s="394">
        <v>0</v>
      </c>
      <c r="AY9" s="395">
        <v>35162397</v>
      </c>
      <c r="AZ9" s="395">
        <v>49330174</v>
      </c>
      <c r="BA9" s="395">
        <v>32787731</v>
      </c>
      <c r="BB9" s="395">
        <v>29059324</v>
      </c>
      <c r="BC9" s="395">
        <v>23344673</v>
      </c>
      <c r="BD9" s="393">
        <v>169684299</v>
      </c>
      <c r="BE9" s="397">
        <v>183943383</v>
      </c>
      <c r="BF9" s="396">
        <v>251988</v>
      </c>
      <c r="BG9" s="391">
        <v>1333423</v>
      </c>
      <c r="BH9" s="398">
        <v>1585411</v>
      </c>
      <c r="BI9" s="394">
        <v>0</v>
      </c>
      <c r="BJ9" s="395">
        <v>2175003</v>
      </c>
      <c r="BK9" s="395">
        <v>4121875</v>
      </c>
      <c r="BL9" s="395">
        <v>1878051</v>
      </c>
      <c r="BM9" s="395">
        <v>2666775</v>
      </c>
      <c r="BN9" s="395">
        <v>900658</v>
      </c>
      <c r="BO9" s="393">
        <v>11742362</v>
      </c>
      <c r="BP9" s="392">
        <v>13327773</v>
      </c>
      <c r="BQ9" s="396">
        <v>3217510</v>
      </c>
      <c r="BR9" s="395">
        <v>3063504</v>
      </c>
      <c r="BS9" s="393">
        <v>6281014</v>
      </c>
      <c r="BT9" s="394">
        <v>0</v>
      </c>
      <c r="BU9" s="395">
        <v>15548760</v>
      </c>
      <c r="BV9" s="395">
        <v>17816468</v>
      </c>
      <c r="BW9" s="395">
        <v>16775856</v>
      </c>
      <c r="BX9" s="395">
        <v>15381430</v>
      </c>
      <c r="BY9" s="395">
        <v>10418431</v>
      </c>
      <c r="BZ9" s="393">
        <v>75940945</v>
      </c>
      <c r="CA9" s="392">
        <v>82221959</v>
      </c>
      <c r="CB9" s="396">
        <v>2747861</v>
      </c>
      <c r="CC9" s="395">
        <v>5767944</v>
      </c>
      <c r="CD9" s="393">
        <v>8515805</v>
      </c>
      <c r="CE9" s="394">
        <v>0</v>
      </c>
      <c r="CF9" s="395">
        <v>86415117</v>
      </c>
      <c r="CG9" s="395">
        <v>107571785</v>
      </c>
      <c r="CH9" s="399">
        <v>74374952</v>
      </c>
      <c r="CI9" s="395">
        <v>39112891</v>
      </c>
      <c r="CJ9" s="395">
        <v>19658826</v>
      </c>
      <c r="CK9" s="393">
        <v>327133571</v>
      </c>
      <c r="CL9" s="392">
        <v>335649376</v>
      </c>
      <c r="CM9" s="387">
        <v>7392</v>
      </c>
      <c r="CN9" s="388">
        <v>0</v>
      </c>
      <c r="CO9" s="393">
        <v>7392</v>
      </c>
      <c r="CP9" s="394">
        <v>0</v>
      </c>
      <c r="CQ9" s="395">
        <v>69130369</v>
      </c>
      <c r="CR9" s="395">
        <v>77881355</v>
      </c>
      <c r="CS9" s="395">
        <v>55163438</v>
      </c>
      <c r="CT9" s="395">
        <v>27238551</v>
      </c>
      <c r="CU9" s="395">
        <v>14870333</v>
      </c>
      <c r="CV9" s="400">
        <v>244284046</v>
      </c>
      <c r="CW9" s="392">
        <v>244291438</v>
      </c>
      <c r="CX9" s="396">
        <v>2740469</v>
      </c>
      <c r="CY9" s="395">
        <v>5767944</v>
      </c>
      <c r="CZ9" s="393">
        <v>8508413</v>
      </c>
      <c r="DA9" s="394">
        <v>0</v>
      </c>
      <c r="DB9" s="395">
        <v>17284748</v>
      </c>
      <c r="DC9" s="395">
        <v>29690430</v>
      </c>
      <c r="DD9" s="395">
        <v>19211514</v>
      </c>
      <c r="DE9" s="395">
        <v>11874340</v>
      </c>
      <c r="DF9" s="395">
        <v>4788493</v>
      </c>
      <c r="DG9" s="393">
        <v>82849525</v>
      </c>
      <c r="DH9" s="392">
        <v>91357938</v>
      </c>
      <c r="DI9" s="396">
        <v>183245</v>
      </c>
      <c r="DJ9" s="395">
        <v>777701</v>
      </c>
      <c r="DK9" s="398">
        <v>960946</v>
      </c>
      <c r="DL9" s="394">
        <v>0</v>
      </c>
      <c r="DM9" s="395">
        <v>8923358</v>
      </c>
      <c r="DN9" s="395">
        <v>14613896</v>
      </c>
      <c r="DO9" s="395">
        <v>29330869</v>
      </c>
      <c r="DP9" s="395">
        <v>24818637</v>
      </c>
      <c r="DQ9" s="395">
        <v>6598628</v>
      </c>
      <c r="DR9" s="401">
        <v>84285388</v>
      </c>
      <c r="DS9" s="392">
        <v>85246334</v>
      </c>
      <c r="DT9" s="396">
        <v>183245</v>
      </c>
      <c r="DU9" s="395">
        <v>682081</v>
      </c>
      <c r="DV9" s="393">
        <v>865326</v>
      </c>
      <c r="DW9" s="394">
        <v>0</v>
      </c>
      <c r="DX9" s="395">
        <v>8004979</v>
      </c>
      <c r="DY9" s="395">
        <v>11880095</v>
      </c>
      <c r="DZ9" s="395">
        <v>24747190</v>
      </c>
      <c r="EA9" s="395">
        <v>22222482</v>
      </c>
      <c r="EB9" s="395">
        <v>5230981</v>
      </c>
      <c r="EC9" s="393">
        <v>72085727</v>
      </c>
      <c r="ED9" s="392">
        <v>72951053</v>
      </c>
      <c r="EE9" s="396">
        <v>0</v>
      </c>
      <c r="EF9" s="391">
        <v>95620</v>
      </c>
      <c r="EG9" s="393">
        <v>95620</v>
      </c>
      <c r="EH9" s="397">
        <v>0</v>
      </c>
      <c r="EI9" s="395">
        <v>918379</v>
      </c>
      <c r="EJ9" s="395">
        <v>2733801</v>
      </c>
      <c r="EK9" s="395">
        <v>4583679</v>
      </c>
      <c r="EL9" s="395">
        <v>2596155</v>
      </c>
      <c r="EM9" s="399">
        <v>1367647</v>
      </c>
      <c r="EN9" s="391">
        <v>12199661</v>
      </c>
      <c r="EO9" s="392">
        <v>12295281</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5922295</v>
      </c>
      <c r="FM9" s="395">
        <v>9656061</v>
      </c>
      <c r="FN9" s="393">
        <v>15578356</v>
      </c>
      <c r="FO9" s="394">
        <v>0</v>
      </c>
      <c r="FP9" s="395">
        <v>15839354</v>
      </c>
      <c r="FQ9" s="395">
        <v>36031050</v>
      </c>
      <c r="FR9" s="395">
        <v>26537664</v>
      </c>
      <c r="FS9" s="395">
        <v>24147089</v>
      </c>
      <c r="FT9" s="395">
        <v>14568512</v>
      </c>
      <c r="FU9" s="393">
        <v>117123669</v>
      </c>
      <c r="FV9" s="392">
        <v>132702025</v>
      </c>
      <c r="FW9" s="396">
        <v>2543128</v>
      </c>
      <c r="FX9" s="395">
        <v>5788140</v>
      </c>
      <c r="FY9" s="391">
        <v>8331268</v>
      </c>
      <c r="FZ9" s="397">
        <v>0</v>
      </c>
      <c r="GA9" s="395">
        <v>10369664</v>
      </c>
      <c r="GB9" s="403">
        <v>32330721</v>
      </c>
      <c r="GC9" s="395">
        <v>23319760</v>
      </c>
      <c r="GD9" s="403">
        <v>22008348</v>
      </c>
      <c r="GE9" s="395">
        <v>13722304</v>
      </c>
      <c r="GF9" s="400">
        <v>101750797</v>
      </c>
      <c r="GG9" s="404">
        <v>110082065</v>
      </c>
      <c r="GH9" s="405">
        <v>292733</v>
      </c>
      <c r="GI9" s="395">
        <v>476992</v>
      </c>
      <c r="GJ9" s="403">
        <v>769725</v>
      </c>
      <c r="GK9" s="390">
        <v>0</v>
      </c>
      <c r="GL9" s="395">
        <v>1027850</v>
      </c>
      <c r="GM9" s="391">
        <v>1081122</v>
      </c>
      <c r="GN9" s="395">
        <v>683020</v>
      </c>
      <c r="GO9" s="391">
        <v>790021</v>
      </c>
      <c r="GP9" s="395">
        <v>285328</v>
      </c>
      <c r="GQ9" s="401">
        <v>3867341</v>
      </c>
      <c r="GR9" s="392">
        <v>4637066</v>
      </c>
      <c r="GS9" s="391">
        <v>3086434</v>
      </c>
      <c r="GT9" s="395">
        <v>3390929</v>
      </c>
      <c r="GU9" s="393">
        <v>6477363</v>
      </c>
      <c r="GV9" s="391">
        <v>0</v>
      </c>
      <c r="GW9" s="395">
        <v>4441840</v>
      </c>
      <c r="GX9" s="391">
        <v>2619207</v>
      </c>
      <c r="GY9" s="395">
        <v>2534884</v>
      </c>
      <c r="GZ9" s="391">
        <v>1348720</v>
      </c>
      <c r="HA9" s="395">
        <v>560880</v>
      </c>
      <c r="HB9" s="391">
        <v>11505531</v>
      </c>
      <c r="HC9" s="392">
        <v>17982894</v>
      </c>
      <c r="HD9" s="391">
        <v>9742729</v>
      </c>
      <c r="HE9" s="395">
        <v>13481062</v>
      </c>
      <c r="HF9" s="391">
        <v>23223791</v>
      </c>
      <c r="HG9" s="397">
        <v>0</v>
      </c>
      <c r="HH9" s="395">
        <v>86054946</v>
      </c>
      <c r="HI9" s="403">
        <v>87080032</v>
      </c>
      <c r="HJ9" s="395">
        <v>88838761</v>
      </c>
      <c r="HK9" s="403">
        <v>88235503</v>
      </c>
      <c r="HL9" s="395">
        <v>57532500</v>
      </c>
      <c r="HM9" s="400">
        <v>407741742</v>
      </c>
      <c r="HN9" s="391">
        <v>430965533</v>
      </c>
      <c r="HO9" s="468"/>
      <c r="HP9" s="469"/>
      <c r="HQ9" s="470"/>
      <c r="HR9" s="471"/>
      <c r="HS9" s="469"/>
      <c r="HT9" s="471"/>
      <c r="HU9" s="469"/>
      <c r="HV9" s="471"/>
      <c r="HW9" s="469"/>
      <c r="HX9" s="471"/>
      <c r="HY9" s="472"/>
      <c r="HZ9" s="406">
        <v>698672</v>
      </c>
      <c r="IA9" s="407">
        <v>982503</v>
      </c>
      <c r="IB9" s="408">
        <v>1681175</v>
      </c>
      <c r="IC9" s="409">
        <v>0</v>
      </c>
      <c r="ID9" s="407">
        <v>78765040</v>
      </c>
      <c r="IE9" s="410">
        <v>93780855</v>
      </c>
      <c r="IF9" s="411">
        <v>101856563</v>
      </c>
      <c r="IG9" s="407">
        <v>81853113</v>
      </c>
      <c r="IH9" s="411">
        <v>48890050</v>
      </c>
      <c r="II9" s="412">
        <v>405145621</v>
      </c>
      <c r="IJ9" s="413">
        <v>406826796</v>
      </c>
      <c r="IK9" s="414">
        <v>0</v>
      </c>
      <c r="IL9" s="415">
        <v>0</v>
      </c>
      <c r="IM9" s="416">
        <v>0</v>
      </c>
      <c r="IN9" s="417"/>
      <c r="IO9" s="418">
        <v>1371392</v>
      </c>
      <c r="IP9" s="418">
        <v>3132565</v>
      </c>
      <c r="IQ9" s="418">
        <v>3189457</v>
      </c>
      <c r="IR9" s="418">
        <v>4908583</v>
      </c>
      <c r="IS9" s="418">
        <v>3642401</v>
      </c>
      <c r="IT9" s="419">
        <v>16244398</v>
      </c>
      <c r="IU9" s="420">
        <v>16244398</v>
      </c>
      <c r="IV9" s="421">
        <v>0</v>
      </c>
      <c r="IW9" s="418">
        <v>0</v>
      </c>
      <c r="IX9" s="422">
        <v>0</v>
      </c>
      <c r="IY9" s="423"/>
      <c r="IZ9" s="418">
        <v>192926</v>
      </c>
      <c r="JA9" s="418">
        <v>497600</v>
      </c>
      <c r="JB9" s="418">
        <v>839043</v>
      </c>
      <c r="JC9" s="418">
        <v>749350</v>
      </c>
      <c r="JD9" s="418">
        <v>1224220</v>
      </c>
      <c r="JE9" s="422">
        <v>3503139</v>
      </c>
      <c r="JF9" s="424">
        <v>3503139</v>
      </c>
      <c r="JG9" s="421">
        <v>0</v>
      </c>
      <c r="JH9" s="418">
        <v>0</v>
      </c>
      <c r="JI9" s="419">
        <v>0</v>
      </c>
      <c r="JJ9" s="425">
        <v>0</v>
      </c>
      <c r="JK9" s="418">
        <v>35103543</v>
      </c>
      <c r="JL9" s="418">
        <v>31451859</v>
      </c>
      <c r="JM9" s="418">
        <v>24118687</v>
      </c>
      <c r="JN9" s="418">
        <v>15101166</v>
      </c>
      <c r="JO9" s="418">
        <v>6779316</v>
      </c>
      <c r="JP9" s="422">
        <v>112554571</v>
      </c>
      <c r="JQ9" s="420">
        <v>112554571</v>
      </c>
      <c r="JR9" s="421">
        <v>18635</v>
      </c>
      <c r="JS9" s="418">
        <v>0</v>
      </c>
      <c r="JT9" s="419">
        <v>18635</v>
      </c>
      <c r="JU9" s="425">
        <v>0</v>
      </c>
      <c r="JV9" s="418">
        <v>5542183</v>
      </c>
      <c r="JW9" s="418">
        <v>7469692</v>
      </c>
      <c r="JX9" s="418">
        <v>8820269</v>
      </c>
      <c r="JY9" s="418">
        <v>3204350</v>
      </c>
      <c r="JZ9" s="418">
        <v>2755591</v>
      </c>
      <c r="KA9" s="422">
        <v>27792085</v>
      </c>
      <c r="KB9" s="420">
        <v>27810720</v>
      </c>
      <c r="KC9" s="426">
        <v>680037</v>
      </c>
      <c r="KD9" s="427">
        <v>982503</v>
      </c>
      <c r="KE9" s="422">
        <v>1662540</v>
      </c>
      <c r="KF9" s="425">
        <v>0</v>
      </c>
      <c r="KG9" s="418">
        <v>9977857</v>
      </c>
      <c r="KH9" s="418">
        <v>12163270</v>
      </c>
      <c r="KI9" s="418">
        <v>15100221</v>
      </c>
      <c r="KJ9" s="418">
        <v>12605993</v>
      </c>
      <c r="KK9" s="418">
        <v>5041450</v>
      </c>
      <c r="KL9" s="422">
        <v>54888791</v>
      </c>
      <c r="KM9" s="428">
        <v>56551331</v>
      </c>
      <c r="KN9" s="414">
        <v>0</v>
      </c>
      <c r="KO9" s="415">
        <v>0</v>
      </c>
      <c r="KP9" s="416">
        <v>0</v>
      </c>
      <c r="KQ9" s="417"/>
      <c r="KR9" s="418">
        <v>23803860</v>
      </c>
      <c r="KS9" s="418">
        <v>35617082</v>
      </c>
      <c r="KT9" s="418">
        <v>37798288</v>
      </c>
      <c r="KU9" s="418">
        <v>31495421</v>
      </c>
      <c r="KV9" s="418">
        <v>15193629</v>
      </c>
      <c r="KW9" s="422">
        <v>143908280</v>
      </c>
      <c r="KX9" s="420">
        <v>143908280</v>
      </c>
      <c r="KY9" s="421">
        <v>0</v>
      </c>
      <c r="KZ9" s="418">
        <v>0</v>
      </c>
      <c r="LA9" s="422">
        <v>0</v>
      </c>
      <c r="LB9" s="429"/>
      <c r="LC9" s="418">
        <v>317079</v>
      </c>
      <c r="LD9" s="418">
        <v>888353</v>
      </c>
      <c r="LE9" s="418">
        <v>779611</v>
      </c>
      <c r="LF9" s="418">
        <v>1853537</v>
      </c>
      <c r="LG9" s="418">
        <v>934028</v>
      </c>
      <c r="LH9" s="422">
        <v>4772608</v>
      </c>
      <c r="LI9" s="424">
        <v>4772608</v>
      </c>
      <c r="LJ9" s="421">
        <v>0</v>
      </c>
      <c r="LK9" s="418">
        <v>0</v>
      </c>
      <c r="LL9" s="422">
        <v>0</v>
      </c>
      <c r="LM9" s="429"/>
      <c r="LN9" s="418">
        <v>0</v>
      </c>
      <c r="LO9" s="418">
        <v>448420</v>
      </c>
      <c r="LP9" s="418">
        <v>4528016</v>
      </c>
      <c r="LQ9" s="418">
        <v>3650095</v>
      </c>
      <c r="LR9" s="418">
        <v>2444869</v>
      </c>
      <c r="LS9" s="422">
        <v>11071400</v>
      </c>
      <c r="LT9" s="420">
        <v>11071400</v>
      </c>
      <c r="LU9" s="421">
        <v>0</v>
      </c>
      <c r="LV9" s="418">
        <v>0</v>
      </c>
      <c r="LW9" s="422">
        <v>0</v>
      </c>
      <c r="LX9" s="429"/>
      <c r="LY9" s="418">
        <v>2456200</v>
      </c>
      <c r="LZ9" s="418">
        <v>2112014</v>
      </c>
      <c r="MA9" s="418">
        <v>6682971</v>
      </c>
      <c r="MB9" s="418">
        <v>8284618</v>
      </c>
      <c r="MC9" s="418">
        <v>10874546</v>
      </c>
      <c r="MD9" s="422">
        <v>30410349</v>
      </c>
      <c r="ME9" s="424">
        <v>30410349</v>
      </c>
      <c r="MF9" s="421">
        <v>0</v>
      </c>
      <c r="MG9" s="418">
        <v>0</v>
      </c>
      <c r="MH9" s="422">
        <v>0</v>
      </c>
      <c r="MI9" s="429"/>
      <c r="MJ9" s="418">
        <v>22783437</v>
      </c>
      <c r="MK9" s="418">
        <v>63282419</v>
      </c>
      <c r="ML9" s="418">
        <v>182353583</v>
      </c>
      <c r="MM9" s="418">
        <v>261520592</v>
      </c>
      <c r="MN9" s="418">
        <v>166854619</v>
      </c>
      <c r="MO9" s="422">
        <v>696794650</v>
      </c>
      <c r="MP9" s="428">
        <v>696794650</v>
      </c>
      <c r="MQ9" s="421">
        <v>0</v>
      </c>
      <c r="MR9" s="418">
        <v>0</v>
      </c>
      <c r="MS9" s="422">
        <v>0</v>
      </c>
      <c r="MT9" s="429"/>
      <c r="MU9" s="418">
        <v>3010906</v>
      </c>
      <c r="MV9" s="418">
        <v>12009645</v>
      </c>
      <c r="MW9" s="418">
        <v>107425079</v>
      </c>
      <c r="MX9" s="418">
        <v>163048802</v>
      </c>
      <c r="MY9" s="418">
        <v>100734425</v>
      </c>
      <c r="MZ9" s="422">
        <v>386228857</v>
      </c>
      <c r="NA9" s="428">
        <v>386228857</v>
      </c>
      <c r="NB9" s="421">
        <v>0</v>
      </c>
      <c r="NC9" s="418">
        <v>0</v>
      </c>
      <c r="ND9" s="422">
        <v>0</v>
      </c>
      <c r="NE9" s="429"/>
      <c r="NF9" s="418">
        <v>19772531</v>
      </c>
      <c r="NG9" s="418">
        <v>51049268</v>
      </c>
      <c r="NH9" s="418">
        <v>73588171</v>
      </c>
      <c r="NI9" s="418">
        <v>89925676</v>
      </c>
      <c r="NJ9" s="418">
        <v>52821583</v>
      </c>
      <c r="NK9" s="422">
        <v>287157229</v>
      </c>
      <c r="NL9" s="420">
        <v>287157229</v>
      </c>
      <c r="NM9" s="421">
        <v>0</v>
      </c>
      <c r="NN9" s="418">
        <v>0</v>
      </c>
      <c r="NO9" s="422">
        <v>0</v>
      </c>
      <c r="NP9" s="429"/>
      <c r="NQ9" s="418">
        <v>0</v>
      </c>
      <c r="NR9" s="418">
        <v>0</v>
      </c>
      <c r="NS9" s="418">
        <v>957689</v>
      </c>
      <c r="NT9" s="418">
        <v>3195604</v>
      </c>
      <c r="NU9" s="418">
        <v>4696972</v>
      </c>
      <c r="NV9" s="422">
        <v>8850265</v>
      </c>
      <c r="NW9" s="424">
        <v>8850265</v>
      </c>
      <c r="NX9" s="421">
        <v>0</v>
      </c>
      <c r="NY9" s="418">
        <v>0</v>
      </c>
      <c r="NZ9" s="422">
        <v>0</v>
      </c>
      <c r="OA9" s="429"/>
      <c r="OB9" s="418">
        <v>0</v>
      </c>
      <c r="OC9" s="418">
        <v>223506</v>
      </c>
      <c r="OD9" s="418">
        <v>382644</v>
      </c>
      <c r="OE9" s="418">
        <v>5350510</v>
      </c>
      <c r="OF9" s="418">
        <v>8601639</v>
      </c>
      <c r="OG9" s="422">
        <v>14558299</v>
      </c>
      <c r="OH9" s="424">
        <v>14558299</v>
      </c>
      <c r="OI9" s="421">
        <v>26886757</v>
      </c>
      <c r="OJ9" s="418">
        <v>45233225</v>
      </c>
      <c r="OK9" s="419">
        <v>72119982</v>
      </c>
      <c r="OL9" s="425">
        <v>0</v>
      </c>
      <c r="OM9" s="418">
        <v>391992169</v>
      </c>
      <c r="ON9" s="418">
        <v>529635377</v>
      </c>
      <c r="OO9" s="418">
        <v>611980766</v>
      </c>
      <c r="OP9" s="418">
        <v>629309729</v>
      </c>
      <c r="OQ9" s="418">
        <v>414500668</v>
      </c>
      <c r="OR9" s="422">
        <v>2577418709</v>
      </c>
      <c r="OS9" s="428">
        <v>2649538691</v>
      </c>
    </row>
    <row r="10" spans="1:409" s="473" customFormat="1" ht="20.25" customHeight="1" x14ac:dyDescent="0.2">
      <c r="A10" s="44"/>
      <c r="B10" s="474" t="s">
        <v>5</v>
      </c>
      <c r="C10" s="432">
        <v>11689374</v>
      </c>
      <c r="D10" s="433">
        <v>22821766</v>
      </c>
      <c r="E10" s="434">
        <v>34511140</v>
      </c>
      <c r="F10" s="435">
        <v>0</v>
      </c>
      <c r="G10" s="433">
        <v>109103200</v>
      </c>
      <c r="H10" s="433">
        <v>173991946</v>
      </c>
      <c r="I10" s="433">
        <v>149227290</v>
      </c>
      <c r="J10" s="433">
        <v>124966937</v>
      </c>
      <c r="K10" s="433">
        <v>91666446</v>
      </c>
      <c r="L10" s="435">
        <v>648955819</v>
      </c>
      <c r="M10" s="436">
        <v>683466959</v>
      </c>
      <c r="N10" s="432">
        <v>3578271</v>
      </c>
      <c r="O10" s="433">
        <v>8249271</v>
      </c>
      <c r="P10" s="434">
        <v>11827542</v>
      </c>
      <c r="Q10" s="432">
        <v>0</v>
      </c>
      <c r="R10" s="433">
        <v>36380995</v>
      </c>
      <c r="S10" s="433">
        <v>63281731</v>
      </c>
      <c r="T10" s="433">
        <v>48966993</v>
      </c>
      <c r="U10" s="433">
        <v>47607476</v>
      </c>
      <c r="V10" s="433">
        <v>47020082</v>
      </c>
      <c r="W10" s="434">
        <v>243257277</v>
      </c>
      <c r="X10" s="436">
        <v>255084819</v>
      </c>
      <c r="Y10" s="432">
        <v>0</v>
      </c>
      <c r="Z10" s="433">
        <v>0</v>
      </c>
      <c r="AA10" s="434">
        <v>0</v>
      </c>
      <c r="AB10" s="432">
        <v>0</v>
      </c>
      <c r="AC10" s="433">
        <v>16344358</v>
      </c>
      <c r="AD10" s="433">
        <v>24884806</v>
      </c>
      <c r="AE10" s="433">
        <v>22514534</v>
      </c>
      <c r="AF10" s="433">
        <v>21976825</v>
      </c>
      <c r="AG10" s="433">
        <v>24133175</v>
      </c>
      <c r="AH10" s="434">
        <v>109853698</v>
      </c>
      <c r="AI10" s="436">
        <v>109853698</v>
      </c>
      <c r="AJ10" s="432">
        <v>0</v>
      </c>
      <c r="AK10" s="433">
        <v>34400</v>
      </c>
      <c r="AL10" s="434">
        <v>34400</v>
      </c>
      <c r="AM10" s="432">
        <v>0</v>
      </c>
      <c r="AN10" s="433">
        <v>46908</v>
      </c>
      <c r="AO10" s="433">
        <v>715224</v>
      </c>
      <c r="AP10" s="433">
        <v>897363</v>
      </c>
      <c r="AQ10" s="433">
        <v>2712131</v>
      </c>
      <c r="AR10" s="433">
        <v>6348484</v>
      </c>
      <c r="AS10" s="434">
        <v>10720110</v>
      </c>
      <c r="AT10" s="436">
        <v>10754510</v>
      </c>
      <c r="AU10" s="432">
        <v>2071505</v>
      </c>
      <c r="AV10" s="433">
        <v>5773035</v>
      </c>
      <c r="AW10" s="434">
        <v>7844540</v>
      </c>
      <c r="AX10" s="432">
        <v>0</v>
      </c>
      <c r="AY10" s="433">
        <v>13652472</v>
      </c>
      <c r="AZ10" s="433">
        <v>27552674</v>
      </c>
      <c r="BA10" s="433">
        <v>17231172</v>
      </c>
      <c r="BB10" s="433">
        <v>15332019</v>
      </c>
      <c r="BC10" s="433">
        <v>11697659</v>
      </c>
      <c r="BD10" s="434">
        <v>85465996</v>
      </c>
      <c r="BE10" s="436">
        <v>93310536</v>
      </c>
      <c r="BF10" s="432">
        <v>118822</v>
      </c>
      <c r="BG10" s="433">
        <v>891116</v>
      </c>
      <c r="BH10" s="437">
        <v>1009938</v>
      </c>
      <c r="BI10" s="438">
        <v>0</v>
      </c>
      <c r="BJ10" s="433">
        <v>383209</v>
      </c>
      <c r="BK10" s="433">
        <v>1764379</v>
      </c>
      <c r="BL10" s="433">
        <v>818860</v>
      </c>
      <c r="BM10" s="433">
        <v>1014537</v>
      </c>
      <c r="BN10" s="433">
        <v>323380</v>
      </c>
      <c r="BO10" s="434">
        <v>4304365</v>
      </c>
      <c r="BP10" s="436">
        <v>5314303</v>
      </c>
      <c r="BQ10" s="432">
        <v>1387944</v>
      </c>
      <c r="BR10" s="433">
        <v>1550720</v>
      </c>
      <c r="BS10" s="434">
        <v>2938664</v>
      </c>
      <c r="BT10" s="432">
        <v>0</v>
      </c>
      <c r="BU10" s="433">
        <v>5954048</v>
      </c>
      <c r="BV10" s="433">
        <v>8364648</v>
      </c>
      <c r="BW10" s="433">
        <v>7505064</v>
      </c>
      <c r="BX10" s="433">
        <v>6571964</v>
      </c>
      <c r="BY10" s="433">
        <v>4517384</v>
      </c>
      <c r="BZ10" s="434">
        <v>32913108</v>
      </c>
      <c r="CA10" s="436">
        <v>35851772</v>
      </c>
      <c r="CB10" s="432">
        <v>1186895</v>
      </c>
      <c r="CC10" s="433">
        <v>2956390</v>
      </c>
      <c r="CD10" s="434">
        <v>4143285</v>
      </c>
      <c r="CE10" s="432">
        <v>0</v>
      </c>
      <c r="CF10" s="433">
        <v>31351049</v>
      </c>
      <c r="CG10" s="433">
        <v>47151978</v>
      </c>
      <c r="CH10" s="433">
        <v>30386768</v>
      </c>
      <c r="CI10" s="433">
        <v>16255242</v>
      </c>
      <c r="CJ10" s="433">
        <v>7109200</v>
      </c>
      <c r="CK10" s="434">
        <v>132254237</v>
      </c>
      <c r="CL10" s="436">
        <v>136397522</v>
      </c>
      <c r="CM10" s="432">
        <v>7392</v>
      </c>
      <c r="CN10" s="433">
        <v>0</v>
      </c>
      <c r="CO10" s="434">
        <v>7392</v>
      </c>
      <c r="CP10" s="438">
        <v>0</v>
      </c>
      <c r="CQ10" s="433">
        <v>25628300</v>
      </c>
      <c r="CR10" s="433">
        <v>33872411</v>
      </c>
      <c r="CS10" s="433">
        <v>21449848</v>
      </c>
      <c r="CT10" s="433">
        <v>10731217</v>
      </c>
      <c r="CU10" s="433">
        <v>5204109</v>
      </c>
      <c r="CV10" s="434">
        <v>96885885</v>
      </c>
      <c r="CW10" s="436">
        <v>96893277</v>
      </c>
      <c r="CX10" s="432">
        <v>1179503</v>
      </c>
      <c r="CY10" s="433">
        <v>2956390</v>
      </c>
      <c r="CZ10" s="434">
        <v>4135893</v>
      </c>
      <c r="DA10" s="432">
        <v>0</v>
      </c>
      <c r="DB10" s="433">
        <v>5722749</v>
      </c>
      <c r="DC10" s="433">
        <v>13279567</v>
      </c>
      <c r="DD10" s="433">
        <v>8936920</v>
      </c>
      <c r="DE10" s="433">
        <v>5524025</v>
      </c>
      <c r="DF10" s="433">
        <v>1905091</v>
      </c>
      <c r="DG10" s="434">
        <v>35368352</v>
      </c>
      <c r="DH10" s="436">
        <v>39504245</v>
      </c>
      <c r="DI10" s="432">
        <v>82067</v>
      </c>
      <c r="DJ10" s="433">
        <v>615776</v>
      </c>
      <c r="DK10" s="437">
        <v>697843</v>
      </c>
      <c r="DL10" s="438">
        <v>0</v>
      </c>
      <c r="DM10" s="433">
        <v>3876022</v>
      </c>
      <c r="DN10" s="433">
        <v>7106830</v>
      </c>
      <c r="DO10" s="433">
        <v>16013239</v>
      </c>
      <c r="DP10" s="433">
        <v>11277728</v>
      </c>
      <c r="DQ10" s="433">
        <v>3142941</v>
      </c>
      <c r="DR10" s="434">
        <v>41416760</v>
      </c>
      <c r="DS10" s="436">
        <v>42114603</v>
      </c>
      <c r="DT10" s="432">
        <v>82067</v>
      </c>
      <c r="DU10" s="433">
        <v>551980</v>
      </c>
      <c r="DV10" s="434">
        <v>634047</v>
      </c>
      <c r="DW10" s="432">
        <v>0</v>
      </c>
      <c r="DX10" s="433">
        <v>3241912</v>
      </c>
      <c r="DY10" s="433">
        <v>5080849</v>
      </c>
      <c r="DZ10" s="433">
        <v>12416851</v>
      </c>
      <c r="EA10" s="433">
        <v>9792439</v>
      </c>
      <c r="EB10" s="433">
        <v>2099055</v>
      </c>
      <c r="EC10" s="434">
        <v>32631106</v>
      </c>
      <c r="ED10" s="436">
        <v>33265153</v>
      </c>
      <c r="EE10" s="432">
        <v>0</v>
      </c>
      <c r="EF10" s="437">
        <v>63796</v>
      </c>
      <c r="EG10" s="434">
        <v>63796</v>
      </c>
      <c r="EH10" s="432">
        <v>0</v>
      </c>
      <c r="EI10" s="433">
        <v>634110</v>
      </c>
      <c r="EJ10" s="433">
        <v>2025981</v>
      </c>
      <c r="EK10" s="433">
        <v>3596388</v>
      </c>
      <c r="EL10" s="433">
        <v>1485289</v>
      </c>
      <c r="EM10" s="433">
        <v>1043886</v>
      </c>
      <c r="EN10" s="437">
        <v>8785654</v>
      </c>
      <c r="EO10" s="436">
        <v>8849450</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2703793</v>
      </c>
      <c r="FM10" s="433">
        <v>5024477</v>
      </c>
      <c r="FN10" s="434">
        <v>7728270</v>
      </c>
      <c r="FO10" s="432">
        <v>0</v>
      </c>
      <c r="FP10" s="433">
        <v>5254872</v>
      </c>
      <c r="FQ10" s="433">
        <v>15343359</v>
      </c>
      <c r="FR10" s="433">
        <v>11363796</v>
      </c>
      <c r="FS10" s="433">
        <v>9855893</v>
      </c>
      <c r="FT10" s="433">
        <v>6929768</v>
      </c>
      <c r="FU10" s="434">
        <v>48747688</v>
      </c>
      <c r="FV10" s="436">
        <v>56475958</v>
      </c>
      <c r="FW10" s="440">
        <v>964944</v>
      </c>
      <c r="FX10" s="433">
        <v>2595168</v>
      </c>
      <c r="FY10" s="437">
        <v>3560112</v>
      </c>
      <c r="FZ10" s="438">
        <v>0</v>
      </c>
      <c r="GA10" s="433">
        <v>3060232</v>
      </c>
      <c r="GB10" s="433">
        <v>14116990</v>
      </c>
      <c r="GC10" s="433">
        <v>10169424</v>
      </c>
      <c r="GD10" s="433">
        <v>9205368</v>
      </c>
      <c r="GE10" s="433">
        <v>6375480</v>
      </c>
      <c r="GF10" s="434">
        <v>42927494</v>
      </c>
      <c r="GG10" s="441">
        <v>46487606</v>
      </c>
      <c r="GH10" s="440">
        <v>134917</v>
      </c>
      <c r="GI10" s="433">
        <v>219976</v>
      </c>
      <c r="GJ10" s="437">
        <v>354893</v>
      </c>
      <c r="GK10" s="438">
        <v>0</v>
      </c>
      <c r="GL10" s="433">
        <v>350192</v>
      </c>
      <c r="GM10" s="433">
        <v>380210</v>
      </c>
      <c r="GN10" s="433">
        <v>188052</v>
      </c>
      <c r="GO10" s="433">
        <v>259085</v>
      </c>
      <c r="GP10" s="433">
        <v>156608</v>
      </c>
      <c r="GQ10" s="434">
        <v>1334147</v>
      </c>
      <c r="GR10" s="436">
        <v>1689040</v>
      </c>
      <c r="GS10" s="432">
        <v>1603932</v>
      </c>
      <c r="GT10" s="433">
        <v>2209333</v>
      </c>
      <c r="GU10" s="434">
        <v>3813265</v>
      </c>
      <c r="GV10" s="432">
        <v>0</v>
      </c>
      <c r="GW10" s="433">
        <v>1844448</v>
      </c>
      <c r="GX10" s="433">
        <v>846159</v>
      </c>
      <c r="GY10" s="433">
        <v>1006320</v>
      </c>
      <c r="GZ10" s="433">
        <v>391440</v>
      </c>
      <c r="HA10" s="433">
        <v>397680</v>
      </c>
      <c r="HB10" s="437">
        <v>4486047</v>
      </c>
      <c r="HC10" s="436">
        <v>8299312</v>
      </c>
      <c r="HD10" s="432">
        <v>4138348</v>
      </c>
      <c r="HE10" s="433">
        <v>5975852</v>
      </c>
      <c r="HF10" s="437">
        <v>10114200</v>
      </c>
      <c r="HG10" s="438">
        <v>0</v>
      </c>
      <c r="HH10" s="433">
        <v>32240262</v>
      </c>
      <c r="HI10" s="433">
        <v>41108048</v>
      </c>
      <c r="HJ10" s="433">
        <v>42496494</v>
      </c>
      <c r="HK10" s="433">
        <v>39970598</v>
      </c>
      <c r="HL10" s="433">
        <v>27464455</v>
      </c>
      <c r="HM10" s="434">
        <v>183279857</v>
      </c>
      <c r="HN10" s="435">
        <v>193394057</v>
      </c>
      <c r="HO10" s="475"/>
      <c r="HP10" s="476"/>
      <c r="HQ10" s="477"/>
      <c r="HR10" s="478"/>
      <c r="HS10" s="476"/>
      <c r="HT10" s="476"/>
      <c r="HU10" s="476"/>
      <c r="HV10" s="476"/>
      <c r="HW10" s="476"/>
      <c r="HX10" s="479"/>
      <c r="HY10" s="480"/>
      <c r="HZ10" s="442">
        <v>157845</v>
      </c>
      <c r="IA10" s="443">
        <v>614514</v>
      </c>
      <c r="IB10" s="444">
        <v>772359</v>
      </c>
      <c r="IC10" s="445">
        <v>0</v>
      </c>
      <c r="ID10" s="446">
        <v>31484946</v>
      </c>
      <c r="IE10" s="447">
        <v>43332084</v>
      </c>
      <c r="IF10" s="448">
        <v>43182373</v>
      </c>
      <c r="IG10" s="446">
        <v>31877784</v>
      </c>
      <c r="IH10" s="448">
        <v>21491222</v>
      </c>
      <c r="II10" s="449">
        <v>171368409</v>
      </c>
      <c r="IJ10" s="450">
        <v>172140768</v>
      </c>
      <c r="IK10" s="451">
        <v>0</v>
      </c>
      <c r="IL10" s="452">
        <v>0</v>
      </c>
      <c r="IM10" s="453">
        <v>0</v>
      </c>
      <c r="IN10" s="454"/>
      <c r="IO10" s="455">
        <v>393796</v>
      </c>
      <c r="IP10" s="455">
        <v>1650613</v>
      </c>
      <c r="IQ10" s="455">
        <v>1288028</v>
      </c>
      <c r="IR10" s="455">
        <v>1678624</v>
      </c>
      <c r="IS10" s="455">
        <v>2214805</v>
      </c>
      <c r="IT10" s="456">
        <v>7225866</v>
      </c>
      <c r="IU10" s="457">
        <v>7225866</v>
      </c>
      <c r="IV10" s="458">
        <v>0</v>
      </c>
      <c r="IW10" s="455">
        <v>0</v>
      </c>
      <c r="IX10" s="459">
        <v>0</v>
      </c>
      <c r="IY10" s="460"/>
      <c r="IZ10" s="455">
        <v>130696</v>
      </c>
      <c r="JA10" s="455">
        <v>411823</v>
      </c>
      <c r="JB10" s="455">
        <v>630669</v>
      </c>
      <c r="JC10" s="455">
        <v>619183</v>
      </c>
      <c r="JD10" s="455">
        <v>1088328</v>
      </c>
      <c r="JE10" s="459">
        <v>2880699</v>
      </c>
      <c r="JF10" s="461">
        <v>2880699</v>
      </c>
      <c r="JG10" s="458">
        <v>0</v>
      </c>
      <c r="JH10" s="455">
        <v>0</v>
      </c>
      <c r="JI10" s="456">
        <v>0</v>
      </c>
      <c r="JJ10" s="462">
        <v>0</v>
      </c>
      <c r="JK10" s="455">
        <v>15355252</v>
      </c>
      <c r="JL10" s="455">
        <v>15583949</v>
      </c>
      <c r="JM10" s="455">
        <v>12011791</v>
      </c>
      <c r="JN10" s="455">
        <v>7545020</v>
      </c>
      <c r="JO10" s="455">
        <v>3421986</v>
      </c>
      <c r="JP10" s="459">
        <v>53917998</v>
      </c>
      <c r="JQ10" s="457">
        <v>53917998</v>
      </c>
      <c r="JR10" s="458">
        <v>18635</v>
      </c>
      <c r="JS10" s="455">
        <v>0</v>
      </c>
      <c r="JT10" s="456">
        <v>18635</v>
      </c>
      <c r="JU10" s="462">
        <v>0</v>
      </c>
      <c r="JV10" s="455">
        <v>2456530</v>
      </c>
      <c r="JW10" s="455">
        <v>4361548</v>
      </c>
      <c r="JX10" s="455">
        <v>5422416</v>
      </c>
      <c r="JY10" s="455">
        <v>2142746</v>
      </c>
      <c r="JZ10" s="455">
        <v>1614084</v>
      </c>
      <c r="KA10" s="459">
        <v>15997324</v>
      </c>
      <c r="KB10" s="457">
        <v>16015959</v>
      </c>
      <c r="KC10" s="463">
        <v>139210</v>
      </c>
      <c r="KD10" s="464">
        <v>614514</v>
      </c>
      <c r="KE10" s="459">
        <v>753724</v>
      </c>
      <c r="KF10" s="462">
        <v>0</v>
      </c>
      <c r="KG10" s="455">
        <v>3671447</v>
      </c>
      <c r="KH10" s="455">
        <v>5379901</v>
      </c>
      <c r="KI10" s="455">
        <v>6137221</v>
      </c>
      <c r="KJ10" s="455">
        <v>4190902</v>
      </c>
      <c r="KK10" s="455">
        <v>2156097</v>
      </c>
      <c r="KL10" s="459">
        <v>21535568</v>
      </c>
      <c r="KM10" s="465">
        <v>22289292</v>
      </c>
      <c r="KN10" s="451">
        <v>0</v>
      </c>
      <c r="KO10" s="452">
        <v>0</v>
      </c>
      <c r="KP10" s="453">
        <v>0</v>
      </c>
      <c r="KQ10" s="454"/>
      <c r="KR10" s="455">
        <v>8832305</v>
      </c>
      <c r="KS10" s="455">
        <v>15093810</v>
      </c>
      <c r="KT10" s="455">
        <v>14504706</v>
      </c>
      <c r="KU10" s="455">
        <v>12439410</v>
      </c>
      <c r="KV10" s="455">
        <v>4232884</v>
      </c>
      <c r="KW10" s="459">
        <v>55103115</v>
      </c>
      <c r="KX10" s="457">
        <v>55103115</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238464</v>
      </c>
      <c r="LP10" s="455">
        <v>1303882</v>
      </c>
      <c r="LQ10" s="455">
        <v>842899</v>
      </c>
      <c r="LR10" s="455">
        <v>298427</v>
      </c>
      <c r="LS10" s="459">
        <v>2683672</v>
      </c>
      <c r="LT10" s="457">
        <v>2683672</v>
      </c>
      <c r="LU10" s="458">
        <v>0</v>
      </c>
      <c r="LV10" s="455">
        <v>0</v>
      </c>
      <c r="LW10" s="459">
        <v>0</v>
      </c>
      <c r="LX10" s="466"/>
      <c r="LY10" s="455">
        <v>644920</v>
      </c>
      <c r="LZ10" s="455">
        <v>611976</v>
      </c>
      <c r="MA10" s="455">
        <v>1883660</v>
      </c>
      <c r="MB10" s="455">
        <v>2419000</v>
      </c>
      <c r="MC10" s="455">
        <v>6464611</v>
      </c>
      <c r="MD10" s="459">
        <v>12024167</v>
      </c>
      <c r="ME10" s="461">
        <v>12024167</v>
      </c>
      <c r="MF10" s="458">
        <v>0</v>
      </c>
      <c r="MG10" s="455">
        <v>0</v>
      </c>
      <c r="MH10" s="459">
        <v>0</v>
      </c>
      <c r="MI10" s="466"/>
      <c r="MJ10" s="455">
        <v>10124370</v>
      </c>
      <c r="MK10" s="455">
        <v>35754192</v>
      </c>
      <c r="ML10" s="455">
        <v>93234019</v>
      </c>
      <c r="MM10" s="455">
        <v>120668538</v>
      </c>
      <c r="MN10" s="455">
        <v>82668879</v>
      </c>
      <c r="MO10" s="459">
        <v>342449998</v>
      </c>
      <c r="MP10" s="465">
        <v>342449998</v>
      </c>
      <c r="MQ10" s="458">
        <v>0</v>
      </c>
      <c r="MR10" s="455">
        <v>0</v>
      </c>
      <c r="MS10" s="459">
        <v>0</v>
      </c>
      <c r="MT10" s="466"/>
      <c r="MU10" s="455">
        <v>1729704</v>
      </c>
      <c r="MV10" s="455">
        <v>8851182</v>
      </c>
      <c r="MW10" s="455">
        <v>56823446</v>
      </c>
      <c r="MX10" s="455">
        <v>71848353</v>
      </c>
      <c r="MY10" s="455">
        <v>49270356</v>
      </c>
      <c r="MZ10" s="459">
        <v>188523041</v>
      </c>
      <c r="NA10" s="465">
        <v>188523041</v>
      </c>
      <c r="NB10" s="458">
        <v>0</v>
      </c>
      <c r="NC10" s="455">
        <v>0</v>
      </c>
      <c r="ND10" s="459">
        <v>0</v>
      </c>
      <c r="NE10" s="466"/>
      <c r="NF10" s="455">
        <v>8394666</v>
      </c>
      <c r="NG10" s="455">
        <v>26903010</v>
      </c>
      <c r="NH10" s="455">
        <v>36027929</v>
      </c>
      <c r="NI10" s="455">
        <v>46421054</v>
      </c>
      <c r="NJ10" s="455">
        <v>28739399</v>
      </c>
      <c r="NK10" s="459">
        <v>146486058</v>
      </c>
      <c r="NL10" s="457">
        <v>146486058</v>
      </c>
      <c r="NM10" s="458">
        <v>0</v>
      </c>
      <c r="NN10" s="455">
        <v>0</v>
      </c>
      <c r="NO10" s="459">
        <v>0</v>
      </c>
      <c r="NP10" s="466"/>
      <c r="NQ10" s="455">
        <v>0</v>
      </c>
      <c r="NR10" s="455">
        <v>0</v>
      </c>
      <c r="NS10" s="455">
        <v>0</v>
      </c>
      <c r="NT10" s="455">
        <v>976038</v>
      </c>
      <c r="NU10" s="455">
        <v>1690066</v>
      </c>
      <c r="NV10" s="459">
        <v>2666104</v>
      </c>
      <c r="NW10" s="461">
        <v>2666104</v>
      </c>
      <c r="NX10" s="458">
        <v>0</v>
      </c>
      <c r="NY10" s="455">
        <v>0</v>
      </c>
      <c r="NZ10" s="459">
        <v>0</v>
      </c>
      <c r="OA10" s="466"/>
      <c r="OB10" s="455">
        <v>0</v>
      </c>
      <c r="OC10" s="455">
        <v>0</v>
      </c>
      <c r="OD10" s="455">
        <v>382644</v>
      </c>
      <c r="OE10" s="455">
        <v>1423093</v>
      </c>
      <c r="OF10" s="455">
        <v>2969058</v>
      </c>
      <c r="OG10" s="459">
        <v>4774795</v>
      </c>
      <c r="OH10" s="461">
        <v>4774795</v>
      </c>
      <c r="OI10" s="458">
        <v>11847219</v>
      </c>
      <c r="OJ10" s="455">
        <v>23436280</v>
      </c>
      <c r="OK10" s="456">
        <v>35283499</v>
      </c>
      <c r="OL10" s="462">
        <v>0</v>
      </c>
      <c r="OM10" s="455">
        <v>150712516</v>
      </c>
      <c r="ON10" s="455">
        <v>253078222</v>
      </c>
      <c r="OO10" s="455">
        <v>285643682</v>
      </c>
      <c r="OP10" s="455">
        <v>277513259</v>
      </c>
      <c r="OQ10" s="455">
        <v>195826547</v>
      </c>
      <c r="OR10" s="459">
        <v>1162774226</v>
      </c>
      <c r="OS10" s="465">
        <v>1198057725</v>
      </c>
    </row>
    <row r="11" spans="1:409" ht="20.25" customHeight="1" x14ac:dyDescent="0.2">
      <c r="B11" s="126" t="s">
        <v>6</v>
      </c>
      <c r="C11" s="110">
        <v>3585324</v>
      </c>
      <c r="D11" s="114">
        <v>4413628</v>
      </c>
      <c r="E11" s="113">
        <v>7998952</v>
      </c>
      <c r="F11" s="109">
        <v>0</v>
      </c>
      <c r="G11" s="114">
        <v>41218706</v>
      </c>
      <c r="H11" s="114">
        <v>42876719</v>
      </c>
      <c r="I11" s="114">
        <v>36698410</v>
      </c>
      <c r="J11" s="114">
        <v>37194350</v>
      </c>
      <c r="K11" s="114">
        <v>28850002</v>
      </c>
      <c r="L11" s="109">
        <v>186838187</v>
      </c>
      <c r="M11" s="116">
        <v>194837139</v>
      </c>
      <c r="N11" s="110">
        <v>935961</v>
      </c>
      <c r="O11" s="114">
        <v>1613585</v>
      </c>
      <c r="P11" s="113">
        <v>2549546</v>
      </c>
      <c r="Q11" s="110">
        <v>0</v>
      </c>
      <c r="R11" s="114">
        <v>13312641</v>
      </c>
      <c r="S11" s="114">
        <v>14028023</v>
      </c>
      <c r="T11" s="114">
        <v>11132959</v>
      </c>
      <c r="U11" s="114">
        <v>15474890</v>
      </c>
      <c r="V11" s="114">
        <v>13980414</v>
      </c>
      <c r="W11" s="113">
        <v>67928927</v>
      </c>
      <c r="X11" s="116">
        <v>70478473</v>
      </c>
      <c r="Y11" s="110">
        <v>0</v>
      </c>
      <c r="Z11" s="114">
        <v>0</v>
      </c>
      <c r="AA11" s="113">
        <v>0</v>
      </c>
      <c r="AB11" s="110">
        <v>0</v>
      </c>
      <c r="AC11" s="114">
        <v>5240840</v>
      </c>
      <c r="AD11" s="114">
        <v>6007241</v>
      </c>
      <c r="AE11" s="114">
        <v>5905316</v>
      </c>
      <c r="AF11" s="114">
        <v>7816454</v>
      </c>
      <c r="AG11" s="114">
        <v>6901798</v>
      </c>
      <c r="AH11" s="113">
        <v>31871649</v>
      </c>
      <c r="AI11" s="116">
        <v>31871649</v>
      </c>
      <c r="AJ11" s="110">
        <v>0</v>
      </c>
      <c r="AK11" s="114">
        <v>0</v>
      </c>
      <c r="AL11" s="113">
        <v>0</v>
      </c>
      <c r="AM11" s="110">
        <v>0</v>
      </c>
      <c r="AN11" s="114">
        <v>48108</v>
      </c>
      <c r="AO11" s="114">
        <v>216492</v>
      </c>
      <c r="AP11" s="114">
        <v>72162</v>
      </c>
      <c r="AQ11" s="114">
        <v>697461</v>
      </c>
      <c r="AR11" s="114">
        <v>1605669</v>
      </c>
      <c r="AS11" s="113">
        <v>2639892</v>
      </c>
      <c r="AT11" s="116">
        <v>2639892</v>
      </c>
      <c r="AU11" s="110">
        <v>425665</v>
      </c>
      <c r="AV11" s="114">
        <v>1250641</v>
      </c>
      <c r="AW11" s="113">
        <v>1676306</v>
      </c>
      <c r="AX11" s="110">
        <v>0</v>
      </c>
      <c r="AY11" s="114">
        <v>5313363</v>
      </c>
      <c r="AZ11" s="114">
        <v>4992993</v>
      </c>
      <c r="BA11" s="114">
        <v>2740224</v>
      </c>
      <c r="BB11" s="114">
        <v>4306485</v>
      </c>
      <c r="BC11" s="114">
        <v>3774854</v>
      </c>
      <c r="BD11" s="113">
        <v>21127919</v>
      </c>
      <c r="BE11" s="116">
        <v>22804225</v>
      </c>
      <c r="BF11" s="110">
        <v>10688</v>
      </c>
      <c r="BG11" s="114">
        <v>0</v>
      </c>
      <c r="BH11" s="112">
        <v>10688</v>
      </c>
      <c r="BI11" s="111">
        <v>0</v>
      </c>
      <c r="BJ11" s="114">
        <v>296690</v>
      </c>
      <c r="BK11" s="114">
        <v>480153</v>
      </c>
      <c r="BL11" s="114">
        <v>135457</v>
      </c>
      <c r="BM11" s="114">
        <v>330458</v>
      </c>
      <c r="BN11" s="114">
        <v>120557</v>
      </c>
      <c r="BO11" s="113">
        <v>1363315</v>
      </c>
      <c r="BP11" s="116">
        <v>1374003</v>
      </c>
      <c r="BQ11" s="110">
        <v>499608</v>
      </c>
      <c r="BR11" s="114">
        <v>362944</v>
      </c>
      <c r="BS11" s="113">
        <v>862552</v>
      </c>
      <c r="BT11" s="110">
        <v>0</v>
      </c>
      <c r="BU11" s="114">
        <v>2413640</v>
      </c>
      <c r="BV11" s="114">
        <v>2331144</v>
      </c>
      <c r="BW11" s="114">
        <v>2279800</v>
      </c>
      <c r="BX11" s="114">
        <v>2324032</v>
      </c>
      <c r="BY11" s="114">
        <v>1577536</v>
      </c>
      <c r="BZ11" s="113">
        <v>10926152</v>
      </c>
      <c r="CA11" s="116">
        <v>11788704</v>
      </c>
      <c r="CB11" s="110">
        <v>105555</v>
      </c>
      <c r="CC11" s="114">
        <v>315469</v>
      </c>
      <c r="CD11" s="113">
        <v>421024</v>
      </c>
      <c r="CE11" s="110">
        <v>0</v>
      </c>
      <c r="CF11" s="114">
        <v>12340384</v>
      </c>
      <c r="CG11" s="114">
        <v>11950044</v>
      </c>
      <c r="CH11" s="114">
        <v>8827116</v>
      </c>
      <c r="CI11" s="114">
        <v>5015419</v>
      </c>
      <c r="CJ11" s="114">
        <v>3358379</v>
      </c>
      <c r="CK11" s="113">
        <v>41491342</v>
      </c>
      <c r="CL11" s="116">
        <v>41912366</v>
      </c>
      <c r="CM11" s="110">
        <v>0</v>
      </c>
      <c r="CN11" s="114">
        <v>0</v>
      </c>
      <c r="CO11" s="113">
        <v>0</v>
      </c>
      <c r="CP11" s="111">
        <v>0</v>
      </c>
      <c r="CQ11" s="114">
        <v>9931502</v>
      </c>
      <c r="CR11" s="114">
        <v>8487865</v>
      </c>
      <c r="CS11" s="114">
        <v>6412366</v>
      </c>
      <c r="CT11" s="114">
        <v>3783021</v>
      </c>
      <c r="CU11" s="114">
        <v>2354433</v>
      </c>
      <c r="CV11" s="113">
        <v>30969187</v>
      </c>
      <c r="CW11" s="116">
        <v>30969187</v>
      </c>
      <c r="CX11" s="110">
        <v>105555</v>
      </c>
      <c r="CY11" s="114">
        <v>315469</v>
      </c>
      <c r="CZ11" s="113">
        <v>421024</v>
      </c>
      <c r="DA11" s="110">
        <v>0</v>
      </c>
      <c r="DB11" s="114">
        <v>2408882</v>
      </c>
      <c r="DC11" s="114">
        <v>3462179</v>
      </c>
      <c r="DD11" s="114">
        <v>2414750</v>
      </c>
      <c r="DE11" s="114">
        <v>1232398</v>
      </c>
      <c r="DF11" s="114">
        <v>1003946</v>
      </c>
      <c r="DG11" s="113">
        <v>10522155</v>
      </c>
      <c r="DH11" s="116">
        <v>10943179</v>
      </c>
      <c r="DI11" s="110">
        <v>51038</v>
      </c>
      <c r="DJ11" s="114">
        <v>46760</v>
      </c>
      <c r="DK11" s="112">
        <v>97798</v>
      </c>
      <c r="DL11" s="111">
        <v>0</v>
      </c>
      <c r="DM11" s="114">
        <v>875111</v>
      </c>
      <c r="DN11" s="114">
        <v>1507881</v>
      </c>
      <c r="DO11" s="114">
        <v>2255500</v>
      </c>
      <c r="DP11" s="114">
        <v>1276632</v>
      </c>
      <c r="DQ11" s="114">
        <v>813382</v>
      </c>
      <c r="DR11" s="113">
        <v>6728506</v>
      </c>
      <c r="DS11" s="116">
        <v>6826304</v>
      </c>
      <c r="DT11" s="110">
        <v>51038</v>
      </c>
      <c r="DU11" s="114">
        <v>14936</v>
      </c>
      <c r="DV11" s="113">
        <v>65974</v>
      </c>
      <c r="DW11" s="110">
        <v>0</v>
      </c>
      <c r="DX11" s="114">
        <v>778289</v>
      </c>
      <c r="DY11" s="114">
        <v>1380803</v>
      </c>
      <c r="DZ11" s="114">
        <v>1628575</v>
      </c>
      <c r="EA11" s="114">
        <v>883158</v>
      </c>
      <c r="EB11" s="114">
        <v>762150</v>
      </c>
      <c r="EC11" s="113">
        <v>5432975</v>
      </c>
      <c r="ED11" s="116">
        <v>5498949</v>
      </c>
      <c r="EE11" s="110">
        <v>0</v>
      </c>
      <c r="EF11" s="112">
        <v>31824</v>
      </c>
      <c r="EG11" s="113">
        <v>31824</v>
      </c>
      <c r="EH11" s="110">
        <v>0</v>
      </c>
      <c r="EI11" s="114">
        <v>96822</v>
      </c>
      <c r="EJ11" s="114">
        <v>127078</v>
      </c>
      <c r="EK11" s="114">
        <v>626925</v>
      </c>
      <c r="EL11" s="114">
        <v>393474</v>
      </c>
      <c r="EM11" s="114">
        <v>51232</v>
      </c>
      <c r="EN11" s="112">
        <v>1295531</v>
      </c>
      <c r="EO11" s="116">
        <v>1327355</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421760</v>
      </c>
      <c r="FM11" s="114">
        <v>559020</v>
      </c>
      <c r="FN11" s="113">
        <v>980780</v>
      </c>
      <c r="FO11" s="110">
        <v>0</v>
      </c>
      <c r="FP11" s="114">
        <v>2468526</v>
      </c>
      <c r="FQ11" s="114">
        <v>4059449</v>
      </c>
      <c r="FR11" s="114">
        <v>2204700</v>
      </c>
      <c r="FS11" s="114">
        <v>3349912</v>
      </c>
      <c r="FT11" s="114">
        <v>2252760</v>
      </c>
      <c r="FU11" s="113">
        <v>14335347</v>
      </c>
      <c r="FV11" s="116">
        <v>15316127</v>
      </c>
      <c r="FW11" s="115">
        <v>309920</v>
      </c>
      <c r="FX11" s="114">
        <v>496380</v>
      </c>
      <c r="FY11" s="112">
        <v>806300</v>
      </c>
      <c r="FZ11" s="111">
        <v>0</v>
      </c>
      <c r="GA11" s="114">
        <v>1589056</v>
      </c>
      <c r="GB11" s="114">
        <v>3356062</v>
      </c>
      <c r="GC11" s="114">
        <v>2023760</v>
      </c>
      <c r="GD11" s="114">
        <v>3250808</v>
      </c>
      <c r="GE11" s="114">
        <v>2093008</v>
      </c>
      <c r="GF11" s="113">
        <v>12312694</v>
      </c>
      <c r="GG11" s="318">
        <v>13118994</v>
      </c>
      <c r="GH11" s="115">
        <v>11200</v>
      </c>
      <c r="GI11" s="114">
        <v>19760</v>
      </c>
      <c r="GJ11" s="112">
        <v>30960</v>
      </c>
      <c r="GK11" s="111">
        <v>0</v>
      </c>
      <c r="GL11" s="114">
        <v>239710</v>
      </c>
      <c r="GM11" s="114">
        <v>183707</v>
      </c>
      <c r="GN11" s="114">
        <v>153580</v>
      </c>
      <c r="GO11" s="114">
        <v>56672</v>
      </c>
      <c r="GP11" s="114">
        <v>24552</v>
      </c>
      <c r="GQ11" s="113">
        <v>658221</v>
      </c>
      <c r="GR11" s="116">
        <v>689181</v>
      </c>
      <c r="GS11" s="110">
        <v>100640</v>
      </c>
      <c r="GT11" s="114">
        <v>42880</v>
      </c>
      <c r="GU11" s="113">
        <v>143520</v>
      </c>
      <c r="GV11" s="110">
        <v>0</v>
      </c>
      <c r="GW11" s="114">
        <v>639760</v>
      </c>
      <c r="GX11" s="114">
        <v>519680</v>
      </c>
      <c r="GY11" s="114">
        <v>27360</v>
      </c>
      <c r="GZ11" s="114">
        <v>42432</v>
      </c>
      <c r="HA11" s="114">
        <v>135200</v>
      </c>
      <c r="HB11" s="112">
        <v>1364432</v>
      </c>
      <c r="HC11" s="116">
        <v>1507952</v>
      </c>
      <c r="HD11" s="110">
        <v>2071010</v>
      </c>
      <c r="HE11" s="114">
        <v>1878794</v>
      </c>
      <c r="HF11" s="112">
        <v>3949804</v>
      </c>
      <c r="HG11" s="111">
        <v>0</v>
      </c>
      <c r="HH11" s="114">
        <v>12222044</v>
      </c>
      <c r="HI11" s="114">
        <v>11331322</v>
      </c>
      <c r="HJ11" s="114">
        <v>12278135</v>
      </c>
      <c r="HK11" s="114">
        <v>12077497</v>
      </c>
      <c r="HL11" s="114">
        <v>8445067</v>
      </c>
      <c r="HM11" s="113">
        <v>56354065</v>
      </c>
      <c r="HN11" s="109">
        <v>60303869</v>
      </c>
      <c r="HO11" s="328"/>
      <c r="HP11" s="329"/>
      <c r="HQ11" s="330"/>
      <c r="HR11" s="331"/>
      <c r="HS11" s="329"/>
      <c r="HT11" s="329"/>
      <c r="HU11" s="329"/>
      <c r="HV11" s="329"/>
      <c r="HW11" s="329"/>
      <c r="HX11" s="332"/>
      <c r="HY11" s="333"/>
      <c r="HZ11" s="131">
        <v>43424</v>
      </c>
      <c r="IA11" s="132">
        <v>0</v>
      </c>
      <c r="IB11" s="133">
        <v>43424</v>
      </c>
      <c r="IC11" s="146">
        <v>0</v>
      </c>
      <c r="ID11" s="132">
        <v>10080963</v>
      </c>
      <c r="IE11" s="147">
        <v>10383498</v>
      </c>
      <c r="IF11" s="133">
        <v>16255849</v>
      </c>
      <c r="IG11" s="132">
        <v>13247077</v>
      </c>
      <c r="IH11" s="133">
        <v>8194148</v>
      </c>
      <c r="II11" s="148">
        <v>58161535</v>
      </c>
      <c r="IJ11" s="139">
        <v>58204959</v>
      </c>
      <c r="IK11" s="232">
        <v>0</v>
      </c>
      <c r="IL11" s="236">
        <v>0</v>
      </c>
      <c r="IM11" s="237">
        <v>0</v>
      </c>
      <c r="IN11" s="140"/>
      <c r="IO11" s="119">
        <v>281046</v>
      </c>
      <c r="IP11" s="119">
        <v>566118</v>
      </c>
      <c r="IQ11" s="119">
        <v>880734</v>
      </c>
      <c r="IR11" s="119">
        <v>1726484</v>
      </c>
      <c r="IS11" s="119">
        <v>814116</v>
      </c>
      <c r="IT11" s="141">
        <v>4268498</v>
      </c>
      <c r="IU11" s="320">
        <v>4268498</v>
      </c>
      <c r="IV11" s="142">
        <v>0</v>
      </c>
      <c r="IW11" s="119">
        <v>0</v>
      </c>
      <c r="IX11" s="120">
        <v>0</v>
      </c>
      <c r="IY11" s="144"/>
      <c r="IZ11" s="119">
        <v>51755</v>
      </c>
      <c r="JA11" s="119">
        <v>75302</v>
      </c>
      <c r="JB11" s="119">
        <v>176949</v>
      </c>
      <c r="JC11" s="119">
        <v>88601</v>
      </c>
      <c r="JD11" s="119">
        <v>135892</v>
      </c>
      <c r="JE11" s="120">
        <v>528499</v>
      </c>
      <c r="JF11" s="121">
        <v>528499</v>
      </c>
      <c r="JG11" s="142">
        <v>0</v>
      </c>
      <c r="JH11" s="119">
        <v>0</v>
      </c>
      <c r="JI11" s="141">
        <v>0</v>
      </c>
      <c r="JJ11" s="118">
        <v>0</v>
      </c>
      <c r="JK11" s="119">
        <v>3202381</v>
      </c>
      <c r="JL11" s="119">
        <v>2634826</v>
      </c>
      <c r="JM11" s="119">
        <v>2449539</v>
      </c>
      <c r="JN11" s="119">
        <v>1772075</v>
      </c>
      <c r="JO11" s="119">
        <v>1102447</v>
      </c>
      <c r="JP11" s="120">
        <v>11161268</v>
      </c>
      <c r="JQ11" s="320">
        <v>11161268</v>
      </c>
      <c r="JR11" s="142">
        <v>0</v>
      </c>
      <c r="JS11" s="119">
        <v>0</v>
      </c>
      <c r="JT11" s="141">
        <v>0</v>
      </c>
      <c r="JU11" s="118">
        <v>0</v>
      </c>
      <c r="JV11" s="119">
        <v>1346913</v>
      </c>
      <c r="JW11" s="119">
        <v>1128621</v>
      </c>
      <c r="JX11" s="119">
        <v>1234530</v>
      </c>
      <c r="JY11" s="119">
        <v>280282</v>
      </c>
      <c r="JZ11" s="119">
        <v>772337</v>
      </c>
      <c r="KA11" s="120">
        <v>4762683</v>
      </c>
      <c r="KB11" s="320">
        <v>4762683</v>
      </c>
      <c r="KC11" s="234">
        <v>43424</v>
      </c>
      <c r="KD11" s="230">
        <v>0</v>
      </c>
      <c r="KE11" s="120">
        <v>43424</v>
      </c>
      <c r="KF11" s="118">
        <v>0</v>
      </c>
      <c r="KG11" s="119">
        <v>931957</v>
      </c>
      <c r="KH11" s="119">
        <v>459056</v>
      </c>
      <c r="KI11" s="119">
        <v>1646539</v>
      </c>
      <c r="KJ11" s="119">
        <v>2350376</v>
      </c>
      <c r="KK11" s="119">
        <v>388423</v>
      </c>
      <c r="KL11" s="120">
        <v>5776351</v>
      </c>
      <c r="KM11" s="143">
        <v>5819775</v>
      </c>
      <c r="KN11" s="232">
        <v>0</v>
      </c>
      <c r="KO11" s="236">
        <v>0</v>
      </c>
      <c r="KP11" s="237">
        <v>0</v>
      </c>
      <c r="KQ11" s="140"/>
      <c r="KR11" s="119">
        <v>3826795</v>
      </c>
      <c r="KS11" s="119">
        <v>5109966</v>
      </c>
      <c r="KT11" s="119">
        <v>7467280</v>
      </c>
      <c r="KU11" s="119">
        <v>3691560</v>
      </c>
      <c r="KV11" s="119">
        <v>2696952</v>
      </c>
      <c r="KW11" s="120">
        <v>22792553</v>
      </c>
      <c r="KX11" s="320">
        <v>22792553</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1586648</v>
      </c>
      <c r="LQ11" s="119">
        <v>1115452</v>
      </c>
      <c r="LR11" s="119">
        <v>526771</v>
      </c>
      <c r="LS11" s="120">
        <v>3228871</v>
      </c>
      <c r="LT11" s="320">
        <v>3228871</v>
      </c>
      <c r="LU11" s="142">
        <v>0</v>
      </c>
      <c r="LV11" s="119">
        <v>0</v>
      </c>
      <c r="LW11" s="120">
        <v>0</v>
      </c>
      <c r="LX11" s="145"/>
      <c r="LY11" s="119">
        <v>440116</v>
      </c>
      <c r="LZ11" s="119">
        <v>409609</v>
      </c>
      <c r="MA11" s="119">
        <v>813630</v>
      </c>
      <c r="MB11" s="119">
        <v>2222247</v>
      </c>
      <c r="MC11" s="119">
        <v>1757210</v>
      </c>
      <c r="MD11" s="120">
        <v>5642812</v>
      </c>
      <c r="ME11" s="121">
        <v>5642812</v>
      </c>
      <c r="MF11" s="142">
        <v>0</v>
      </c>
      <c r="MG11" s="119">
        <v>0</v>
      </c>
      <c r="MH11" s="120">
        <v>0</v>
      </c>
      <c r="MI11" s="145"/>
      <c r="MJ11" s="119">
        <v>2964034</v>
      </c>
      <c r="MK11" s="119">
        <v>6470490</v>
      </c>
      <c r="ML11" s="119">
        <v>17484715</v>
      </c>
      <c r="MM11" s="119">
        <v>23917373</v>
      </c>
      <c r="MN11" s="119">
        <v>23878275</v>
      </c>
      <c r="MO11" s="120">
        <v>74714887</v>
      </c>
      <c r="MP11" s="143">
        <v>74714887</v>
      </c>
      <c r="MQ11" s="142">
        <v>0</v>
      </c>
      <c r="MR11" s="119">
        <v>0</v>
      </c>
      <c r="MS11" s="120">
        <v>0</v>
      </c>
      <c r="MT11" s="145"/>
      <c r="MU11" s="119">
        <v>196416</v>
      </c>
      <c r="MV11" s="119">
        <v>1080357</v>
      </c>
      <c r="MW11" s="119">
        <v>10008365</v>
      </c>
      <c r="MX11" s="119">
        <v>13465302</v>
      </c>
      <c r="MY11" s="119">
        <v>12315677</v>
      </c>
      <c r="MZ11" s="120">
        <v>37066117</v>
      </c>
      <c r="NA11" s="143">
        <v>37066117</v>
      </c>
      <c r="NB11" s="142">
        <v>0</v>
      </c>
      <c r="NC11" s="119">
        <v>0</v>
      </c>
      <c r="ND11" s="120">
        <v>0</v>
      </c>
      <c r="NE11" s="145"/>
      <c r="NF11" s="119">
        <v>2767618</v>
      </c>
      <c r="NG11" s="119">
        <v>5390133</v>
      </c>
      <c r="NH11" s="119">
        <v>6518661</v>
      </c>
      <c r="NI11" s="119">
        <v>8435816</v>
      </c>
      <c r="NJ11" s="119">
        <v>7024737</v>
      </c>
      <c r="NK11" s="120">
        <v>30136965</v>
      </c>
      <c r="NL11" s="320">
        <v>30136965</v>
      </c>
      <c r="NM11" s="142">
        <v>0</v>
      </c>
      <c r="NN11" s="119">
        <v>0</v>
      </c>
      <c r="NO11" s="120">
        <v>0</v>
      </c>
      <c r="NP11" s="145"/>
      <c r="NQ11" s="119">
        <v>0</v>
      </c>
      <c r="NR11" s="119">
        <v>0</v>
      </c>
      <c r="NS11" s="119">
        <v>957689</v>
      </c>
      <c r="NT11" s="119">
        <v>1921950</v>
      </c>
      <c r="NU11" s="119">
        <v>2695750</v>
      </c>
      <c r="NV11" s="120">
        <v>5575389</v>
      </c>
      <c r="NW11" s="121">
        <v>5575389</v>
      </c>
      <c r="NX11" s="142">
        <v>0</v>
      </c>
      <c r="NY11" s="119">
        <v>0</v>
      </c>
      <c r="NZ11" s="120">
        <v>0</v>
      </c>
      <c r="OA11" s="145"/>
      <c r="OB11" s="119">
        <v>0</v>
      </c>
      <c r="OC11" s="119">
        <v>0</v>
      </c>
      <c r="OD11" s="119">
        <v>0</v>
      </c>
      <c r="OE11" s="119">
        <v>94305</v>
      </c>
      <c r="OF11" s="119">
        <v>1842111</v>
      </c>
      <c r="OG11" s="120">
        <v>1936416</v>
      </c>
      <c r="OH11" s="121">
        <v>1936416</v>
      </c>
      <c r="OI11" s="142">
        <v>3628748</v>
      </c>
      <c r="OJ11" s="119">
        <v>4413628</v>
      </c>
      <c r="OK11" s="141">
        <v>8042376</v>
      </c>
      <c r="OL11" s="118">
        <v>0</v>
      </c>
      <c r="OM11" s="119">
        <v>54263703</v>
      </c>
      <c r="ON11" s="119">
        <v>59730707</v>
      </c>
      <c r="OO11" s="119">
        <v>70438974</v>
      </c>
      <c r="OP11" s="119">
        <v>74358800</v>
      </c>
      <c r="OQ11" s="119">
        <v>60922425</v>
      </c>
      <c r="OR11" s="120">
        <v>319714609</v>
      </c>
      <c r="OS11" s="143">
        <v>327756985</v>
      </c>
    </row>
    <row r="12" spans="1:409" ht="20.25" customHeight="1" x14ac:dyDescent="0.2">
      <c r="B12" s="126" t="s">
        <v>14</v>
      </c>
      <c r="C12" s="110">
        <v>1580924</v>
      </c>
      <c r="D12" s="114">
        <v>3310831</v>
      </c>
      <c r="E12" s="113">
        <v>4891755</v>
      </c>
      <c r="F12" s="109">
        <v>0</v>
      </c>
      <c r="G12" s="114">
        <v>19156751</v>
      </c>
      <c r="H12" s="114">
        <v>27740136</v>
      </c>
      <c r="I12" s="114">
        <v>26090997</v>
      </c>
      <c r="J12" s="114">
        <v>15298901</v>
      </c>
      <c r="K12" s="114">
        <v>11054858</v>
      </c>
      <c r="L12" s="112">
        <v>99341643</v>
      </c>
      <c r="M12" s="116">
        <v>104233398</v>
      </c>
      <c r="N12" s="110">
        <v>298654</v>
      </c>
      <c r="O12" s="114">
        <v>892876</v>
      </c>
      <c r="P12" s="113">
        <v>1191530</v>
      </c>
      <c r="Q12" s="110">
        <v>0</v>
      </c>
      <c r="R12" s="114">
        <v>6849720</v>
      </c>
      <c r="S12" s="114">
        <v>10127981</v>
      </c>
      <c r="T12" s="114">
        <v>8362275</v>
      </c>
      <c r="U12" s="114">
        <v>5381218</v>
      </c>
      <c r="V12" s="114">
        <v>5072068</v>
      </c>
      <c r="W12" s="113">
        <v>35793262</v>
      </c>
      <c r="X12" s="116">
        <v>36984792</v>
      </c>
      <c r="Y12" s="110">
        <v>0</v>
      </c>
      <c r="Z12" s="114">
        <v>0</v>
      </c>
      <c r="AA12" s="113">
        <v>0</v>
      </c>
      <c r="AB12" s="110">
        <v>0</v>
      </c>
      <c r="AC12" s="114">
        <v>3254876</v>
      </c>
      <c r="AD12" s="114">
        <v>5088777</v>
      </c>
      <c r="AE12" s="114">
        <v>4222524</v>
      </c>
      <c r="AF12" s="114">
        <v>3036294</v>
      </c>
      <c r="AG12" s="114">
        <v>2667880</v>
      </c>
      <c r="AH12" s="113">
        <v>18270351</v>
      </c>
      <c r="AI12" s="116">
        <v>18270351</v>
      </c>
      <c r="AJ12" s="110">
        <v>0</v>
      </c>
      <c r="AK12" s="114">
        <v>0</v>
      </c>
      <c r="AL12" s="113">
        <v>0</v>
      </c>
      <c r="AM12" s="110">
        <v>0</v>
      </c>
      <c r="AN12" s="114">
        <v>0</v>
      </c>
      <c r="AO12" s="114">
        <v>0</v>
      </c>
      <c r="AP12" s="114">
        <v>112503</v>
      </c>
      <c r="AQ12" s="114">
        <v>179317</v>
      </c>
      <c r="AR12" s="114">
        <v>616562</v>
      </c>
      <c r="AS12" s="113">
        <v>908382</v>
      </c>
      <c r="AT12" s="116">
        <v>908382</v>
      </c>
      <c r="AU12" s="110">
        <v>85718</v>
      </c>
      <c r="AV12" s="114">
        <v>552963</v>
      </c>
      <c r="AW12" s="113">
        <v>638681</v>
      </c>
      <c r="AX12" s="110">
        <v>0</v>
      </c>
      <c r="AY12" s="114">
        <v>2365797</v>
      </c>
      <c r="AZ12" s="114">
        <v>3716161</v>
      </c>
      <c r="BA12" s="114">
        <v>2580781</v>
      </c>
      <c r="BB12" s="114">
        <v>1128687</v>
      </c>
      <c r="BC12" s="114">
        <v>1067005</v>
      </c>
      <c r="BD12" s="113">
        <v>10858431</v>
      </c>
      <c r="BE12" s="116">
        <v>11497112</v>
      </c>
      <c r="BF12" s="110">
        <v>0</v>
      </c>
      <c r="BG12" s="114">
        <v>83009</v>
      </c>
      <c r="BH12" s="112">
        <v>83009</v>
      </c>
      <c r="BI12" s="111">
        <v>0</v>
      </c>
      <c r="BJ12" s="114">
        <v>83591</v>
      </c>
      <c r="BK12" s="114">
        <v>53191</v>
      </c>
      <c r="BL12" s="114">
        <v>33707</v>
      </c>
      <c r="BM12" s="114">
        <v>114760</v>
      </c>
      <c r="BN12" s="114">
        <v>37045</v>
      </c>
      <c r="BO12" s="113">
        <v>322294</v>
      </c>
      <c r="BP12" s="116">
        <v>405303</v>
      </c>
      <c r="BQ12" s="110">
        <v>212936</v>
      </c>
      <c r="BR12" s="114">
        <v>256904</v>
      </c>
      <c r="BS12" s="113">
        <v>469840</v>
      </c>
      <c r="BT12" s="110">
        <v>0</v>
      </c>
      <c r="BU12" s="114">
        <v>1145456</v>
      </c>
      <c r="BV12" s="114">
        <v>1269852</v>
      </c>
      <c r="BW12" s="114">
        <v>1412760</v>
      </c>
      <c r="BX12" s="114">
        <v>922160</v>
      </c>
      <c r="BY12" s="114">
        <v>683576</v>
      </c>
      <c r="BZ12" s="113">
        <v>5433804</v>
      </c>
      <c r="CA12" s="116">
        <v>5903644</v>
      </c>
      <c r="CB12" s="110">
        <v>145524</v>
      </c>
      <c r="CC12" s="114">
        <v>318096</v>
      </c>
      <c r="CD12" s="113">
        <v>463620</v>
      </c>
      <c r="CE12" s="110">
        <v>0</v>
      </c>
      <c r="CF12" s="114">
        <v>5785834</v>
      </c>
      <c r="CG12" s="114">
        <v>8932701</v>
      </c>
      <c r="CH12" s="114">
        <v>7765165</v>
      </c>
      <c r="CI12" s="114">
        <v>3481589</v>
      </c>
      <c r="CJ12" s="114">
        <v>1514548</v>
      </c>
      <c r="CK12" s="113">
        <v>27479837</v>
      </c>
      <c r="CL12" s="116">
        <v>27943457</v>
      </c>
      <c r="CM12" s="110">
        <v>0</v>
      </c>
      <c r="CN12" s="114">
        <v>0</v>
      </c>
      <c r="CO12" s="113">
        <v>0</v>
      </c>
      <c r="CP12" s="111">
        <v>0</v>
      </c>
      <c r="CQ12" s="114">
        <v>5199160</v>
      </c>
      <c r="CR12" s="114">
        <v>7179941</v>
      </c>
      <c r="CS12" s="114">
        <v>6415406</v>
      </c>
      <c r="CT12" s="114">
        <v>2819333</v>
      </c>
      <c r="CU12" s="114">
        <v>1384012</v>
      </c>
      <c r="CV12" s="113">
        <v>22997852</v>
      </c>
      <c r="CW12" s="116">
        <v>22997852</v>
      </c>
      <c r="CX12" s="110">
        <v>145524</v>
      </c>
      <c r="CY12" s="114">
        <v>318096</v>
      </c>
      <c r="CZ12" s="113">
        <v>463620</v>
      </c>
      <c r="DA12" s="110">
        <v>0</v>
      </c>
      <c r="DB12" s="114">
        <v>586674</v>
      </c>
      <c r="DC12" s="114">
        <v>1752760</v>
      </c>
      <c r="DD12" s="114">
        <v>1349759</v>
      </c>
      <c r="DE12" s="114">
        <v>662256</v>
      </c>
      <c r="DF12" s="114">
        <v>130536</v>
      </c>
      <c r="DG12" s="113">
        <v>4481985</v>
      </c>
      <c r="DH12" s="116">
        <v>4945605</v>
      </c>
      <c r="DI12" s="110">
        <v>0</v>
      </c>
      <c r="DJ12" s="114">
        <v>34359</v>
      </c>
      <c r="DK12" s="112">
        <v>34359</v>
      </c>
      <c r="DL12" s="111">
        <v>0</v>
      </c>
      <c r="DM12" s="114">
        <v>608585</v>
      </c>
      <c r="DN12" s="114">
        <v>996613</v>
      </c>
      <c r="DO12" s="114">
        <v>2267798</v>
      </c>
      <c r="DP12" s="114">
        <v>1072260</v>
      </c>
      <c r="DQ12" s="114">
        <v>431903</v>
      </c>
      <c r="DR12" s="113">
        <v>5377159</v>
      </c>
      <c r="DS12" s="116">
        <v>5411518</v>
      </c>
      <c r="DT12" s="110">
        <v>0</v>
      </c>
      <c r="DU12" s="114">
        <v>34359</v>
      </c>
      <c r="DV12" s="113">
        <v>34359</v>
      </c>
      <c r="DW12" s="110">
        <v>0</v>
      </c>
      <c r="DX12" s="114">
        <v>608585</v>
      </c>
      <c r="DY12" s="114">
        <v>996613</v>
      </c>
      <c r="DZ12" s="114">
        <v>2188606</v>
      </c>
      <c r="EA12" s="114">
        <v>767049</v>
      </c>
      <c r="EB12" s="114">
        <v>394271</v>
      </c>
      <c r="EC12" s="113">
        <v>4955124</v>
      </c>
      <c r="ED12" s="116">
        <v>4989483</v>
      </c>
      <c r="EE12" s="110">
        <v>0</v>
      </c>
      <c r="EF12" s="112">
        <v>0</v>
      </c>
      <c r="EG12" s="113">
        <v>0</v>
      </c>
      <c r="EH12" s="110">
        <v>0</v>
      </c>
      <c r="EI12" s="114">
        <v>0</v>
      </c>
      <c r="EJ12" s="114">
        <v>0</v>
      </c>
      <c r="EK12" s="114">
        <v>79192</v>
      </c>
      <c r="EL12" s="114">
        <v>305211</v>
      </c>
      <c r="EM12" s="114">
        <v>37632</v>
      </c>
      <c r="EN12" s="112">
        <v>422035</v>
      </c>
      <c r="EO12" s="116">
        <v>422035</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427254</v>
      </c>
      <c r="FM12" s="114">
        <v>863272</v>
      </c>
      <c r="FN12" s="113">
        <v>1290526</v>
      </c>
      <c r="FO12" s="110">
        <v>0</v>
      </c>
      <c r="FP12" s="114">
        <v>927376</v>
      </c>
      <c r="FQ12" s="114">
        <v>2815004</v>
      </c>
      <c r="FR12" s="114">
        <v>2176272</v>
      </c>
      <c r="FS12" s="114">
        <v>1562028</v>
      </c>
      <c r="FT12" s="114">
        <v>912352</v>
      </c>
      <c r="FU12" s="113">
        <v>8393032</v>
      </c>
      <c r="FV12" s="116">
        <v>9683558</v>
      </c>
      <c r="FW12" s="115">
        <v>182832</v>
      </c>
      <c r="FX12" s="114">
        <v>568632</v>
      </c>
      <c r="FY12" s="112">
        <v>751464</v>
      </c>
      <c r="FZ12" s="111">
        <v>0</v>
      </c>
      <c r="GA12" s="114">
        <v>680176</v>
      </c>
      <c r="GB12" s="114">
        <v>2619784</v>
      </c>
      <c r="GC12" s="114">
        <v>1989872</v>
      </c>
      <c r="GD12" s="114">
        <v>1202880</v>
      </c>
      <c r="GE12" s="114">
        <v>912352</v>
      </c>
      <c r="GF12" s="113">
        <v>7405064</v>
      </c>
      <c r="GG12" s="318">
        <v>8156528</v>
      </c>
      <c r="GH12" s="115">
        <v>9680</v>
      </c>
      <c r="GI12" s="114">
        <v>97920</v>
      </c>
      <c r="GJ12" s="112">
        <v>107600</v>
      </c>
      <c r="GK12" s="111">
        <v>0</v>
      </c>
      <c r="GL12" s="114">
        <v>87200</v>
      </c>
      <c r="GM12" s="114">
        <v>77460</v>
      </c>
      <c r="GN12" s="114">
        <v>44800</v>
      </c>
      <c r="GO12" s="114">
        <v>69564</v>
      </c>
      <c r="GP12" s="114">
        <v>0</v>
      </c>
      <c r="GQ12" s="113">
        <v>279024</v>
      </c>
      <c r="GR12" s="116">
        <v>386624</v>
      </c>
      <c r="GS12" s="110">
        <v>234742</v>
      </c>
      <c r="GT12" s="114">
        <v>196720</v>
      </c>
      <c r="GU12" s="113">
        <v>431462</v>
      </c>
      <c r="GV12" s="110">
        <v>0</v>
      </c>
      <c r="GW12" s="114">
        <v>160000</v>
      </c>
      <c r="GX12" s="114">
        <v>117760</v>
      </c>
      <c r="GY12" s="114">
        <v>141600</v>
      </c>
      <c r="GZ12" s="114">
        <v>289584</v>
      </c>
      <c r="HA12" s="114">
        <v>0</v>
      </c>
      <c r="HB12" s="112">
        <v>708944</v>
      </c>
      <c r="HC12" s="116">
        <v>1140406</v>
      </c>
      <c r="HD12" s="110">
        <v>709492</v>
      </c>
      <c r="HE12" s="114">
        <v>1202228</v>
      </c>
      <c r="HF12" s="112">
        <v>1911720</v>
      </c>
      <c r="HG12" s="111">
        <v>0</v>
      </c>
      <c r="HH12" s="114">
        <v>4985236</v>
      </c>
      <c r="HI12" s="114">
        <v>4867837</v>
      </c>
      <c r="HJ12" s="114">
        <v>5519487</v>
      </c>
      <c r="HK12" s="114">
        <v>3801806</v>
      </c>
      <c r="HL12" s="114">
        <v>3123987</v>
      </c>
      <c r="HM12" s="113">
        <v>22298353</v>
      </c>
      <c r="HN12" s="109">
        <v>24210073</v>
      </c>
      <c r="HO12" s="328"/>
      <c r="HP12" s="329"/>
      <c r="HQ12" s="330"/>
      <c r="HR12" s="331"/>
      <c r="HS12" s="329"/>
      <c r="HT12" s="329"/>
      <c r="HU12" s="329"/>
      <c r="HV12" s="329"/>
      <c r="HW12" s="329"/>
      <c r="HX12" s="332"/>
      <c r="HY12" s="333"/>
      <c r="HZ12" s="131">
        <v>38929</v>
      </c>
      <c r="IA12" s="132">
        <v>75890</v>
      </c>
      <c r="IB12" s="133">
        <v>114819</v>
      </c>
      <c r="IC12" s="134">
        <v>0</v>
      </c>
      <c r="ID12" s="135">
        <v>5765394</v>
      </c>
      <c r="IE12" s="136">
        <v>6468775</v>
      </c>
      <c r="IF12" s="137">
        <v>6834224</v>
      </c>
      <c r="IG12" s="135">
        <v>5380666</v>
      </c>
      <c r="IH12" s="137">
        <v>4493315</v>
      </c>
      <c r="II12" s="138">
        <v>28942374</v>
      </c>
      <c r="IJ12" s="139">
        <v>29057193</v>
      </c>
      <c r="IK12" s="232">
        <v>0</v>
      </c>
      <c r="IL12" s="236">
        <v>0</v>
      </c>
      <c r="IM12" s="237">
        <v>0</v>
      </c>
      <c r="IN12" s="140"/>
      <c r="IO12" s="119">
        <v>153692</v>
      </c>
      <c r="IP12" s="119">
        <v>206366</v>
      </c>
      <c r="IQ12" s="119">
        <v>0</v>
      </c>
      <c r="IR12" s="119">
        <v>531011</v>
      </c>
      <c r="IS12" s="119">
        <v>216418</v>
      </c>
      <c r="IT12" s="141">
        <v>1107487</v>
      </c>
      <c r="IU12" s="320">
        <v>1107487</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712493</v>
      </c>
      <c r="JL12" s="119">
        <v>2990679</v>
      </c>
      <c r="JM12" s="119">
        <v>2104874</v>
      </c>
      <c r="JN12" s="119">
        <v>1389102</v>
      </c>
      <c r="JO12" s="119">
        <v>314325</v>
      </c>
      <c r="JP12" s="120">
        <v>9511473</v>
      </c>
      <c r="JQ12" s="320">
        <v>9511473</v>
      </c>
      <c r="JR12" s="142">
        <v>0</v>
      </c>
      <c r="JS12" s="119">
        <v>0</v>
      </c>
      <c r="JT12" s="141">
        <v>0</v>
      </c>
      <c r="JU12" s="118">
        <v>0</v>
      </c>
      <c r="JV12" s="119">
        <v>78968</v>
      </c>
      <c r="JW12" s="119">
        <v>181146</v>
      </c>
      <c r="JX12" s="119">
        <v>11094</v>
      </c>
      <c r="JY12" s="119">
        <v>119187</v>
      </c>
      <c r="JZ12" s="119">
        <v>0</v>
      </c>
      <c r="KA12" s="120">
        <v>390395</v>
      </c>
      <c r="KB12" s="320">
        <v>390395</v>
      </c>
      <c r="KC12" s="234">
        <v>38929</v>
      </c>
      <c r="KD12" s="230">
        <v>75890</v>
      </c>
      <c r="KE12" s="120">
        <v>114819</v>
      </c>
      <c r="KF12" s="118">
        <v>0</v>
      </c>
      <c r="KG12" s="119">
        <v>1028734</v>
      </c>
      <c r="KH12" s="119">
        <v>955567</v>
      </c>
      <c r="KI12" s="119">
        <v>1124796</v>
      </c>
      <c r="KJ12" s="119">
        <v>932082</v>
      </c>
      <c r="KK12" s="119">
        <v>567196</v>
      </c>
      <c r="KL12" s="120">
        <v>4608375</v>
      </c>
      <c r="KM12" s="143">
        <v>4723194</v>
      </c>
      <c r="KN12" s="232">
        <v>0</v>
      </c>
      <c r="KO12" s="236">
        <v>0</v>
      </c>
      <c r="KP12" s="237">
        <v>0</v>
      </c>
      <c r="KQ12" s="140"/>
      <c r="KR12" s="119">
        <v>1663460</v>
      </c>
      <c r="KS12" s="119">
        <v>1959810</v>
      </c>
      <c r="KT12" s="119">
        <v>3327796</v>
      </c>
      <c r="KU12" s="119">
        <v>2359308</v>
      </c>
      <c r="KV12" s="119">
        <v>3050896</v>
      </c>
      <c r="KW12" s="120">
        <v>12361270</v>
      </c>
      <c r="KX12" s="320">
        <v>12361270</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0</v>
      </c>
      <c r="LQ12" s="119">
        <v>49976</v>
      </c>
      <c r="LR12" s="119">
        <v>0</v>
      </c>
      <c r="LS12" s="120">
        <v>49976</v>
      </c>
      <c r="LT12" s="320">
        <v>49976</v>
      </c>
      <c r="LU12" s="142">
        <v>0</v>
      </c>
      <c r="LV12" s="119">
        <v>0</v>
      </c>
      <c r="LW12" s="120">
        <v>0</v>
      </c>
      <c r="LX12" s="145"/>
      <c r="LY12" s="119">
        <v>128047</v>
      </c>
      <c r="LZ12" s="119">
        <v>175207</v>
      </c>
      <c r="MA12" s="119">
        <v>265664</v>
      </c>
      <c r="MB12" s="119">
        <v>0</v>
      </c>
      <c r="MC12" s="119">
        <v>344480</v>
      </c>
      <c r="MD12" s="120">
        <v>913398</v>
      </c>
      <c r="ME12" s="121">
        <v>913398</v>
      </c>
      <c r="MF12" s="142">
        <v>0</v>
      </c>
      <c r="MG12" s="119">
        <v>0</v>
      </c>
      <c r="MH12" s="120">
        <v>0</v>
      </c>
      <c r="MI12" s="145"/>
      <c r="MJ12" s="119">
        <v>1043112</v>
      </c>
      <c r="MK12" s="119">
        <v>1138830</v>
      </c>
      <c r="ML12" s="119">
        <v>11458011</v>
      </c>
      <c r="MM12" s="119">
        <v>20587960</v>
      </c>
      <c r="MN12" s="119">
        <v>10774762</v>
      </c>
      <c r="MO12" s="120">
        <v>45002675</v>
      </c>
      <c r="MP12" s="143">
        <v>45002675</v>
      </c>
      <c r="MQ12" s="142">
        <v>0</v>
      </c>
      <c r="MR12" s="119">
        <v>0</v>
      </c>
      <c r="MS12" s="120">
        <v>0</v>
      </c>
      <c r="MT12" s="145"/>
      <c r="MU12" s="119">
        <v>223684</v>
      </c>
      <c r="MV12" s="119">
        <v>0</v>
      </c>
      <c r="MW12" s="119">
        <v>7228381</v>
      </c>
      <c r="MX12" s="119">
        <v>14244961</v>
      </c>
      <c r="MY12" s="119">
        <v>7519907</v>
      </c>
      <c r="MZ12" s="120">
        <v>29216933</v>
      </c>
      <c r="NA12" s="143">
        <v>29216933</v>
      </c>
      <c r="NB12" s="142">
        <v>0</v>
      </c>
      <c r="NC12" s="119">
        <v>0</v>
      </c>
      <c r="ND12" s="120">
        <v>0</v>
      </c>
      <c r="NE12" s="145"/>
      <c r="NF12" s="119">
        <v>819428</v>
      </c>
      <c r="NG12" s="119">
        <v>1138830</v>
      </c>
      <c r="NH12" s="119">
        <v>4229630</v>
      </c>
      <c r="NI12" s="119">
        <v>4677629</v>
      </c>
      <c r="NJ12" s="119">
        <v>1770063</v>
      </c>
      <c r="NK12" s="120">
        <v>12635580</v>
      </c>
      <c r="NL12" s="320">
        <v>12635580</v>
      </c>
      <c r="NM12" s="142">
        <v>0</v>
      </c>
      <c r="NN12" s="119">
        <v>0</v>
      </c>
      <c r="NO12" s="120">
        <v>0</v>
      </c>
      <c r="NP12" s="145"/>
      <c r="NQ12" s="119">
        <v>0</v>
      </c>
      <c r="NR12" s="119">
        <v>0</v>
      </c>
      <c r="NS12" s="119">
        <v>0</v>
      </c>
      <c r="NT12" s="119">
        <v>297616</v>
      </c>
      <c r="NU12" s="119">
        <v>311156</v>
      </c>
      <c r="NV12" s="120">
        <v>608772</v>
      </c>
      <c r="NW12" s="121">
        <v>608772</v>
      </c>
      <c r="NX12" s="142">
        <v>0</v>
      </c>
      <c r="NY12" s="119">
        <v>0</v>
      </c>
      <c r="NZ12" s="120">
        <v>0</v>
      </c>
      <c r="OA12" s="145"/>
      <c r="OB12" s="119">
        <v>0</v>
      </c>
      <c r="OC12" s="119">
        <v>0</v>
      </c>
      <c r="OD12" s="119">
        <v>0</v>
      </c>
      <c r="OE12" s="119">
        <v>1367754</v>
      </c>
      <c r="OF12" s="119">
        <v>1173636</v>
      </c>
      <c r="OG12" s="120">
        <v>2541390</v>
      </c>
      <c r="OH12" s="121">
        <v>2541390</v>
      </c>
      <c r="OI12" s="142">
        <v>1619853</v>
      </c>
      <c r="OJ12" s="119">
        <v>3386721</v>
      </c>
      <c r="OK12" s="141">
        <v>5006574</v>
      </c>
      <c r="OL12" s="118">
        <v>0</v>
      </c>
      <c r="OM12" s="119">
        <v>25965257</v>
      </c>
      <c r="ON12" s="119">
        <v>35347741</v>
      </c>
      <c r="OO12" s="119">
        <v>44383232</v>
      </c>
      <c r="OP12" s="119">
        <v>41267527</v>
      </c>
      <c r="OQ12" s="119">
        <v>26322935</v>
      </c>
      <c r="OR12" s="120">
        <v>173286692</v>
      </c>
      <c r="OS12" s="143">
        <v>178293266</v>
      </c>
    </row>
    <row r="13" spans="1:409" ht="20.25" customHeight="1" x14ac:dyDescent="0.2">
      <c r="B13" s="126" t="s">
        <v>7</v>
      </c>
      <c r="C13" s="110">
        <v>1043675</v>
      </c>
      <c r="D13" s="114">
        <v>934550</v>
      </c>
      <c r="E13" s="113">
        <v>1978225</v>
      </c>
      <c r="F13" s="109">
        <v>0</v>
      </c>
      <c r="G13" s="114">
        <v>24972576</v>
      </c>
      <c r="H13" s="114">
        <v>22108198</v>
      </c>
      <c r="I13" s="114">
        <v>18619005</v>
      </c>
      <c r="J13" s="114">
        <v>16384596</v>
      </c>
      <c r="K13" s="114">
        <v>9759900</v>
      </c>
      <c r="L13" s="109">
        <v>91844275</v>
      </c>
      <c r="M13" s="116">
        <v>93822500</v>
      </c>
      <c r="N13" s="110">
        <v>235748</v>
      </c>
      <c r="O13" s="114">
        <v>267857</v>
      </c>
      <c r="P13" s="113">
        <v>503605</v>
      </c>
      <c r="Q13" s="110">
        <v>0</v>
      </c>
      <c r="R13" s="114">
        <v>7443606</v>
      </c>
      <c r="S13" s="114">
        <v>6710170</v>
      </c>
      <c r="T13" s="114">
        <v>6808322</v>
      </c>
      <c r="U13" s="114">
        <v>6774694</v>
      </c>
      <c r="V13" s="114">
        <v>5242920</v>
      </c>
      <c r="W13" s="113">
        <v>32979712</v>
      </c>
      <c r="X13" s="116">
        <v>33483317</v>
      </c>
      <c r="Y13" s="110">
        <v>0</v>
      </c>
      <c r="Z13" s="114">
        <v>0</v>
      </c>
      <c r="AA13" s="113">
        <v>0</v>
      </c>
      <c r="AB13" s="110">
        <v>0</v>
      </c>
      <c r="AC13" s="114">
        <v>3528678</v>
      </c>
      <c r="AD13" s="114">
        <v>3664975</v>
      </c>
      <c r="AE13" s="114">
        <v>3620952</v>
      </c>
      <c r="AF13" s="114">
        <v>3689819</v>
      </c>
      <c r="AG13" s="114">
        <v>3175402</v>
      </c>
      <c r="AH13" s="113">
        <v>17679826</v>
      </c>
      <c r="AI13" s="116">
        <v>17679826</v>
      </c>
      <c r="AJ13" s="110">
        <v>0</v>
      </c>
      <c r="AK13" s="114">
        <v>0</v>
      </c>
      <c r="AL13" s="113">
        <v>0</v>
      </c>
      <c r="AM13" s="110">
        <v>0</v>
      </c>
      <c r="AN13" s="114">
        <v>46292</v>
      </c>
      <c r="AO13" s="114">
        <v>152939</v>
      </c>
      <c r="AP13" s="114">
        <v>535411</v>
      </c>
      <c r="AQ13" s="114">
        <v>795913</v>
      </c>
      <c r="AR13" s="114">
        <v>664107</v>
      </c>
      <c r="AS13" s="113">
        <v>2194662</v>
      </c>
      <c r="AT13" s="116">
        <v>2194662</v>
      </c>
      <c r="AU13" s="110">
        <v>65380</v>
      </c>
      <c r="AV13" s="114">
        <v>152305</v>
      </c>
      <c r="AW13" s="113">
        <v>217685</v>
      </c>
      <c r="AX13" s="110">
        <v>0</v>
      </c>
      <c r="AY13" s="114">
        <v>2216908</v>
      </c>
      <c r="AZ13" s="114">
        <v>1885076</v>
      </c>
      <c r="BA13" s="114">
        <v>1399299</v>
      </c>
      <c r="BB13" s="114">
        <v>1158299</v>
      </c>
      <c r="BC13" s="114">
        <v>905467</v>
      </c>
      <c r="BD13" s="113">
        <v>7565049</v>
      </c>
      <c r="BE13" s="116">
        <v>7782734</v>
      </c>
      <c r="BF13" s="110">
        <v>0</v>
      </c>
      <c r="BG13" s="114">
        <v>0</v>
      </c>
      <c r="BH13" s="112">
        <v>0</v>
      </c>
      <c r="BI13" s="111">
        <v>0</v>
      </c>
      <c r="BJ13" s="114">
        <v>232760</v>
      </c>
      <c r="BK13" s="114">
        <v>26956</v>
      </c>
      <c r="BL13" s="114">
        <v>202260</v>
      </c>
      <c r="BM13" s="114">
        <v>85503</v>
      </c>
      <c r="BN13" s="114">
        <v>0</v>
      </c>
      <c r="BO13" s="113">
        <v>547479</v>
      </c>
      <c r="BP13" s="116">
        <v>547479</v>
      </c>
      <c r="BQ13" s="110">
        <v>170368</v>
      </c>
      <c r="BR13" s="114">
        <v>115552</v>
      </c>
      <c r="BS13" s="113">
        <v>285920</v>
      </c>
      <c r="BT13" s="110">
        <v>0</v>
      </c>
      <c r="BU13" s="114">
        <v>1418968</v>
      </c>
      <c r="BV13" s="114">
        <v>980224</v>
      </c>
      <c r="BW13" s="114">
        <v>1050400</v>
      </c>
      <c r="BX13" s="114">
        <v>1045160</v>
      </c>
      <c r="BY13" s="114">
        <v>497944</v>
      </c>
      <c r="BZ13" s="113">
        <v>4992696</v>
      </c>
      <c r="CA13" s="116">
        <v>5278616</v>
      </c>
      <c r="CB13" s="110">
        <v>38578</v>
      </c>
      <c r="CC13" s="114">
        <v>0</v>
      </c>
      <c r="CD13" s="113">
        <v>38578</v>
      </c>
      <c r="CE13" s="110">
        <v>0</v>
      </c>
      <c r="CF13" s="114">
        <v>6575701</v>
      </c>
      <c r="CG13" s="114">
        <v>6373627</v>
      </c>
      <c r="CH13" s="114">
        <v>4150205</v>
      </c>
      <c r="CI13" s="114">
        <v>1506595</v>
      </c>
      <c r="CJ13" s="114">
        <v>1039575</v>
      </c>
      <c r="CK13" s="113">
        <v>19645703</v>
      </c>
      <c r="CL13" s="116">
        <v>19684281</v>
      </c>
      <c r="CM13" s="110">
        <v>0</v>
      </c>
      <c r="CN13" s="114">
        <v>0</v>
      </c>
      <c r="CO13" s="113">
        <v>0</v>
      </c>
      <c r="CP13" s="111">
        <v>0</v>
      </c>
      <c r="CQ13" s="114">
        <v>5712056</v>
      </c>
      <c r="CR13" s="114">
        <v>4890587</v>
      </c>
      <c r="CS13" s="114">
        <v>3331244</v>
      </c>
      <c r="CT13" s="114">
        <v>1222789</v>
      </c>
      <c r="CU13" s="114">
        <v>1039575</v>
      </c>
      <c r="CV13" s="113">
        <v>16196251</v>
      </c>
      <c r="CW13" s="116">
        <v>16196251</v>
      </c>
      <c r="CX13" s="110">
        <v>38578</v>
      </c>
      <c r="CY13" s="114">
        <v>0</v>
      </c>
      <c r="CZ13" s="113">
        <v>38578</v>
      </c>
      <c r="DA13" s="110">
        <v>0</v>
      </c>
      <c r="DB13" s="114">
        <v>863645</v>
      </c>
      <c r="DC13" s="114">
        <v>1483040</v>
      </c>
      <c r="DD13" s="114">
        <v>818961</v>
      </c>
      <c r="DE13" s="114">
        <v>283806</v>
      </c>
      <c r="DF13" s="114">
        <v>0</v>
      </c>
      <c r="DG13" s="113">
        <v>3449452</v>
      </c>
      <c r="DH13" s="116">
        <v>3488030</v>
      </c>
      <c r="DI13" s="110">
        <v>0</v>
      </c>
      <c r="DJ13" s="114">
        <v>0</v>
      </c>
      <c r="DK13" s="112">
        <v>0</v>
      </c>
      <c r="DL13" s="111">
        <v>0</v>
      </c>
      <c r="DM13" s="114">
        <v>779777</v>
      </c>
      <c r="DN13" s="114">
        <v>1217877</v>
      </c>
      <c r="DO13" s="114">
        <v>853803</v>
      </c>
      <c r="DP13" s="114">
        <v>1146214</v>
      </c>
      <c r="DQ13" s="114">
        <v>410862</v>
      </c>
      <c r="DR13" s="113">
        <v>4408533</v>
      </c>
      <c r="DS13" s="116">
        <v>4408533</v>
      </c>
      <c r="DT13" s="110">
        <v>0</v>
      </c>
      <c r="DU13" s="114">
        <v>0</v>
      </c>
      <c r="DV13" s="113">
        <v>0</v>
      </c>
      <c r="DW13" s="110">
        <v>0</v>
      </c>
      <c r="DX13" s="114">
        <v>767949</v>
      </c>
      <c r="DY13" s="114">
        <v>1144073</v>
      </c>
      <c r="DZ13" s="114">
        <v>853803</v>
      </c>
      <c r="EA13" s="114">
        <v>1146214</v>
      </c>
      <c r="EB13" s="114">
        <v>410862</v>
      </c>
      <c r="EC13" s="113">
        <v>4322901</v>
      </c>
      <c r="ED13" s="116">
        <v>4322901</v>
      </c>
      <c r="EE13" s="110">
        <v>0</v>
      </c>
      <c r="EF13" s="112">
        <v>0</v>
      </c>
      <c r="EG13" s="113">
        <v>0</v>
      </c>
      <c r="EH13" s="110">
        <v>0</v>
      </c>
      <c r="EI13" s="114">
        <v>11828</v>
      </c>
      <c r="EJ13" s="114">
        <v>73804</v>
      </c>
      <c r="EK13" s="114">
        <v>0</v>
      </c>
      <c r="EL13" s="114">
        <v>0</v>
      </c>
      <c r="EM13" s="114">
        <v>0</v>
      </c>
      <c r="EN13" s="112">
        <v>85632</v>
      </c>
      <c r="EO13" s="116">
        <v>85632</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332536</v>
      </c>
      <c r="FM13" s="114">
        <v>239584</v>
      </c>
      <c r="FN13" s="113">
        <v>572120</v>
      </c>
      <c r="FO13" s="110">
        <v>0</v>
      </c>
      <c r="FP13" s="114">
        <v>1284512</v>
      </c>
      <c r="FQ13" s="114">
        <v>2831464</v>
      </c>
      <c r="FR13" s="114">
        <v>1693664</v>
      </c>
      <c r="FS13" s="114">
        <v>1369472</v>
      </c>
      <c r="FT13" s="114">
        <v>713056</v>
      </c>
      <c r="FU13" s="113">
        <v>7892168</v>
      </c>
      <c r="FV13" s="116">
        <v>8464288</v>
      </c>
      <c r="FW13" s="115">
        <v>68536</v>
      </c>
      <c r="FX13" s="114">
        <v>175824</v>
      </c>
      <c r="FY13" s="112">
        <v>244360</v>
      </c>
      <c r="FZ13" s="111">
        <v>0</v>
      </c>
      <c r="GA13" s="114">
        <v>716096</v>
      </c>
      <c r="GB13" s="114">
        <v>2430376</v>
      </c>
      <c r="GC13" s="114">
        <v>1446272</v>
      </c>
      <c r="GD13" s="114">
        <v>1104072</v>
      </c>
      <c r="GE13" s="114">
        <v>701216</v>
      </c>
      <c r="GF13" s="113">
        <v>6398032</v>
      </c>
      <c r="GG13" s="318">
        <v>6642392</v>
      </c>
      <c r="GH13" s="115">
        <v>0</v>
      </c>
      <c r="GI13" s="114">
        <v>0</v>
      </c>
      <c r="GJ13" s="112">
        <v>0</v>
      </c>
      <c r="GK13" s="111">
        <v>0</v>
      </c>
      <c r="GL13" s="114">
        <v>29216</v>
      </c>
      <c r="GM13" s="114">
        <v>34624</v>
      </c>
      <c r="GN13" s="114">
        <v>87392</v>
      </c>
      <c r="GO13" s="114">
        <v>12800</v>
      </c>
      <c r="GP13" s="114">
        <v>11840</v>
      </c>
      <c r="GQ13" s="113">
        <v>175872</v>
      </c>
      <c r="GR13" s="116">
        <v>175872</v>
      </c>
      <c r="GS13" s="110">
        <v>264000</v>
      </c>
      <c r="GT13" s="114">
        <v>63760</v>
      </c>
      <c r="GU13" s="113">
        <v>327760</v>
      </c>
      <c r="GV13" s="110">
        <v>0</v>
      </c>
      <c r="GW13" s="114">
        <v>539200</v>
      </c>
      <c r="GX13" s="114">
        <v>366464</v>
      </c>
      <c r="GY13" s="114">
        <v>160000</v>
      </c>
      <c r="GZ13" s="114">
        <v>252600</v>
      </c>
      <c r="HA13" s="114">
        <v>0</v>
      </c>
      <c r="HB13" s="112">
        <v>1318264</v>
      </c>
      <c r="HC13" s="116">
        <v>1646024</v>
      </c>
      <c r="HD13" s="110">
        <v>436813</v>
      </c>
      <c r="HE13" s="114">
        <v>427109</v>
      </c>
      <c r="HF13" s="112">
        <v>863922</v>
      </c>
      <c r="HG13" s="111">
        <v>0</v>
      </c>
      <c r="HH13" s="114">
        <v>8888980</v>
      </c>
      <c r="HI13" s="114">
        <v>4975060</v>
      </c>
      <c r="HJ13" s="114">
        <v>5113011</v>
      </c>
      <c r="HK13" s="114">
        <v>5587621</v>
      </c>
      <c r="HL13" s="114">
        <v>2353487</v>
      </c>
      <c r="HM13" s="113">
        <v>26918159</v>
      </c>
      <c r="HN13" s="109">
        <v>27782081</v>
      </c>
      <c r="HO13" s="328"/>
      <c r="HP13" s="329"/>
      <c r="HQ13" s="330"/>
      <c r="HR13" s="331"/>
      <c r="HS13" s="329"/>
      <c r="HT13" s="329"/>
      <c r="HU13" s="329"/>
      <c r="HV13" s="329"/>
      <c r="HW13" s="329"/>
      <c r="HX13" s="332"/>
      <c r="HY13" s="333"/>
      <c r="HZ13" s="131">
        <v>138473</v>
      </c>
      <c r="IA13" s="132">
        <v>64624</v>
      </c>
      <c r="IB13" s="133">
        <v>203097</v>
      </c>
      <c r="IC13" s="146">
        <v>0</v>
      </c>
      <c r="ID13" s="132">
        <v>6722233</v>
      </c>
      <c r="IE13" s="147">
        <v>4115166</v>
      </c>
      <c r="IF13" s="133">
        <v>5051368</v>
      </c>
      <c r="IG13" s="132">
        <v>4358969</v>
      </c>
      <c r="IH13" s="133">
        <v>1402619</v>
      </c>
      <c r="II13" s="148">
        <v>21650355</v>
      </c>
      <c r="IJ13" s="139">
        <v>21853452</v>
      </c>
      <c r="IK13" s="232">
        <v>0</v>
      </c>
      <c r="IL13" s="236">
        <v>0</v>
      </c>
      <c r="IM13" s="237">
        <v>0</v>
      </c>
      <c r="IN13" s="140"/>
      <c r="IO13" s="119">
        <v>0</v>
      </c>
      <c r="IP13" s="119">
        <v>0</v>
      </c>
      <c r="IQ13" s="119">
        <v>0</v>
      </c>
      <c r="IR13" s="119">
        <v>0</v>
      </c>
      <c r="IS13" s="119">
        <v>0</v>
      </c>
      <c r="IT13" s="141">
        <v>0</v>
      </c>
      <c r="IU13" s="320">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080811</v>
      </c>
      <c r="JL13" s="119">
        <v>2024711</v>
      </c>
      <c r="JM13" s="119">
        <v>812051</v>
      </c>
      <c r="JN13" s="119">
        <v>290508</v>
      </c>
      <c r="JO13" s="119">
        <v>356835</v>
      </c>
      <c r="JP13" s="120">
        <v>6564916</v>
      </c>
      <c r="JQ13" s="320">
        <v>6564916</v>
      </c>
      <c r="JR13" s="142">
        <v>0</v>
      </c>
      <c r="JS13" s="119">
        <v>0</v>
      </c>
      <c r="JT13" s="141">
        <v>0</v>
      </c>
      <c r="JU13" s="118">
        <v>0</v>
      </c>
      <c r="JV13" s="119">
        <v>594955</v>
      </c>
      <c r="JW13" s="119">
        <v>873218</v>
      </c>
      <c r="JX13" s="119">
        <v>790347</v>
      </c>
      <c r="JY13" s="119">
        <v>190548</v>
      </c>
      <c r="JZ13" s="119">
        <v>184168</v>
      </c>
      <c r="KA13" s="120">
        <v>2633236</v>
      </c>
      <c r="KB13" s="320">
        <v>2633236</v>
      </c>
      <c r="KC13" s="234">
        <v>138473</v>
      </c>
      <c r="KD13" s="230">
        <v>64624</v>
      </c>
      <c r="KE13" s="120">
        <v>203097</v>
      </c>
      <c r="KF13" s="118">
        <v>0</v>
      </c>
      <c r="KG13" s="119">
        <v>334990</v>
      </c>
      <c r="KH13" s="119">
        <v>466157</v>
      </c>
      <c r="KI13" s="119">
        <v>0</v>
      </c>
      <c r="KJ13" s="119">
        <v>225254</v>
      </c>
      <c r="KK13" s="119">
        <v>0</v>
      </c>
      <c r="KL13" s="120">
        <v>1026401</v>
      </c>
      <c r="KM13" s="143">
        <v>1229498</v>
      </c>
      <c r="KN13" s="232">
        <v>0</v>
      </c>
      <c r="KO13" s="236">
        <v>0</v>
      </c>
      <c r="KP13" s="237">
        <v>0</v>
      </c>
      <c r="KQ13" s="140"/>
      <c r="KR13" s="119">
        <v>2571838</v>
      </c>
      <c r="KS13" s="119">
        <v>586745</v>
      </c>
      <c r="KT13" s="119">
        <v>3168746</v>
      </c>
      <c r="KU13" s="119">
        <v>3124088</v>
      </c>
      <c r="KV13" s="119">
        <v>513737</v>
      </c>
      <c r="KW13" s="120">
        <v>9965154</v>
      </c>
      <c r="KX13" s="320">
        <v>9965154</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39639</v>
      </c>
      <c r="LZ13" s="119">
        <v>164335</v>
      </c>
      <c r="MA13" s="119">
        <v>280224</v>
      </c>
      <c r="MB13" s="119">
        <v>528571</v>
      </c>
      <c r="MC13" s="119">
        <v>347879</v>
      </c>
      <c r="MD13" s="120">
        <v>1460648</v>
      </c>
      <c r="ME13" s="121">
        <v>1460648</v>
      </c>
      <c r="MF13" s="142">
        <v>0</v>
      </c>
      <c r="MG13" s="119">
        <v>0</v>
      </c>
      <c r="MH13" s="120">
        <v>0</v>
      </c>
      <c r="MI13" s="145"/>
      <c r="MJ13" s="119">
        <v>2093942</v>
      </c>
      <c r="MK13" s="119">
        <v>5025223</v>
      </c>
      <c r="ML13" s="119">
        <v>7451734</v>
      </c>
      <c r="MM13" s="119">
        <v>20974614</v>
      </c>
      <c r="MN13" s="119">
        <v>10234733</v>
      </c>
      <c r="MO13" s="120">
        <v>45780246</v>
      </c>
      <c r="MP13" s="143">
        <v>45780246</v>
      </c>
      <c r="MQ13" s="142">
        <v>0</v>
      </c>
      <c r="MR13" s="119">
        <v>0</v>
      </c>
      <c r="MS13" s="120">
        <v>0</v>
      </c>
      <c r="MT13" s="145"/>
      <c r="MU13" s="119">
        <v>0</v>
      </c>
      <c r="MV13" s="119">
        <v>928040</v>
      </c>
      <c r="MW13" s="119">
        <v>4889266</v>
      </c>
      <c r="MX13" s="119">
        <v>13479938</v>
      </c>
      <c r="MY13" s="119">
        <v>7535857</v>
      </c>
      <c r="MZ13" s="120">
        <v>26833101</v>
      </c>
      <c r="NA13" s="143">
        <v>26833101</v>
      </c>
      <c r="NB13" s="142">
        <v>0</v>
      </c>
      <c r="NC13" s="119">
        <v>0</v>
      </c>
      <c r="ND13" s="120">
        <v>0</v>
      </c>
      <c r="NE13" s="145"/>
      <c r="NF13" s="119">
        <v>2093942</v>
      </c>
      <c r="NG13" s="119">
        <v>4097183</v>
      </c>
      <c r="NH13" s="119">
        <v>2562468</v>
      </c>
      <c r="NI13" s="119">
        <v>7494676</v>
      </c>
      <c r="NJ13" s="119">
        <v>2698876</v>
      </c>
      <c r="NK13" s="120">
        <v>18947145</v>
      </c>
      <c r="NL13" s="320">
        <v>18947145</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182148</v>
      </c>
      <c r="OJ13" s="119">
        <v>999174</v>
      </c>
      <c r="OK13" s="141">
        <v>2181322</v>
      </c>
      <c r="OL13" s="118">
        <v>0</v>
      </c>
      <c r="OM13" s="119">
        <v>33788751</v>
      </c>
      <c r="ON13" s="119">
        <v>31248587</v>
      </c>
      <c r="OO13" s="119">
        <v>31122107</v>
      </c>
      <c r="OP13" s="119">
        <v>41718179</v>
      </c>
      <c r="OQ13" s="119">
        <v>21397252</v>
      </c>
      <c r="OR13" s="120">
        <v>159274876</v>
      </c>
      <c r="OS13" s="143">
        <v>161456198</v>
      </c>
    </row>
    <row r="14" spans="1:409" ht="20.25" customHeight="1" x14ac:dyDescent="0.2">
      <c r="B14" s="126" t="s">
        <v>8</v>
      </c>
      <c r="C14" s="110">
        <v>897776</v>
      </c>
      <c r="D14" s="114">
        <v>965962</v>
      </c>
      <c r="E14" s="113">
        <v>1863738</v>
      </c>
      <c r="F14" s="109">
        <v>0</v>
      </c>
      <c r="G14" s="114">
        <v>6132808</v>
      </c>
      <c r="H14" s="114">
        <v>8290388</v>
      </c>
      <c r="I14" s="114">
        <v>8920712</v>
      </c>
      <c r="J14" s="114">
        <v>5488256</v>
      </c>
      <c r="K14" s="114">
        <v>5350612</v>
      </c>
      <c r="L14" s="109">
        <v>34182776</v>
      </c>
      <c r="M14" s="116">
        <v>36046514</v>
      </c>
      <c r="N14" s="110">
        <v>149930</v>
      </c>
      <c r="O14" s="114">
        <v>304950</v>
      </c>
      <c r="P14" s="113">
        <v>454880</v>
      </c>
      <c r="Q14" s="110">
        <v>0</v>
      </c>
      <c r="R14" s="114">
        <v>1785716</v>
      </c>
      <c r="S14" s="114">
        <v>3256819</v>
      </c>
      <c r="T14" s="114">
        <v>3140054</v>
      </c>
      <c r="U14" s="114">
        <v>2433745</v>
      </c>
      <c r="V14" s="114">
        <v>2214567</v>
      </c>
      <c r="W14" s="113">
        <v>12830901</v>
      </c>
      <c r="X14" s="116">
        <v>13285781</v>
      </c>
      <c r="Y14" s="110">
        <v>0</v>
      </c>
      <c r="Z14" s="114">
        <v>0</v>
      </c>
      <c r="AA14" s="113">
        <v>0</v>
      </c>
      <c r="AB14" s="110">
        <v>0</v>
      </c>
      <c r="AC14" s="114">
        <v>723429</v>
      </c>
      <c r="AD14" s="114">
        <v>1899009</v>
      </c>
      <c r="AE14" s="114">
        <v>1862430</v>
      </c>
      <c r="AF14" s="114">
        <v>1172504</v>
      </c>
      <c r="AG14" s="114">
        <v>1311615</v>
      </c>
      <c r="AH14" s="113">
        <v>6968987</v>
      </c>
      <c r="AI14" s="116">
        <v>6968987</v>
      </c>
      <c r="AJ14" s="110">
        <v>0</v>
      </c>
      <c r="AK14" s="114">
        <v>0</v>
      </c>
      <c r="AL14" s="113">
        <v>0</v>
      </c>
      <c r="AM14" s="110">
        <v>0</v>
      </c>
      <c r="AN14" s="114">
        <v>0</v>
      </c>
      <c r="AO14" s="114">
        <v>57865</v>
      </c>
      <c r="AP14" s="114">
        <v>93293</v>
      </c>
      <c r="AQ14" s="114">
        <v>257848</v>
      </c>
      <c r="AR14" s="114">
        <v>155045</v>
      </c>
      <c r="AS14" s="113">
        <v>564051</v>
      </c>
      <c r="AT14" s="116">
        <v>564051</v>
      </c>
      <c r="AU14" s="110">
        <v>56074</v>
      </c>
      <c r="AV14" s="114">
        <v>218753</v>
      </c>
      <c r="AW14" s="113">
        <v>274827</v>
      </c>
      <c r="AX14" s="110">
        <v>0</v>
      </c>
      <c r="AY14" s="114">
        <v>602932</v>
      </c>
      <c r="AZ14" s="114">
        <v>934136</v>
      </c>
      <c r="BA14" s="114">
        <v>676768</v>
      </c>
      <c r="BB14" s="114">
        <v>613493</v>
      </c>
      <c r="BC14" s="114">
        <v>437867</v>
      </c>
      <c r="BD14" s="113">
        <v>3265196</v>
      </c>
      <c r="BE14" s="116">
        <v>3540023</v>
      </c>
      <c r="BF14" s="110">
        <v>0</v>
      </c>
      <c r="BG14" s="114">
        <v>10397</v>
      </c>
      <c r="BH14" s="112">
        <v>10397</v>
      </c>
      <c r="BI14" s="111">
        <v>0</v>
      </c>
      <c r="BJ14" s="114">
        <v>61155</v>
      </c>
      <c r="BK14" s="114">
        <v>83953</v>
      </c>
      <c r="BL14" s="114">
        <v>171147</v>
      </c>
      <c r="BM14" s="114">
        <v>98484</v>
      </c>
      <c r="BN14" s="114">
        <v>15849</v>
      </c>
      <c r="BO14" s="113">
        <v>430588</v>
      </c>
      <c r="BP14" s="116">
        <v>440985</v>
      </c>
      <c r="BQ14" s="110">
        <v>93856</v>
      </c>
      <c r="BR14" s="114">
        <v>75800</v>
      </c>
      <c r="BS14" s="113">
        <v>169656</v>
      </c>
      <c r="BT14" s="110">
        <v>0</v>
      </c>
      <c r="BU14" s="114">
        <v>398200</v>
      </c>
      <c r="BV14" s="114">
        <v>281856</v>
      </c>
      <c r="BW14" s="114">
        <v>336416</v>
      </c>
      <c r="BX14" s="114">
        <v>291416</v>
      </c>
      <c r="BY14" s="114">
        <v>294191</v>
      </c>
      <c r="BZ14" s="113">
        <v>1602079</v>
      </c>
      <c r="CA14" s="116">
        <v>1771735</v>
      </c>
      <c r="CB14" s="110">
        <v>162319</v>
      </c>
      <c r="CC14" s="114">
        <v>97994</v>
      </c>
      <c r="CD14" s="113">
        <v>260313</v>
      </c>
      <c r="CE14" s="110">
        <v>0</v>
      </c>
      <c r="CF14" s="114">
        <v>1725822</v>
      </c>
      <c r="CG14" s="114">
        <v>2294541</v>
      </c>
      <c r="CH14" s="114">
        <v>2505911</v>
      </c>
      <c r="CI14" s="114">
        <v>1102056</v>
      </c>
      <c r="CJ14" s="114">
        <v>531903</v>
      </c>
      <c r="CK14" s="113">
        <v>8160233</v>
      </c>
      <c r="CL14" s="116">
        <v>8420546</v>
      </c>
      <c r="CM14" s="110">
        <v>0</v>
      </c>
      <c r="CN14" s="114">
        <v>0</v>
      </c>
      <c r="CO14" s="113">
        <v>0</v>
      </c>
      <c r="CP14" s="111">
        <v>0</v>
      </c>
      <c r="CQ14" s="114">
        <v>1285656</v>
      </c>
      <c r="CR14" s="114">
        <v>1992830</v>
      </c>
      <c r="CS14" s="114">
        <v>1956709</v>
      </c>
      <c r="CT14" s="114">
        <v>809377</v>
      </c>
      <c r="CU14" s="114">
        <v>363374</v>
      </c>
      <c r="CV14" s="113">
        <v>6407946</v>
      </c>
      <c r="CW14" s="116">
        <v>6407946</v>
      </c>
      <c r="CX14" s="110">
        <v>162319</v>
      </c>
      <c r="CY14" s="114">
        <v>97994</v>
      </c>
      <c r="CZ14" s="113">
        <v>260313</v>
      </c>
      <c r="DA14" s="110">
        <v>0</v>
      </c>
      <c r="DB14" s="114">
        <v>440166</v>
      </c>
      <c r="DC14" s="114">
        <v>301711</v>
      </c>
      <c r="DD14" s="114">
        <v>549202</v>
      </c>
      <c r="DE14" s="114">
        <v>292679</v>
      </c>
      <c r="DF14" s="114">
        <v>168529</v>
      </c>
      <c r="DG14" s="113">
        <v>1752287</v>
      </c>
      <c r="DH14" s="116">
        <v>2012600</v>
      </c>
      <c r="DI14" s="110">
        <v>0</v>
      </c>
      <c r="DJ14" s="114">
        <v>0</v>
      </c>
      <c r="DK14" s="112">
        <v>0</v>
      </c>
      <c r="DL14" s="111">
        <v>0</v>
      </c>
      <c r="DM14" s="114">
        <v>167377</v>
      </c>
      <c r="DN14" s="114">
        <v>266456</v>
      </c>
      <c r="DO14" s="114">
        <v>376821</v>
      </c>
      <c r="DP14" s="114">
        <v>73780</v>
      </c>
      <c r="DQ14" s="114">
        <v>0</v>
      </c>
      <c r="DR14" s="113">
        <v>884434</v>
      </c>
      <c r="DS14" s="116">
        <v>884434</v>
      </c>
      <c r="DT14" s="110">
        <v>0</v>
      </c>
      <c r="DU14" s="114">
        <v>0</v>
      </c>
      <c r="DV14" s="113">
        <v>0</v>
      </c>
      <c r="DW14" s="110">
        <v>0</v>
      </c>
      <c r="DX14" s="114">
        <v>167377</v>
      </c>
      <c r="DY14" s="114">
        <v>235803</v>
      </c>
      <c r="DZ14" s="114">
        <v>276961</v>
      </c>
      <c r="EA14" s="114">
        <v>73780</v>
      </c>
      <c r="EB14" s="114">
        <v>0</v>
      </c>
      <c r="EC14" s="113">
        <v>753921</v>
      </c>
      <c r="ED14" s="116">
        <v>753921</v>
      </c>
      <c r="EE14" s="110">
        <v>0</v>
      </c>
      <c r="EF14" s="112">
        <v>0</v>
      </c>
      <c r="EG14" s="113">
        <v>0</v>
      </c>
      <c r="EH14" s="110">
        <v>0</v>
      </c>
      <c r="EI14" s="114">
        <v>0</v>
      </c>
      <c r="EJ14" s="114">
        <v>30653</v>
      </c>
      <c r="EK14" s="114">
        <v>99860</v>
      </c>
      <c r="EL14" s="114">
        <v>0</v>
      </c>
      <c r="EM14" s="114">
        <v>0</v>
      </c>
      <c r="EN14" s="112">
        <v>130513</v>
      </c>
      <c r="EO14" s="116">
        <v>130513</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373488</v>
      </c>
      <c r="FM14" s="114">
        <v>99632</v>
      </c>
      <c r="FN14" s="113">
        <v>473120</v>
      </c>
      <c r="FO14" s="110">
        <v>0</v>
      </c>
      <c r="FP14" s="114">
        <v>449400</v>
      </c>
      <c r="FQ14" s="114">
        <v>1215184</v>
      </c>
      <c r="FR14" s="114">
        <v>987036</v>
      </c>
      <c r="FS14" s="114">
        <v>754104</v>
      </c>
      <c r="FT14" s="114">
        <v>277056</v>
      </c>
      <c r="FU14" s="113">
        <v>3682780</v>
      </c>
      <c r="FV14" s="116">
        <v>4155900</v>
      </c>
      <c r="FW14" s="115">
        <v>79968</v>
      </c>
      <c r="FX14" s="114">
        <v>99632</v>
      </c>
      <c r="FY14" s="112">
        <v>179600</v>
      </c>
      <c r="FZ14" s="111">
        <v>0</v>
      </c>
      <c r="GA14" s="114">
        <v>322600</v>
      </c>
      <c r="GB14" s="114">
        <v>1056784</v>
      </c>
      <c r="GC14" s="114">
        <v>663688</v>
      </c>
      <c r="GD14" s="114">
        <v>674104</v>
      </c>
      <c r="GE14" s="114">
        <v>277056</v>
      </c>
      <c r="GF14" s="113">
        <v>2994232</v>
      </c>
      <c r="GG14" s="318">
        <v>3173832</v>
      </c>
      <c r="GH14" s="115">
        <v>0</v>
      </c>
      <c r="GI14" s="114">
        <v>0</v>
      </c>
      <c r="GJ14" s="112">
        <v>0</v>
      </c>
      <c r="GK14" s="111">
        <v>0</v>
      </c>
      <c r="GL14" s="114">
        <v>126800</v>
      </c>
      <c r="GM14" s="114">
        <v>0</v>
      </c>
      <c r="GN14" s="114">
        <v>23188</v>
      </c>
      <c r="GO14" s="114">
        <v>80000</v>
      </c>
      <c r="GP14" s="114">
        <v>0</v>
      </c>
      <c r="GQ14" s="113">
        <v>229988</v>
      </c>
      <c r="GR14" s="116">
        <v>229988</v>
      </c>
      <c r="GS14" s="110">
        <v>293520</v>
      </c>
      <c r="GT14" s="114">
        <v>0</v>
      </c>
      <c r="GU14" s="113">
        <v>293520</v>
      </c>
      <c r="GV14" s="110">
        <v>0</v>
      </c>
      <c r="GW14" s="114">
        <v>0</v>
      </c>
      <c r="GX14" s="114">
        <v>158400</v>
      </c>
      <c r="GY14" s="114">
        <v>300160</v>
      </c>
      <c r="GZ14" s="114">
        <v>0</v>
      </c>
      <c r="HA14" s="114">
        <v>0</v>
      </c>
      <c r="HB14" s="112">
        <v>458560</v>
      </c>
      <c r="HC14" s="116">
        <v>752080</v>
      </c>
      <c r="HD14" s="110">
        <v>212039</v>
      </c>
      <c r="HE14" s="114">
        <v>463386</v>
      </c>
      <c r="HF14" s="112">
        <v>675425</v>
      </c>
      <c r="HG14" s="111">
        <v>0</v>
      </c>
      <c r="HH14" s="114">
        <v>2004493</v>
      </c>
      <c r="HI14" s="114">
        <v>1257388</v>
      </c>
      <c r="HJ14" s="114">
        <v>1910890</v>
      </c>
      <c r="HK14" s="114">
        <v>1124571</v>
      </c>
      <c r="HL14" s="114">
        <v>2327086</v>
      </c>
      <c r="HM14" s="113">
        <v>8624428</v>
      </c>
      <c r="HN14" s="109">
        <v>9299853</v>
      </c>
      <c r="HO14" s="328"/>
      <c r="HP14" s="329"/>
      <c r="HQ14" s="330"/>
      <c r="HR14" s="331"/>
      <c r="HS14" s="329"/>
      <c r="HT14" s="329"/>
      <c r="HU14" s="329"/>
      <c r="HV14" s="329"/>
      <c r="HW14" s="329"/>
      <c r="HX14" s="332"/>
      <c r="HY14" s="333"/>
      <c r="HZ14" s="131">
        <v>94669</v>
      </c>
      <c r="IA14" s="132">
        <v>0</v>
      </c>
      <c r="IB14" s="133">
        <v>94669</v>
      </c>
      <c r="IC14" s="134">
        <v>0</v>
      </c>
      <c r="ID14" s="135">
        <v>2986742</v>
      </c>
      <c r="IE14" s="136">
        <v>2399029</v>
      </c>
      <c r="IF14" s="137">
        <v>2317296</v>
      </c>
      <c r="IG14" s="135">
        <v>2491682</v>
      </c>
      <c r="IH14" s="137">
        <v>1126988</v>
      </c>
      <c r="II14" s="138">
        <v>11321737</v>
      </c>
      <c r="IJ14" s="139">
        <v>11416406</v>
      </c>
      <c r="IK14" s="232">
        <v>0</v>
      </c>
      <c r="IL14" s="236">
        <v>0</v>
      </c>
      <c r="IM14" s="237">
        <v>0</v>
      </c>
      <c r="IN14" s="140"/>
      <c r="IO14" s="119">
        <v>0</v>
      </c>
      <c r="IP14" s="119">
        <v>0</v>
      </c>
      <c r="IQ14" s="119">
        <v>0</v>
      </c>
      <c r="IR14" s="119">
        <v>0</v>
      </c>
      <c r="IS14" s="119">
        <v>0</v>
      </c>
      <c r="IT14" s="141">
        <v>0</v>
      </c>
      <c r="IU14" s="320">
        <v>0</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267235</v>
      </c>
      <c r="JL14" s="119">
        <v>1102067</v>
      </c>
      <c r="JM14" s="119">
        <v>803037</v>
      </c>
      <c r="JN14" s="119">
        <v>505659</v>
      </c>
      <c r="JO14" s="119">
        <v>168837</v>
      </c>
      <c r="JP14" s="120">
        <v>3846835</v>
      </c>
      <c r="JQ14" s="320">
        <v>3846835</v>
      </c>
      <c r="JR14" s="142">
        <v>0</v>
      </c>
      <c r="JS14" s="119">
        <v>0</v>
      </c>
      <c r="JT14" s="141">
        <v>0</v>
      </c>
      <c r="JU14" s="118">
        <v>0</v>
      </c>
      <c r="JV14" s="119">
        <v>0</v>
      </c>
      <c r="JW14" s="119">
        <v>0</v>
      </c>
      <c r="JX14" s="119">
        <v>0</v>
      </c>
      <c r="JY14" s="119">
        <v>12052</v>
      </c>
      <c r="JZ14" s="119">
        <v>0</v>
      </c>
      <c r="KA14" s="120">
        <v>12052</v>
      </c>
      <c r="KB14" s="320">
        <v>12052</v>
      </c>
      <c r="KC14" s="234">
        <v>94669</v>
      </c>
      <c r="KD14" s="230">
        <v>0</v>
      </c>
      <c r="KE14" s="120">
        <v>94669</v>
      </c>
      <c r="KF14" s="118">
        <v>0</v>
      </c>
      <c r="KG14" s="119">
        <v>374286</v>
      </c>
      <c r="KH14" s="119">
        <v>340941</v>
      </c>
      <c r="KI14" s="119">
        <v>476268</v>
      </c>
      <c r="KJ14" s="119">
        <v>265732</v>
      </c>
      <c r="KK14" s="119">
        <v>0</v>
      </c>
      <c r="KL14" s="120">
        <v>1457227</v>
      </c>
      <c r="KM14" s="143">
        <v>1551896</v>
      </c>
      <c r="KN14" s="232">
        <v>0</v>
      </c>
      <c r="KO14" s="236">
        <v>0</v>
      </c>
      <c r="KP14" s="237">
        <v>0</v>
      </c>
      <c r="KQ14" s="140"/>
      <c r="KR14" s="119">
        <v>932380</v>
      </c>
      <c r="KS14" s="119">
        <v>956021</v>
      </c>
      <c r="KT14" s="119">
        <v>633284</v>
      </c>
      <c r="KU14" s="119">
        <v>979339</v>
      </c>
      <c r="KV14" s="119">
        <v>320662</v>
      </c>
      <c r="KW14" s="120">
        <v>3821686</v>
      </c>
      <c r="KX14" s="320">
        <v>3821686</v>
      </c>
      <c r="KY14" s="142">
        <v>0</v>
      </c>
      <c r="KZ14" s="119">
        <v>0</v>
      </c>
      <c r="LA14" s="120">
        <v>0</v>
      </c>
      <c r="LB14" s="145"/>
      <c r="LC14" s="119">
        <v>0</v>
      </c>
      <c r="LD14" s="119">
        <v>0</v>
      </c>
      <c r="LE14" s="119">
        <v>193876</v>
      </c>
      <c r="LF14" s="119">
        <v>433146</v>
      </c>
      <c r="LG14" s="119">
        <v>0</v>
      </c>
      <c r="LH14" s="120">
        <v>627022</v>
      </c>
      <c r="LI14" s="121">
        <v>627022</v>
      </c>
      <c r="LJ14" s="142">
        <v>0</v>
      </c>
      <c r="LK14" s="119">
        <v>0</v>
      </c>
      <c r="LL14" s="120">
        <v>0</v>
      </c>
      <c r="LM14" s="145"/>
      <c r="LN14" s="119">
        <v>0</v>
      </c>
      <c r="LO14" s="119">
        <v>0</v>
      </c>
      <c r="LP14" s="119">
        <v>0</v>
      </c>
      <c r="LQ14" s="119">
        <v>0</v>
      </c>
      <c r="LR14" s="119">
        <v>0</v>
      </c>
      <c r="LS14" s="120">
        <v>0</v>
      </c>
      <c r="LT14" s="320">
        <v>0</v>
      </c>
      <c r="LU14" s="142">
        <v>0</v>
      </c>
      <c r="LV14" s="119">
        <v>0</v>
      </c>
      <c r="LW14" s="120">
        <v>0</v>
      </c>
      <c r="LX14" s="145"/>
      <c r="LY14" s="119">
        <v>412841</v>
      </c>
      <c r="LZ14" s="119">
        <v>0</v>
      </c>
      <c r="MA14" s="119">
        <v>210831</v>
      </c>
      <c r="MB14" s="119">
        <v>295754</v>
      </c>
      <c r="MC14" s="119">
        <v>637489</v>
      </c>
      <c r="MD14" s="120">
        <v>1556915</v>
      </c>
      <c r="ME14" s="121">
        <v>1556915</v>
      </c>
      <c r="MF14" s="142">
        <v>0</v>
      </c>
      <c r="MG14" s="119">
        <v>0</v>
      </c>
      <c r="MH14" s="120">
        <v>0</v>
      </c>
      <c r="MI14" s="145"/>
      <c r="MJ14" s="119">
        <v>650380</v>
      </c>
      <c r="MK14" s="119">
        <v>1240327</v>
      </c>
      <c r="ML14" s="119">
        <v>4299410</v>
      </c>
      <c r="MM14" s="119">
        <v>3262142</v>
      </c>
      <c r="MN14" s="119">
        <v>2341487</v>
      </c>
      <c r="MO14" s="120">
        <v>11793746</v>
      </c>
      <c r="MP14" s="143">
        <v>11793746</v>
      </c>
      <c r="MQ14" s="142">
        <v>0</v>
      </c>
      <c r="MR14" s="119">
        <v>0</v>
      </c>
      <c r="MS14" s="120">
        <v>0</v>
      </c>
      <c r="MT14" s="145"/>
      <c r="MU14" s="119">
        <v>214416</v>
      </c>
      <c r="MV14" s="119">
        <v>20782</v>
      </c>
      <c r="MW14" s="119">
        <v>2257511</v>
      </c>
      <c r="MX14" s="119">
        <v>1410277</v>
      </c>
      <c r="MY14" s="119">
        <v>1668375</v>
      </c>
      <c r="MZ14" s="120">
        <v>5571361</v>
      </c>
      <c r="NA14" s="143">
        <v>5571361</v>
      </c>
      <c r="NB14" s="142">
        <v>0</v>
      </c>
      <c r="NC14" s="119">
        <v>0</v>
      </c>
      <c r="ND14" s="120">
        <v>0</v>
      </c>
      <c r="NE14" s="145"/>
      <c r="NF14" s="119">
        <v>435964</v>
      </c>
      <c r="NG14" s="119">
        <v>1219545</v>
      </c>
      <c r="NH14" s="119">
        <v>2041899</v>
      </c>
      <c r="NI14" s="119">
        <v>1547641</v>
      </c>
      <c r="NJ14" s="119">
        <v>673112</v>
      </c>
      <c r="NK14" s="120">
        <v>5918161</v>
      </c>
      <c r="NL14" s="320">
        <v>5918161</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304224</v>
      </c>
      <c r="OF14" s="119">
        <v>0</v>
      </c>
      <c r="OG14" s="120">
        <v>304224</v>
      </c>
      <c r="OH14" s="121">
        <v>304224</v>
      </c>
      <c r="OI14" s="142">
        <v>992445</v>
      </c>
      <c r="OJ14" s="119">
        <v>965962</v>
      </c>
      <c r="OK14" s="141">
        <v>1958407</v>
      </c>
      <c r="OL14" s="118">
        <v>0</v>
      </c>
      <c r="OM14" s="119">
        <v>9769930</v>
      </c>
      <c r="ON14" s="119">
        <v>11929744</v>
      </c>
      <c r="OO14" s="119">
        <v>15537418</v>
      </c>
      <c r="OP14" s="119">
        <v>11242080</v>
      </c>
      <c r="OQ14" s="119">
        <v>8819087</v>
      </c>
      <c r="OR14" s="120">
        <v>57298259</v>
      </c>
      <c r="OS14" s="143">
        <v>59256666</v>
      </c>
    </row>
    <row r="15" spans="1:409" ht="20.25" customHeight="1" x14ac:dyDescent="0.2">
      <c r="B15" s="126" t="s">
        <v>9</v>
      </c>
      <c r="C15" s="110">
        <v>1078810</v>
      </c>
      <c r="D15" s="114">
        <v>840876</v>
      </c>
      <c r="E15" s="113">
        <v>1919686</v>
      </c>
      <c r="F15" s="111">
        <v>0</v>
      </c>
      <c r="G15" s="114">
        <v>11067784</v>
      </c>
      <c r="H15" s="114">
        <v>11150079</v>
      </c>
      <c r="I15" s="114">
        <v>11973882</v>
      </c>
      <c r="J15" s="114">
        <v>10093772</v>
      </c>
      <c r="K15" s="114">
        <v>7567071</v>
      </c>
      <c r="L15" s="109">
        <v>51852588</v>
      </c>
      <c r="M15" s="116">
        <v>53772274</v>
      </c>
      <c r="N15" s="110">
        <v>221974</v>
      </c>
      <c r="O15" s="114">
        <v>230343</v>
      </c>
      <c r="P15" s="113">
        <v>452317</v>
      </c>
      <c r="Q15" s="110">
        <v>0</v>
      </c>
      <c r="R15" s="114">
        <v>4198996</v>
      </c>
      <c r="S15" s="114">
        <v>4018136</v>
      </c>
      <c r="T15" s="114">
        <v>4894541</v>
      </c>
      <c r="U15" s="114">
        <v>5064226</v>
      </c>
      <c r="V15" s="114">
        <v>4390163</v>
      </c>
      <c r="W15" s="113">
        <v>22566062</v>
      </c>
      <c r="X15" s="116">
        <v>23018379</v>
      </c>
      <c r="Y15" s="110">
        <v>0</v>
      </c>
      <c r="Z15" s="114">
        <v>0</v>
      </c>
      <c r="AA15" s="113">
        <v>0</v>
      </c>
      <c r="AB15" s="110">
        <v>0</v>
      </c>
      <c r="AC15" s="114">
        <v>1738509</v>
      </c>
      <c r="AD15" s="114">
        <v>2251984</v>
      </c>
      <c r="AE15" s="114">
        <v>2635358</v>
      </c>
      <c r="AF15" s="114">
        <v>3403348</v>
      </c>
      <c r="AG15" s="114">
        <v>2367896</v>
      </c>
      <c r="AH15" s="113">
        <v>12397095</v>
      </c>
      <c r="AI15" s="116">
        <v>12397095</v>
      </c>
      <c r="AJ15" s="110">
        <v>0</v>
      </c>
      <c r="AK15" s="114">
        <v>0</v>
      </c>
      <c r="AL15" s="113">
        <v>0</v>
      </c>
      <c r="AM15" s="110">
        <v>0</v>
      </c>
      <c r="AN15" s="114">
        <v>25312</v>
      </c>
      <c r="AO15" s="114">
        <v>0</v>
      </c>
      <c r="AP15" s="114">
        <v>131246</v>
      </c>
      <c r="AQ15" s="114">
        <v>75510</v>
      </c>
      <c r="AR15" s="114">
        <v>526858</v>
      </c>
      <c r="AS15" s="113">
        <v>758926</v>
      </c>
      <c r="AT15" s="116">
        <v>758926</v>
      </c>
      <c r="AU15" s="110">
        <v>39510</v>
      </c>
      <c r="AV15" s="114">
        <v>162631</v>
      </c>
      <c r="AW15" s="113">
        <v>202141</v>
      </c>
      <c r="AX15" s="110">
        <v>0</v>
      </c>
      <c r="AY15" s="114">
        <v>1694970</v>
      </c>
      <c r="AZ15" s="114">
        <v>1042889</v>
      </c>
      <c r="BA15" s="114">
        <v>1377514</v>
      </c>
      <c r="BB15" s="114">
        <v>815604</v>
      </c>
      <c r="BC15" s="114">
        <v>1038417</v>
      </c>
      <c r="BD15" s="113">
        <v>5969394</v>
      </c>
      <c r="BE15" s="116">
        <v>6171535</v>
      </c>
      <c r="BF15" s="110">
        <v>0</v>
      </c>
      <c r="BG15" s="114">
        <v>0</v>
      </c>
      <c r="BH15" s="112">
        <v>0</v>
      </c>
      <c r="BI15" s="111">
        <v>0</v>
      </c>
      <c r="BJ15" s="114">
        <v>27117</v>
      </c>
      <c r="BK15" s="114">
        <v>201031</v>
      </c>
      <c r="BL15" s="114">
        <v>88543</v>
      </c>
      <c r="BM15" s="114">
        <v>269172</v>
      </c>
      <c r="BN15" s="114">
        <v>24848</v>
      </c>
      <c r="BO15" s="113">
        <v>610711</v>
      </c>
      <c r="BP15" s="116">
        <v>610711</v>
      </c>
      <c r="BQ15" s="110">
        <v>182464</v>
      </c>
      <c r="BR15" s="114">
        <v>67712</v>
      </c>
      <c r="BS15" s="113">
        <v>250176</v>
      </c>
      <c r="BT15" s="110">
        <v>0</v>
      </c>
      <c r="BU15" s="114">
        <v>713088</v>
      </c>
      <c r="BV15" s="114">
        <v>522232</v>
      </c>
      <c r="BW15" s="114">
        <v>661880</v>
      </c>
      <c r="BX15" s="114">
        <v>500592</v>
      </c>
      <c r="BY15" s="114">
        <v>432144</v>
      </c>
      <c r="BZ15" s="113">
        <v>2829936</v>
      </c>
      <c r="CA15" s="116">
        <v>3080112</v>
      </c>
      <c r="CB15" s="110">
        <v>62703</v>
      </c>
      <c r="CC15" s="114">
        <v>193272</v>
      </c>
      <c r="CD15" s="113">
        <v>255975</v>
      </c>
      <c r="CE15" s="110">
        <v>0</v>
      </c>
      <c r="CF15" s="114">
        <v>2573528</v>
      </c>
      <c r="CG15" s="114">
        <v>2831471</v>
      </c>
      <c r="CH15" s="114">
        <v>2456276</v>
      </c>
      <c r="CI15" s="114">
        <v>1165729</v>
      </c>
      <c r="CJ15" s="114">
        <v>805616</v>
      </c>
      <c r="CK15" s="113">
        <v>9832620</v>
      </c>
      <c r="CL15" s="116">
        <v>10088595</v>
      </c>
      <c r="CM15" s="110">
        <v>0</v>
      </c>
      <c r="CN15" s="114">
        <v>0</v>
      </c>
      <c r="CO15" s="113">
        <v>0</v>
      </c>
      <c r="CP15" s="111">
        <v>0</v>
      </c>
      <c r="CQ15" s="114">
        <v>1730638</v>
      </c>
      <c r="CR15" s="114">
        <v>1974585</v>
      </c>
      <c r="CS15" s="114">
        <v>1554762</v>
      </c>
      <c r="CT15" s="114">
        <v>554515</v>
      </c>
      <c r="CU15" s="114">
        <v>538698</v>
      </c>
      <c r="CV15" s="113">
        <v>6353198</v>
      </c>
      <c r="CW15" s="116">
        <v>6353198</v>
      </c>
      <c r="CX15" s="110">
        <v>62703</v>
      </c>
      <c r="CY15" s="114">
        <v>193272</v>
      </c>
      <c r="CZ15" s="113">
        <v>255975</v>
      </c>
      <c r="DA15" s="110">
        <v>0</v>
      </c>
      <c r="DB15" s="114">
        <v>842890</v>
      </c>
      <c r="DC15" s="114">
        <v>856886</v>
      </c>
      <c r="DD15" s="114">
        <v>901514</v>
      </c>
      <c r="DE15" s="114">
        <v>611214</v>
      </c>
      <c r="DF15" s="114">
        <v>266918</v>
      </c>
      <c r="DG15" s="113">
        <v>3479422</v>
      </c>
      <c r="DH15" s="116">
        <v>3735397</v>
      </c>
      <c r="DI15" s="110">
        <v>0</v>
      </c>
      <c r="DJ15" s="114">
        <v>0</v>
      </c>
      <c r="DK15" s="112">
        <v>0</v>
      </c>
      <c r="DL15" s="111">
        <v>0</v>
      </c>
      <c r="DM15" s="114">
        <v>196519</v>
      </c>
      <c r="DN15" s="114">
        <v>299899</v>
      </c>
      <c r="DO15" s="114">
        <v>790527</v>
      </c>
      <c r="DP15" s="114">
        <v>527050</v>
      </c>
      <c r="DQ15" s="114">
        <v>11618</v>
      </c>
      <c r="DR15" s="113">
        <v>1825613</v>
      </c>
      <c r="DS15" s="116">
        <v>1825613</v>
      </c>
      <c r="DT15" s="110">
        <v>0</v>
      </c>
      <c r="DU15" s="114">
        <v>0</v>
      </c>
      <c r="DV15" s="113">
        <v>0</v>
      </c>
      <c r="DW15" s="110">
        <v>0</v>
      </c>
      <c r="DX15" s="114">
        <v>196519</v>
      </c>
      <c r="DY15" s="114">
        <v>274687</v>
      </c>
      <c r="DZ15" s="114">
        <v>790527</v>
      </c>
      <c r="EA15" s="114">
        <v>412151</v>
      </c>
      <c r="EB15" s="114">
        <v>11618</v>
      </c>
      <c r="EC15" s="113">
        <v>1685502</v>
      </c>
      <c r="ED15" s="116">
        <v>1685502</v>
      </c>
      <c r="EE15" s="110">
        <v>0</v>
      </c>
      <c r="EF15" s="112">
        <v>0</v>
      </c>
      <c r="EG15" s="113">
        <v>0</v>
      </c>
      <c r="EH15" s="110">
        <v>0</v>
      </c>
      <c r="EI15" s="114">
        <v>0</v>
      </c>
      <c r="EJ15" s="114">
        <v>25212</v>
      </c>
      <c r="EK15" s="114">
        <v>0</v>
      </c>
      <c r="EL15" s="114">
        <v>114899</v>
      </c>
      <c r="EM15" s="114">
        <v>0</v>
      </c>
      <c r="EN15" s="112">
        <v>140111</v>
      </c>
      <c r="EO15" s="116">
        <v>140111</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371064</v>
      </c>
      <c r="FM15" s="114">
        <v>126384</v>
      </c>
      <c r="FN15" s="113">
        <v>497448</v>
      </c>
      <c r="FO15" s="110">
        <v>0</v>
      </c>
      <c r="FP15" s="114">
        <v>937864</v>
      </c>
      <c r="FQ15" s="114">
        <v>1108104</v>
      </c>
      <c r="FR15" s="114">
        <v>1267264</v>
      </c>
      <c r="FS15" s="114">
        <v>928952</v>
      </c>
      <c r="FT15" s="114">
        <v>533136</v>
      </c>
      <c r="FU15" s="113">
        <v>4775320</v>
      </c>
      <c r="FV15" s="116">
        <v>5272768</v>
      </c>
      <c r="FW15" s="115">
        <v>184664</v>
      </c>
      <c r="FX15" s="114">
        <v>126384</v>
      </c>
      <c r="FY15" s="112">
        <v>311048</v>
      </c>
      <c r="FZ15" s="111">
        <v>0</v>
      </c>
      <c r="GA15" s="114">
        <v>607128</v>
      </c>
      <c r="GB15" s="114">
        <v>1051912</v>
      </c>
      <c r="GC15" s="114">
        <v>985760</v>
      </c>
      <c r="GD15" s="114">
        <v>844472</v>
      </c>
      <c r="GE15" s="114">
        <v>500488</v>
      </c>
      <c r="GF15" s="113">
        <v>3989760</v>
      </c>
      <c r="GG15" s="318">
        <v>4300808</v>
      </c>
      <c r="GH15" s="115">
        <v>26400</v>
      </c>
      <c r="GI15" s="114">
        <v>0</v>
      </c>
      <c r="GJ15" s="112">
        <v>26400</v>
      </c>
      <c r="GK15" s="111">
        <v>0</v>
      </c>
      <c r="GL15" s="114">
        <v>49824</v>
      </c>
      <c r="GM15" s="114">
        <v>56192</v>
      </c>
      <c r="GN15" s="114">
        <v>35904</v>
      </c>
      <c r="GO15" s="114">
        <v>84480</v>
      </c>
      <c r="GP15" s="114">
        <v>32648</v>
      </c>
      <c r="GQ15" s="113">
        <v>259048</v>
      </c>
      <c r="GR15" s="116">
        <v>285448</v>
      </c>
      <c r="GS15" s="110">
        <v>160000</v>
      </c>
      <c r="GT15" s="114">
        <v>0</v>
      </c>
      <c r="GU15" s="113">
        <v>160000</v>
      </c>
      <c r="GV15" s="110">
        <v>0</v>
      </c>
      <c r="GW15" s="114">
        <v>280912</v>
      </c>
      <c r="GX15" s="114">
        <v>0</v>
      </c>
      <c r="GY15" s="114">
        <v>245600</v>
      </c>
      <c r="GZ15" s="114">
        <v>0</v>
      </c>
      <c r="HA15" s="114">
        <v>0</v>
      </c>
      <c r="HB15" s="112">
        <v>526512</v>
      </c>
      <c r="HC15" s="116">
        <v>686512</v>
      </c>
      <c r="HD15" s="110">
        <v>423069</v>
      </c>
      <c r="HE15" s="114">
        <v>290877</v>
      </c>
      <c r="HF15" s="112">
        <v>713946</v>
      </c>
      <c r="HG15" s="111">
        <v>0</v>
      </c>
      <c r="HH15" s="114">
        <v>3160877</v>
      </c>
      <c r="HI15" s="114">
        <v>2892469</v>
      </c>
      <c r="HJ15" s="114">
        <v>2565274</v>
      </c>
      <c r="HK15" s="114">
        <v>2407815</v>
      </c>
      <c r="HL15" s="114">
        <v>1826538</v>
      </c>
      <c r="HM15" s="113">
        <v>12852973</v>
      </c>
      <c r="HN15" s="109">
        <v>13566919</v>
      </c>
      <c r="HO15" s="328"/>
      <c r="HP15" s="329"/>
      <c r="HQ15" s="330"/>
      <c r="HR15" s="331"/>
      <c r="HS15" s="329"/>
      <c r="HT15" s="329"/>
      <c r="HU15" s="329"/>
      <c r="HV15" s="329"/>
      <c r="HW15" s="329"/>
      <c r="HX15" s="332"/>
      <c r="HY15" s="333"/>
      <c r="HZ15" s="128">
        <v>85668</v>
      </c>
      <c r="IA15" s="149">
        <v>0</v>
      </c>
      <c r="IB15" s="129">
        <v>85668</v>
      </c>
      <c r="IC15" s="146">
        <v>0</v>
      </c>
      <c r="ID15" s="132">
        <v>2794215</v>
      </c>
      <c r="IE15" s="147">
        <v>2271974</v>
      </c>
      <c r="IF15" s="133">
        <v>3525277</v>
      </c>
      <c r="IG15" s="132">
        <v>2011263</v>
      </c>
      <c r="IH15" s="133">
        <v>1640475</v>
      </c>
      <c r="II15" s="148">
        <v>12243204</v>
      </c>
      <c r="IJ15" s="130">
        <v>12328872</v>
      </c>
      <c r="IK15" s="232">
        <v>0</v>
      </c>
      <c r="IL15" s="236">
        <v>0</v>
      </c>
      <c r="IM15" s="237">
        <v>0</v>
      </c>
      <c r="IN15" s="140"/>
      <c r="IO15" s="119">
        <v>0</v>
      </c>
      <c r="IP15" s="119">
        <v>0</v>
      </c>
      <c r="IQ15" s="119">
        <v>0</v>
      </c>
      <c r="IR15" s="119">
        <v>0</v>
      </c>
      <c r="IS15" s="119">
        <v>0</v>
      </c>
      <c r="IT15" s="141">
        <v>0</v>
      </c>
      <c r="IU15" s="320">
        <v>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297270</v>
      </c>
      <c r="JL15" s="119">
        <v>981522</v>
      </c>
      <c r="JM15" s="119">
        <v>942635</v>
      </c>
      <c r="JN15" s="119">
        <v>824879</v>
      </c>
      <c r="JO15" s="119">
        <v>327738</v>
      </c>
      <c r="JP15" s="120">
        <v>4374044</v>
      </c>
      <c r="JQ15" s="320">
        <v>4374044</v>
      </c>
      <c r="JR15" s="142">
        <v>0</v>
      </c>
      <c r="JS15" s="119">
        <v>0</v>
      </c>
      <c r="JT15" s="141">
        <v>0</v>
      </c>
      <c r="JU15" s="118">
        <v>0</v>
      </c>
      <c r="JV15" s="119">
        <v>0</v>
      </c>
      <c r="JW15" s="119">
        <v>48985</v>
      </c>
      <c r="JX15" s="119">
        <v>106255</v>
      </c>
      <c r="JY15" s="119">
        <v>152137</v>
      </c>
      <c r="JZ15" s="119">
        <v>0</v>
      </c>
      <c r="KA15" s="120">
        <v>307377</v>
      </c>
      <c r="KB15" s="320">
        <v>307377</v>
      </c>
      <c r="KC15" s="234">
        <v>85668</v>
      </c>
      <c r="KD15" s="230">
        <v>0</v>
      </c>
      <c r="KE15" s="120">
        <v>85668</v>
      </c>
      <c r="KF15" s="118">
        <v>0</v>
      </c>
      <c r="KG15" s="119">
        <v>474308</v>
      </c>
      <c r="KH15" s="119">
        <v>323097</v>
      </c>
      <c r="KI15" s="119">
        <v>467369</v>
      </c>
      <c r="KJ15" s="119">
        <v>250389</v>
      </c>
      <c r="KK15" s="119">
        <v>0</v>
      </c>
      <c r="KL15" s="120">
        <v>1515163</v>
      </c>
      <c r="KM15" s="143">
        <v>1600831</v>
      </c>
      <c r="KN15" s="232">
        <v>0</v>
      </c>
      <c r="KO15" s="236">
        <v>0</v>
      </c>
      <c r="KP15" s="237">
        <v>0</v>
      </c>
      <c r="KQ15" s="140"/>
      <c r="KR15" s="119">
        <v>861566</v>
      </c>
      <c r="KS15" s="119">
        <v>729723</v>
      </c>
      <c r="KT15" s="119">
        <v>1025934</v>
      </c>
      <c r="KU15" s="119">
        <v>783858</v>
      </c>
      <c r="KV15" s="119">
        <v>1312737</v>
      </c>
      <c r="KW15" s="120">
        <v>4713818</v>
      </c>
      <c r="KX15" s="320">
        <v>4713818</v>
      </c>
      <c r="KY15" s="142">
        <v>0</v>
      </c>
      <c r="KZ15" s="119">
        <v>0</v>
      </c>
      <c r="LA15" s="120">
        <v>0</v>
      </c>
      <c r="LB15" s="145"/>
      <c r="LC15" s="119">
        <v>161071</v>
      </c>
      <c r="LD15" s="119">
        <v>0</v>
      </c>
      <c r="LE15" s="119">
        <v>0</v>
      </c>
      <c r="LF15" s="119">
        <v>0</v>
      </c>
      <c r="LG15" s="119">
        <v>0</v>
      </c>
      <c r="LH15" s="120">
        <v>161071</v>
      </c>
      <c r="LI15" s="121">
        <v>161071</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188647</v>
      </c>
      <c r="MA15" s="119">
        <v>983084</v>
      </c>
      <c r="MB15" s="119">
        <v>0</v>
      </c>
      <c r="MC15" s="119">
        <v>0</v>
      </c>
      <c r="MD15" s="120">
        <v>1171731</v>
      </c>
      <c r="ME15" s="121">
        <v>1171731</v>
      </c>
      <c r="MF15" s="142">
        <v>0</v>
      </c>
      <c r="MG15" s="119">
        <v>0</v>
      </c>
      <c r="MH15" s="120">
        <v>0</v>
      </c>
      <c r="MI15" s="145"/>
      <c r="MJ15" s="119">
        <v>532251</v>
      </c>
      <c r="MK15" s="119">
        <v>2563281</v>
      </c>
      <c r="ML15" s="119">
        <v>5966383</v>
      </c>
      <c r="MM15" s="119">
        <v>8949495</v>
      </c>
      <c r="MN15" s="119">
        <v>3809992</v>
      </c>
      <c r="MO15" s="120">
        <v>21821402</v>
      </c>
      <c r="MP15" s="143">
        <v>21821402</v>
      </c>
      <c r="MQ15" s="142">
        <v>0</v>
      </c>
      <c r="MR15" s="119">
        <v>0</v>
      </c>
      <c r="MS15" s="120">
        <v>0</v>
      </c>
      <c r="MT15" s="145"/>
      <c r="MU15" s="119">
        <v>0</v>
      </c>
      <c r="MV15" s="119">
        <v>0</v>
      </c>
      <c r="MW15" s="119">
        <v>4418846</v>
      </c>
      <c r="MX15" s="119">
        <v>7174005</v>
      </c>
      <c r="MY15" s="119">
        <v>2513456</v>
      </c>
      <c r="MZ15" s="120">
        <v>14106307</v>
      </c>
      <c r="NA15" s="143">
        <v>14106307</v>
      </c>
      <c r="NB15" s="142">
        <v>0</v>
      </c>
      <c r="NC15" s="119">
        <v>0</v>
      </c>
      <c r="ND15" s="120">
        <v>0</v>
      </c>
      <c r="NE15" s="145"/>
      <c r="NF15" s="119">
        <v>532251</v>
      </c>
      <c r="NG15" s="119">
        <v>2563281</v>
      </c>
      <c r="NH15" s="119">
        <v>1547537</v>
      </c>
      <c r="NI15" s="119">
        <v>1427228</v>
      </c>
      <c r="NJ15" s="119">
        <v>1296536</v>
      </c>
      <c r="NK15" s="120">
        <v>7366833</v>
      </c>
      <c r="NL15" s="320">
        <v>7366833</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348262</v>
      </c>
      <c r="OF15" s="119">
        <v>0</v>
      </c>
      <c r="OG15" s="120">
        <v>348262</v>
      </c>
      <c r="OH15" s="121">
        <v>348262</v>
      </c>
      <c r="OI15" s="142">
        <v>1164478</v>
      </c>
      <c r="OJ15" s="119">
        <v>840876</v>
      </c>
      <c r="OK15" s="141">
        <v>2005354</v>
      </c>
      <c r="OL15" s="118">
        <v>0</v>
      </c>
      <c r="OM15" s="119">
        <v>14394250</v>
      </c>
      <c r="ON15" s="119">
        <v>15985334</v>
      </c>
      <c r="OO15" s="119">
        <v>21465542</v>
      </c>
      <c r="OP15" s="119">
        <v>21054530</v>
      </c>
      <c r="OQ15" s="119">
        <v>13017538</v>
      </c>
      <c r="OR15" s="120">
        <v>85917194</v>
      </c>
      <c r="OS15" s="143">
        <v>87922548</v>
      </c>
    </row>
    <row r="16" spans="1:409" ht="20.25" customHeight="1" x14ac:dyDescent="0.2">
      <c r="B16" s="126" t="s">
        <v>10</v>
      </c>
      <c r="C16" s="110">
        <v>1157771</v>
      </c>
      <c r="D16" s="114">
        <v>2017694</v>
      </c>
      <c r="E16" s="113">
        <v>3175465</v>
      </c>
      <c r="F16" s="172">
        <v>0</v>
      </c>
      <c r="G16" s="114">
        <v>19125962</v>
      </c>
      <c r="H16" s="114">
        <v>15157049</v>
      </c>
      <c r="I16" s="114">
        <v>13031887</v>
      </c>
      <c r="J16" s="114">
        <v>12343563</v>
      </c>
      <c r="K16" s="114">
        <v>9240444</v>
      </c>
      <c r="L16" s="109">
        <v>68898905</v>
      </c>
      <c r="M16" s="116">
        <v>72074370</v>
      </c>
      <c r="N16" s="110">
        <v>399776</v>
      </c>
      <c r="O16" s="114">
        <v>795128</v>
      </c>
      <c r="P16" s="113">
        <v>1194904</v>
      </c>
      <c r="Q16" s="110">
        <v>0</v>
      </c>
      <c r="R16" s="114">
        <v>6837797</v>
      </c>
      <c r="S16" s="114">
        <v>5057318</v>
      </c>
      <c r="T16" s="114">
        <v>4816227</v>
      </c>
      <c r="U16" s="114">
        <v>6178286</v>
      </c>
      <c r="V16" s="114">
        <v>4961993</v>
      </c>
      <c r="W16" s="113">
        <v>27851621</v>
      </c>
      <c r="X16" s="116">
        <v>29046525</v>
      </c>
      <c r="Y16" s="110">
        <v>0</v>
      </c>
      <c r="Z16" s="114">
        <v>0</v>
      </c>
      <c r="AA16" s="113">
        <v>0</v>
      </c>
      <c r="AB16" s="110">
        <v>0</v>
      </c>
      <c r="AC16" s="114">
        <v>3200501</v>
      </c>
      <c r="AD16" s="114">
        <v>2365858</v>
      </c>
      <c r="AE16" s="114">
        <v>2665605</v>
      </c>
      <c r="AF16" s="114">
        <v>3062632</v>
      </c>
      <c r="AG16" s="114">
        <v>2612997</v>
      </c>
      <c r="AH16" s="113">
        <v>13907593</v>
      </c>
      <c r="AI16" s="116">
        <v>13907593</v>
      </c>
      <c r="AJ16" s="110">
        <v>0</v>
      </c>
      <c r="AK16" s="114">
        <v>0</v>
      </c>
      <c r="AL16" s="113">
        <v>0</v>
      </c>
      <c r="AM16" s="110">
        <v>0</v>
      </c>
      <c r="AN16" s="114">
        <v>0</v>
      </c>
      <c r="AO16" s="114">
        <v>0</v>
      </c>
      <c r="AP16" s="114">
        <v>82070</v>
      </c>
      <c r="AQ16" s="114">
        <v>892372</v>
      </c>
      <c r="AR16" s="114">
        <v>628378</v>
      </c>
      <c r="AS16" s="113">
        <v>1602820</v>
      </c>
      <c r="AT16" s="116">
        <v>1602820</v>
      </c>
      <c r="AU16" s="110">
        <v>203843</v>
      </c>
      <c r="AV16" s="114">
        <v>496702</v>
      </c>
      <c r="AW16" s="113">
        <v>700545</v>
      </c>
      <c r="AX16" s="110">
        <v>0</v>
      </c>
      <c r="AY16" s="114">
        <v>2389605</v>
      </c>
      <c r="AZ16" s="114">
        <v>1550547</v>
      </c>
      <c r="BA16" s="114">
        <v>1370307</v>
      </c>
      <c r="BB16" s="114">
        <v>1285256</v>
      </c>
      <c r="BC16" s="114">
        <v>931263</v>
      </c>
      <c r="BD16" s="113">
        <v>7526978</v>
      </c>
      <c r="BE16" s="116">
        <v>8227523</v>
      </c>
      <c r="BF16" s="110">
        <v>26861</v>
      </c>
      <c r="BG16" s="114">
        <v>129706</v>
      </c>
      <c r="BH16" s="112">
        <v>156567</v>
      </c>
      <c r="BI16" s="111">
        <v>0</v>
      </c>
      <c r="BJ16" s="114">
        <v>267139</v>
      </c>
      <c r="BK16" s="114">
        <v>225721</v>
      </c>
      <c r="BL16" s="114">
        <v>63445</v>
      </c>
      <c r="BM16" s="114">
        <v>56026</v>
      </c>
      <c r="BN16" s="114">
        <v>144675</v>
      </c>
      <c r="BO16" s="113">
        <v>757006</v>
      </c>
      <c r="BP16" s="116">
        <v>913573</v>
      </c>
      <c r="BQ16" s="110">
        <v>169072</v>
      </c>
      <c r="BR16" s="114">
        <v>168720</v>
      </c>
      <c r="BS16" s="113">
        <v>337792</v>
      </c>
      <c r="BT16" s="110">
        <v>0</v>
      </c>
      <c r="BU16" s="114">
        <v>980552</v>
      </c>
      <c r="BV16" s="114">
        <v>915192</v>
      </c>
      <c r="BW16" s="114">
        <v>634800</v>
      </c>
      <c r="BX16" s="114">
        <v>882000</v>
      </c>
      <c r="BY16" s="114">
        <v>644680</v>
      </c>
      <c r="BZ16" s="113">
        <v>4057224</v>
      </c>
      <c r="CA16" s="116">
        <v>4395016</v>
      </c>
      <c r="CB16" s="110">
        <v>63091</v>
      </c>
      <c r="CC16" s="114">
        <v>191909</v>
      </c>
      <c r="CD16" s="113">
        <v>255000</v>
      </c>
      <c r="CE16" s="110">
        <v>0</v>
      </c>
      <c r="CF16" s="114">
        <v>5993221</v>
      </c>
      <c r="CG16" s="114">
        <v>5004734</v>
      </c>
      <c r="CH16" s="114">
        <v>2989766</v>
      </c>
      <c r="CI16" s="114">
        <v>1059299</v>
      </c>
      <c r="CJ16" s="114">
        <v>896670</v>
      </c>
      <c r="CK16" s="113">
        <v>15943690</v>
      </c>
      <c r="CL16" s="116">
        <v>16198690</v>
      </c>
      <c r="CM16" s="110">
        <v>0</v>
      </c>
      <c r="CN16" s="114">
        <v>0</v>
      </c>
      <c r="CO16" s="113">
        <v>0</v>
      </c>
      <c r="CP16" s="111">
        <v>0</v>
      </c>
      <c r="CQ16" s="114">
        <v>4906248</v>
      </c>
      <c r="CR16" s="114">
        <v>4455430</v>
      </c>
      <c r="CS16" s="114">
        <v>2414929</v>
      </c>
      <c r="CT16" s="114">
        <v>945707</v>
      </c>
      <c r="CU16" s="114">
        <v>759150</v>
      </c>
      <c r="CV16" s="113">
        <v>13481464</v>
      </c>
      <c r="CW16" s="116">
        <v>13481464</v>
      </c>
      <c r="CX16" s="110">
        <v>63091</v>
      </c>
      <c r="CY16" s="114">
        <v>191909</v>
      </c>
      <c r="CZ16" s="113">
        <v>255000</v>
      </c>
      <c r="DA16" s="110">
        <v>0</v>
      </c>
      <c r="DB16" s="114">
        <v>1086973</v>
      </c>
      <c r="DC16" s="114">
        <v>549304</v>
      </c>
      <c r="DD16" s="114">
        <v>574837</v>
      </c>
      <c r="DE16" s="114">
        <v>113592</v>
      </c>
      <c r="DF16" s="114">
        <v>137520</v>
      </c>
      <c r="DG16" s="113">
        <v>2462226</v>
      </c>
      <c r="DH16" s="116">
        <v>2717226</v>
      </c>
      <c r="DI16" s="110">
        <v>0</v>
      </c>
      <c r="DJ16" s="114">
        <v>0</v>
      </c>
      <c r="DK16" s="112">
        <v>0</v>
      </c>
      <c r="DL16" s="111">
        <v>0</v>
      </c>
      <c r="DM16" s="114">
        <v>446804</v>
      </c>
      <c r="DN16" s="114">
        <v>597187</v>
      </c>
      <c r="DO16" s="114">
        <v>1143586</v>
      </c>
      <c r="DP16" s="114">
        <v>894389</v>
      </c>
      <c r="DQ16" s="114">
        <v>516877</v>
      </c>
      <c r="DR16" s="113">
        <v>3598843</v>
      </c>
      <c r="DS16" s="116">
        <v>3598843</v>
      </c>
      <c r="DT16" s="110">
        <v>0</v>
      </c>
      <c r="DU16" s="114">
        <v>0</v>
      </c>
      <c r="DV16" s="113">
        <v>0</v>
      </c>
      <c r="DW16" s="110">
        <v>0</v>
      </c>
      <c r="DX16" s="114">
        <v>446804</v>
      </c>
      <c r="DY16" s="114">
        <v>547110</v>
      </c>
      <c r="DZ16" s="114">
        <v>1143586</v>
      </c>
      <c r="EA16" s="114">
        <v>894389</v>
      </c>
      <c r="EB16" s="114">
        <v>516877</v>
      </c>
      <c r="EC16" s="113">
        <v>3548766</v>
      </c>
      <c r="ED16" s="116">
        <v>3548766</v>
      </c>
      <c r="EE16" s="110">
        <v>0</v>
      </c>
      <c r="EF16" s="112">
        <v>0</v>
      </c>
      <c r="EG16" s="113">
        <v>0</v>
      </c>
      <c r="EH16" s="110">
        <v>0</v>
      </c>
      <c r="EI16" s="114">
        <v>0</v>
      </c>
      <c r="EJ16" s="114">
        <v>50077</v>
      </c>
      <c r="EK16" s="114">
        <v>0</v>
      </c>
      <c r="EL16" s="114">
        <v>0</v>
      </c>
      <c r="EM16" s="114">
        <v>0</v>
      </c>
      <c r="EN16" s="112">
        <v>50077</v>
      </c>
      <c r="EO16" s="116">
        <v>50077</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261248</v>
      </c>
      <c r="FM16" s="114">
        <v>483304</v>
      </c>
      <c r="FN16" s="113">
        <v>744552</v>
      </c>
      <c r="FO16" s="110">
        <v>0</v>
      </c>
      <c r="FP16" s="114">
        <v>1032120</v>
      </c>
      <c r="FQ16" s="114">
        <v>1475280</v>
      </c>
      <c r="FR16" s="114">
        <v>1096544</v>
      </c>
      <c r="FS16" s="114">
        <v>1201640</v>
      </c>
      <c r="FT16" s="114">
        <v>837680</v>
      </c>
      <c r="FU16" s="113">
        <v>5643264</v>
      </c>
      <c r="FV16" s="116">
        <v>6387816</v>
      </c>
      <c r="FW16" s="115">
        <v>243648</v>
      </c>
      <c r="FX16" s="114">
        <v>349864</v>
      </c>
      <c r="FY16" s="112">
        <v>593512</v>
      </c>
      <c r="FZ16" s="111">
        <v>0</v>
      </c>
      <c r="GA16" s="114">
        <v>856664</v>
      </c>
      <c r="GB16" s="114">
        <v>1398280</v>
      </c>
      <c r="GC16" s="114">
        <v>1011624</v>
      </c>
      <c r="GD16" s="114">
        <v>1141640</v>
      </c>
      <c r="GE16" s="114">
        <v>837680</v>
      </c>
      <c r="GF16" s="113">
        <v>5245888</v>
      </c>
      <c r="GG16" s="318">
        <v>5839400</v>
      </c>
      <c r="GH16" s="115">
        <v>0</v>
      </c>
      <c r="GI16" s="114">
        <v>0</v>
      </c>
      <c r="GJ16" s="112">
        <v>0</v>
      </c>
      <c r="GK16" s="111">
        <v>0</v>
      </c>
      <c r="GL16" s="114">
        <v>31456</v>
      </c>
      <c r="GM16" s="114">
        <v>23320</v>
      </c>
      <c r="GN16" s="114">
        <v>40920</v>
      </c>
      <c r="GO16" s="114">
        <v>60000</v>
      </c>
      <c r="GP16" s="114">
        <v>0</v>
      </c>
      <c r="GQ16" s="113">
        <v>155696</v>
      </c>
      <c r="GR16" s="116">
        <v>155696</v>
      </c>
      <c r="GS16" s="110">
        <v>17600</v>
      </c>
      <c r="GT16" s="114">
        <v>133440</v>
      </c>
      <c r="GU16" s="113">
        <v>151040</v>
      </c>
      <c r="GV16" s="110">
        <v>0</v>
      </c>
      <c r="GW16" s="114">
        <v>144000</v>
      </c>
      <c r="GX16" s="114">
        <v>53680</v>
      </c>
      <c r="GY16" s="114">
        <v>44000</v>
      </c>
      <c r="GZ16" s="114">
        <v>0</v>
      </c>
      <c r="HA16" s="114">
        <v>0</v>
      </c>
      <c r="HB16" s="112">
        <v>241680</v>
      </c>
      <c r="HC16" s="116">
        <v>392720</v>
      </c>
      <c r="HD16" s="110">
        <v>433656</v>
      </c>
      <c r="HE16" s="114">
        <v>547353</v>
      </c>
      <c r="HF16" s="112">
        <v>981009</v>
      </c>
      <c r="HG16" s="111">
        <v>0</v>
      </c>
      <c r="HH16" s="114">
        <v>4816020</v>
      </c>
      <c r="HI16" s="114">
        <v>3022530</v>
      </c>
      <c r="HJ16" s="114">
        <v>2985764</v>
      </c>
      <c r="HK16" s="114">
        <v>3009949</v>
      </c>
      <c r="HL16" s="114">
        <v>2027224</v>
      </c>
      <c r="HM16" s="113">
        <v>15861487</v>
      </c>
      <c r="HN16" s="109">
        <v>16842496</v>
      </c>
      <c r="HO16" s="328"/>
      <c r="HP16" s="329"/>
      <c r="HQ16" s="330"/>
      <c r="HR16" s="331"/>
      <c r="HS16" s="329"/>
      <c r="HT16" s="329"/>
      <c r="HU16" s="329"/>
      <c r="HV16" s="329"/>
      <c r="HW16" s="329"/>
      <c r="HX16" s="332"/>
      <c r="HY16" s="333"/>
      <c r="HZ16" s="150">
        <v>0</v>
      </c>
      <c r="IA16" s="135">
        <v>0</v>
      </c>
      <c r="IB16" s="150">
        <v>0</v>
      </c>
      <c r="IC16" s="134">
        <v>0</v>
      </c>
      <c r="ID16" s="135">
        <v>3625540</v>
      </c>
      <c r="IE16" s="136">
        <v>5971723</v>
      </c>
      <c r="IF16" s="137">
        <v>4173282</v>
      </c>
      <c r="IG16" s="135">
        <v>4838505</v>
      </c>
      <c r="IH16" s="137">
        <v>3534375</v>
      </c>
      <c r="II16" s="138">
        <v>22143425</v>
      </c>
      <c r="IJ16" s="150">
        <v>22143425</v>
      </c>
      <c r="IK16" s="232">
        <v>0</v>
      </c>
      <c r="IL16" s="236">
        <v>0</v>
      </c>
      <c r="IM16" s="237">
        <v>0</v>
      </c>
      <c r="IN16" s="140"/>
      <c r="IO16" s="119">
        <v>294749</v>
      </c>
      <c r="IP16" s="119">
        <v>239588</v>
      </c>
      <c r="IQ16" s="119">
        <v>0</v>
      </c>
      <c r="IR16" s="119">
        <v>251522</v>
      </c>
      <c r="IS16" s="119">
        <v>274312</v>
      </c>
      <c r="IT16" s="141">
        <v>1060171</v>
      </c>
      <c r="IU16" s="320">
        <v>1060171</v>
      </c>
      <c r="IV16" s="142">
        <v>0</v>
      </c>
      <c r="IW16" s="119">
        <v>0</v>
      </c>
      <c r="IX16" s="120">
        <v>0</v>
      </c>
      <c r="IY16" s="144"/>
      <c r="IZ16" s="119">
        <v>10475</v>
      </c>
      <c r="JA16" s="119">
        <v>10475</v>
      </c>
      <c r="JB16" s="119">
        <v>31425</v>
      </c>
      <c r="JC16" s="119">
        <v>0</v>
      </c>
      <c r="JD16" s="119">
        <v>0</v>
      </c>
      <c r="JE16" s="120">
        <v>52375</v>
      </c>
      <c r="JF16" s="121">
        <v>52375</v>
      </c>
      <c r="JG16" s="142">
        <v>0</v>
      </c>
      <c r="JH16" s="119">
        <v>0</v>
      </c>
      <c r="JI16" s="141">
        <v>0</v>
      </c>
      <c r="JJ16" s="118">
        <v>0</v>
      </c>
      <c r="JK16" s="119">
        <v>1373788</v>
      </c>
      <c r="JL16" s="119">
        <v>1500724</v>
      </c>
      <c r="JM16" s="119">
        <v>436292</v>
      </c>
      <c r="JN16" s="119">
        <v>268910</v>
      </c>
      <c r="JO16" s="119">
        <v>63821</v>
      </c>
      <c r="JP16" s="120">
        <v>3643535</v>
      </c>
      <c r="JQ16" s="320">
        <v>3643535</v>
      </c>
      <c r="JR16" s="142">
        <v>0</v>
      </c>
      <c r="JS16" s="119">
        <v>0</v>
      </c>
      <c r="JT16" s="141">
        <v>0</v>
      </c>
      <c r="JU16" s="118">
        <v>0</v>
      </c>
      <c r="JV16" s="119">
        <v>186386</v>
      </c>
      <c r="JW16" s="119">
        <v>158467</v>
      </c>
      <c r="JX16" s="119">
        <v>305607</v>
      </c>
      <c r="JY16" s="119">
        <v>0</v>
      </c>
      <c r="JZ16" s="119">
        <v>56898</v>
      </c>
      <c r="KA16" s="120">
        <v>707358</v>
      </c>
      <c r="KB16" s="320">
        <v>707358</v>
      </c>
      <c r="KC16" s="234">
        <v>0</v>
      </c>
      <c r="KD16" s="230">
        <v>0</v>
      </c>
      <c r="KE16" s="120">
        <v>0</v>
      </c>
      <c r="KF16" s="118">
        <v>0</v>
      </c>
      <c r="KG16" s="119">
        <v>385856</v>
      </c>
      <c r="KH16" s="119">
        <v>615241</v>
      </c>
      <c r="KI16" s="119">
        <v>474854</v>
      </c>
      <c r="KJ16" s="119">
        <v>1151439</v>
      </c>
      <c r="KK16" s="119">
        <v>0</v>
      </c>
      <c r="KL16" s="120">
        <v>2627390</v>
      </c>
      <c r="KM16" s="143">
        <v>2627390</v>
      </c>
      <c r="KN16" s="232">
        <v>0</v>
      </c>
      <c r="KO16" s="236">
        <v>0</v>
      </c>
      <c r="KP16" s="237">
        <v>0</v>
      </c>
      <c r="KQ16" s="140"/>
      <c r="KR16" s="119">
        <v>928866</v>
      </c>
      <c r="KS16" s="119">
        <v>2505197</v>
      </c>
      <c r="KT16" s="119">
        <v>1252680</v>
      </c>
      <c r="KU16" s="119">
        <v>1829654</v>
      </c>
      <c r="KV16" s="119">
        <v>794976</v>
      </c>
      <c r="KW16" s="120">
        <v>7311373</v>
      </c>
      <c r="KX16" s="320">
        <v>7311373</v>
      </c>
      <c r="KY16" s="142">
        <v>0</v>
      </c>
      <c r="KZ16" s="119">
        <v>0</v>
      </c>
      <c r="LA16" s="120">
        <v>0</v>
      </c>
      <c r="LB16" s="145"/>
      <c r="LC16" s="119">
        <v>156008</v>
      </c>
      <c r="LD16" s="119">
        <v>525681</v>
      </c>
      <c r="LE16" s="119">
        <v>585735</v>
      </c>
      <c r="LF16" s="119">
        <v>428007</v>
      </c>
      <c r="LG16" s="119">
        <v>934028</v>
      </c>
      <c r="LH16" s="120">
        <v>2629459</v>
      </c>
      <c r="LI16" s="121">
        <v>2629459</v>
      </c>
      <c r="LJ16" s="142">
        <v>0</v>
      </c>
      <c r="LK16" s="119">
        <v>0</v>
      </c>
      <c r="LL16" s="120">
        <v>0</v>
      </c>
      <c r="LM16" s="145"/>
      <c r="LN16" s="119">
        <v>0</v>
      </c>
      <c r="LO16" s="119">
        <v>209956</v>
      </c>
      <c r="LP16" s="119">
        <v>230556</v>
      </c>
      <c r="LQ16" s="119">
        <v>281493</v>
      </c>
      <c r="LR16" s="119">
        <v>1069571</v>
      </c>
      <c r="LS16" s="120">
        <v>1791576</v>
      </c>
      <c r="LT16" s="320">
        <v>1791576</v>
      </c>
      <c r="LU16" s="142">
        <v>0</v>
      </c>
      <c r="LV16" s="119">
        <v>0</v>
      </c>
      <c r="LW16" s="120">
        <v>0</v>
      </c>
      <c r="LX16" s="145"/>
      <c r="LY16" s="119">
        <v>289412</v>
      </c>
      <c r="LZ16" s="119">
        <v>206394</v>
      </c>
      <c r="MA16" s="119">
        <v>856133</v>
      </c>
      <c r="MB16" s="119">
        <v>627480</v>
      </c>
      <c r="MC16" s="119">
        <v>340769</v>
      </c>
      <c r="MD16" s="120">
        <v>2320188</v>
      </c>
      <c r="ME16" s="121">
        <v>2320188</v>
      </c>
      <c r="MF16" s="142">
        <v>0</v>
      </c>
      <c r="MG16" s="119">
        <v>0</v>
      </c>
      <c r="MH16" s="120">
        <v>0</v>
      </c>
      <c r="MI16" s="145"/>
      <c r="MJ16" s="119">
        <v>1077767</v>
      </c>
      <c r="MK16" s="119">
        <v>1107404</v>
      </c>
      <c r="ML16" s="119">
        <v>7669956</v>
      </c>
      <c r="MM16" s="119">
        <v>13895741</v>
      </c>
      <c r="MN16" s="119">
        <v>6841380</v>
      </c>
      <c r="MO16" s="120">
        <v>30592248</v>
      </c>
      <c r="MP16" s="143">
        <v>30592248</v>
      </c>
      <c r="MQ16" s="142">
        <v>0</v>
      </c>
      <c r="MR16" s="119">
        <v>0</v>
      </c>
      <c r="MS16" s="120">
        <v>0</v>
      </c>
      <c r="MT16" s="145"/>
      <c r="MU16" s="119">
        <v>212249</v>
      </c>
      <c r="MV16" s="119">
        <v>0</v>
      </c>
      <c r="MW16" s="119">
        <v>4966614</v>
      </c>
      <c r="MX16" s="119">
        <v>8933339</v>
      </c>
      <c r="MY16" s="119">
        <v>4590448</v>
      </c>
      <c r="MZ16" s="120">
        <v>18702650</v>
      </c>
      <c r="NA16" s="143">
        <v>18702650</v>
      </c>
      <c r="NB16" s="142">
        <v>0</v>
      </c>
      <c r="NC16" s="119">
        <v>0</v>
      </c>
      <c r="ND16" s="120">
        <v>0</v>
      </c>
      <c r="NE16" s="145"/>
      <c r="NF16" s="119">
        <v>865518</v>
      </c>
      <c r="NG16" s="119">
        <v>1107404</v>
      </c>
      <c r="NH16" s="119">
        <v>2703342</v>
      </c>
      <c r="NI16" s="119">
        <v>4606602</v>
      </c>
      <c r="NJ16" s="119">
        <v>1880271</v>
      </c>
      <c r="NK16" s="120">
        <v>11163137</v>
      </c>
      <c r="NL16" s="320">
        <v>11163137</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355800</v>
      </c>
      <c r="OF16" s="119">
        <v>370661</v>
      </c>
      <c r="OG16" s="120">
        <v>726461</v>
      </c>
      <c r="OH16" s="121">
        <v>726461</v>
      </c>
      <c r="OI16" s="142">
        <v>1157771</v>
      </c>
      <c r="OJ16" s="119">
        <v>2017694</v>
      </c>
      <c r="OK16" s="141">
        <v>3175465</v>
      </c>
      <c r="OL16" s="118">
        <v>0</v>
      </c>
      <c r="OM16" s="119">
        <v>23829269</v>
      </c>
      <c r="ON16" s="119">
        <v>22236176</v>
      </c>
      <c r="OO16" s="119">
        <v>24875125</v>
      </c>
      <c r="OP16" s="119">
        <v>31077809</v>
      </c>
      <c r="OQ16" s="119">
        <v>19616199</v>
      </c>
      <c r="OR16" s="120">
        <v>121634578</v>
      </c>
      <c r="OS16" s="143">
        <v>124810043</v>
      </c>
    </row>
    <row r="17" spans="2:409" ht="20.25" customHeight="1" x14ac:dyDescent="0.2">
      <c r="B17" s="126" t="s">
        <v>11</v>
      </c>
      <c r="C17" s="110">
        <v>329636</v>
      </c>
      <c r="D17" s="114">
        <v>979262</v>
      </c>
      <c r="E17" s="171">
        <v>1308898</v>
      </c>
      <c r="F17" s="111">
        <v>0</v>
      </c>
      <c r="G17" s="114">
        <v>7908287</v>
      </c>
      <c r="H17" s="114">
        <v>6129017</v>
      </c>
      <c r="I17" s="114">
        <v>7308962</v>
      </c>
      <c r="J17" s="114">
        <v>7470283</v>
      </c>
      <c r="K17" s="114">
        <v>2752068</v>
      </c>
      <c r="L17" s="109">
        <v>31568617</v>
      </c>
      <c r="M17" s="116">
        <v>32877515</v>
      </c>
      <c r="N17" s="110">
        <v>113579</v>
      </c>
      <c r="O17" s="114">
        <v>277619</v>
      </c>
      <c r="P17" s="113">
        <v>391198</v>
      </c>
      <c r="Q17" s="110">
        <v>0</v>
      </c>
      <c r="R17" s="114">
        <v>1551644</v>
      </c>
      <c r="S17" s="114">
        <v>1487750</v>
      </c>
      <c r="T17" s="114">
        <v>2543638</v>
      </c>
      <c r="U17" s="114">
        <v>2033867</v>
      </c>
      <c r="V17" s="114">
        <v>1365314</v>
      </c>
      <c r="W17" s="113">
        <v>8982213</v>
      </c>
      <c r="X17" s="116">
        <v>9373411</v>
      </c>
      <c r="Y17" s="110">
        <v>0</v>
      </c>
      <c r="Z17" s="114">
        <v>0</v>
      </c>
      <c r="AA17" s="113">
        <v>0</v>
      </c>
      <c r="AB17" s="110">
        <v>0</v>
      </c>
      <c r="AC17" s="114">
        <v>382417</v>
      </c>
      <c r="AD17" s="114">
        <v>379671</v>
      </c>
      <c r="AE17" s="114">
        <v>1470617</v>
      </c>
      <c r="AF17" s="114">
        <v>828481</v>
      </c>
      <c r="AG17" s="114">
        <v>789005</v>
      </c>
      <c r="AH17" s="113">
        <v>3850191</v>
      </c>
      <c r="AI17" s="116">
        <v>3850191</v>
      </c>
      <c r="AJ17" s="110">
        <v>0</v>
      </c>
      <c r="AK17" s="114">
        <v>0</v>
      </c>
      <c r="AL17" s="113">
        <v>0</v>
      </c>
      <c r="AM17" s="110">
        <v>0</v>
      </c>
      <c r="AN17" s="114">
        <v>0</v>
      </c>
      <c r="AO17" s="114">
        <v>127679</v>
      </c>
      <c r="AP17" s="114">
        <v>148600</v>
      </c>
      <c r="AQ17" s="114">
        <v>361170</v>
      </c>
      <c r="AR17" s="114">
        <v>107127</v>
      </c>
      <c r="AS17" s="113">
        <v>744576</v>
      </c>
      <c r="AT17" s="116">
        <v>744576</v>
      </c>
      <c r="AU17" s="110">
        <v>86845</v>
      </c>
      <c r="AV17" s="114">
        <v>190007</v>
      </c>
      <c r="AW17" s="113">
        <v>276852</v>
      </c>
      <c r="AX17" s="110">
        <v>0</v>
      </c>
      <c r="AY17" s="114">
        <v>793065</v>
      </c>
      <c r="AZ17" s="114">
        <v>699065</v>
      </c>
      <c r="BA17" s="114">
        <v>608517</v>
      </c>
      <c r="BB17" s="114">
        <v>559295</v>
      </c>
      <c r="BC17" s="114">
        <v>380630</v>
      </c>
      <c r="BD17" s="113">
        <v>3040572</v>
      </c>
      <c r="BE17" s="116">
        <v>3317424</v>
      </c>
      <c r="BF17" s="110">
        <v>0</v>
      </c>
      <c r="BG17" s="114">
        <v>48340</v>
      </c>
      <c r="BH17" s="112">
        <v>48340</v>
      </c>
      <c r="BI17" s="111">
        <v>0</v>
      </c>
      <c r="BJ17" s="114">
        <v>76882</v>
      </c>
      <c r="BK17" s="114">
        <v>47095</v>
      </c>
      <c r="BL17" s="114">
        <v>0</v>
      </c>
      <c r="BM17" s="114">
        <v>68841</v>
      </c>
      <c r="BN17" s="114">
        <v>0</v>
      </c>
      <c r="BO17" s="113">
        <v>192818</v>
      </c>
      <c r="BP17" s="116">
        <v>241158</v>
      </c>
      <c r="BQ17" s="110">
        <v>26734</v>
      </c>
      <c r="BR17" s="114">
        <v>39272</v>
      </c>
      <c r="BS17" s="113">
        <v>66006</v>
      </c>
      <c r="BT17" s="110">
        <v>0</v>
      </c>
      <c r="BU17" s="114">
        <v>299280</v>
      </c>
      <c r="BV17" s="114">
        <v>234240</v>
      </c>
      <c r="BW17" s="114">
        <v>315904</v>
      </c>
      <c r="BX17" s="114">
        <v>216080</v>
      </c>
      <c r="BY17" s="114">
        <v>88552</v>
      </c>
      <c r="BZ17" s="113">
        <v>1154056</v>
      </c>
      <c r="CA17" s="116">
        <v>1220062</v>
      </c>
      <c r="CB17" s="110">
        <v>86862</v>
      </c>
      <c r="CC17" s="114">
        <v>113084</v>
      </c>
      <c r="CD17" s="113">
        <v>199946</v>
      </c>
      <c r="CE17" s="110">
        <v>0</v>
      </c>
      <c r="CF17" s="114">
        <v>2378324</v>
      </c>
      <c r="CG17" s="114">
        <v>1551340</v>
      </c>
      <c r="CH17" s="114">
        <v>1802849</v>
      </c>
      <c r="CI17" s="114">
        <v>1426427</v>
      </c>
      <c r="CJ17" s="114">
        <v>120391</v>
      </c>
      <c r="CK17" s="113">
        <v>7279331</v>
      </c>
      <c r="CL17" s="116">
        <v>7479277</v>
      </c>
      <c r="CM17" s="110">
        <v>0</v>
      </c>
      <c r="CN17" s="114">
        <v>0</v>
      </c>
      <c r="CO17" s="113">
        <v>0</v>
      </c>
      <c r="CP17" s="111">
        <v>0</v>
      </c>
      <c r="CQ17" s="114">
        <v>1701239</v>
      </c>
      <c r="CR17" s="114">
        <v>1050381</v>
      </c>
      <c r="CS17" s="114">
        <v>1655538</v>
      </c>
      <c r="CT17" s="114">
        <v>1022004</v>
      </c>
      <c r="CU17" s="114">
        <v>120391</v>
      </c>
      <c r="CV17" s="113">
        <v>5549553</v>
      </c>
      <c r="CW17" s="116">
        <v>5549553</v>
      </c>
      <c r="CX17" s="110">
        <v>86862</v>
      </c>
      <c r="CY17" s="114">
        <v>113084</v>
      </c>
      <c r="CZ17" s="113">
        <v>199946</v>
      </c>
      <c r="DA17" s="110">
        <v>0</v>
      </c>
      <c r="DB17" s="114">
        <v>677085</v>
      </c>
      <c r="DC17" s="114">
        <v>500959</v>
      </c>
      <c r="DD17" s="114">
        <v>147311</v>
      </c>
      <c r="DE17" s="114">
        <v>404423</v>
      </c>
      <c r="DF17" s="114">
        <v>0</v>
      </c>
      <c r="DG17" s="113">
        <v>1729778</v>
      </c>
      <c r="DH17" s="116">
        <v>1929724</v>
      </c>
      <c r="DI17" s="110">
        <v>8692</v>
      </c>
      <c r="DJ17" s="114">
        <v>0</v>
      </c>
      <c r="DK17" s="112">
        <v>8692</v>
      </c>
      <c r="DL17" s="111">
        <v>0</v>
      </c>
      <c r="DM17" s="114">
        <v>383702</v>
      </c>
      <c r="DN17" s="114">
        <v>311267</v>
      </c>
      <c r="DO17" s="114">
        <v>476806</v>
      </c>
      <c r="DP17" s="114">
        <v>682565</v>
      </c>
      <c r="DQ17" s="114">
        <v>0</v>
      </c>
      <c r="DR17" s="113">
        <v>1854340</v>
      </c>
      <c r="DS17" s="116">
        <v>1863032</v>
      </c>
      <c r="DT17" s="110">
        <v>8692</v>
      </c>
      <c r="DU17" s="114">
        <v>0</v>
      </c>
      <c r="DV17" s="113">
        <v>8692</v>
      </c>
      <c r="DW17" s="110">
        <v>0</v>
      </c>
      <c r="DX17" s="114">
        <v>383702</v>
      </c>
      <c r="DY17" s="114">
        <v>136118</v>
      </c>
      <c r="DZ17" s="114">
        <v>476806</v>
      </c>
      <c r="EA17" s="114">
        <v>682565</v>
      </c>
      <c r="EB17" s="114">
        <v>0</v>
      </c>
      <c r="EC17" s="113">
        <v>1679191</v>
      </c>
      <c r="ED17" s="116">
        <v>1687883</v>
      </c>
      <c r="EE17" s="110">
        <v>0</v>
      </c>
      <c r="EF17" s="112">
        <v>0</v>
      </c>
      <c r="EG17" s="113">
        <v>0</v>
      </c>
      <c r="EH17" s="110">
        <v>0</v>
      </c>
      <c r="EI17" s="114">
        <v>0</v>
      </c>
      <c r="EJ17" s="114">
        <v>175149</v>
      </c>
      <c r="EK17" s="114">
        <v>0</v>
      </c>
      <c r="EL17" s="114">
        <v>0</v>
      </c>
      <c r="EM17" s="114">
        <v>0</v>
      </c>
      <c r="EN17" s="112">
        <v>175149</v>
      </c>
      <c r="EO17" s="116">
        <v>175149</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67200</v>
      </c>
      <c r="FM17" s="114">
        <v>201168</v>
      </c>
      <c r="FN17" s="113">
        <v>268368</v>
      </c>
      <c r="FO17" s="110">
        <v>0</v>
      </c>
      <c r="FP17" s="114">
        <v>280216</v>
      </c>
      <c r="FQ17" s="114">
        <v>493608</v>
      </c>
      <c r="FR17" s="114">
        <v>526368</v>
      </c>
      <c r="FS17" s="114">
        <v>562272</v>
      </c>
      <c r="FT17" s="114">
        <v>200480</v>
      </c>
      <c r="FU17" s="113">
        <v>2062944</v>
      </c>
      <c r="FV17" s="116">
        <v>2331312</v>
      </c>
      <c r="FW17" s="115">
        <v>67200</v>
      </c>
      <c r="FX17" s="114">
        <v>201168</v>
      </c>
      <c r="FY17" s="112">
        <v>268368</v>
      </c>
      <c r="FZ17" s="111">
        <v>0</v>
      </c>
      <c r="GA17" s="114">
        <v>280216</v>
      </c>
      <c r="GB17" s="114">
        <v>493608</v>
      </c>
      <c r="GC17" s="114">
        <v>526368</v>
      </c>
      <c r="GD17" s="114">
        <v>562272</v>
      </c>
      <c r="GE17" s="114">
        <v>200480</v>
      </c>
      <c r="GF17" s="113">
        <v>2062944</v>
      </c>
      <c r="GG17" s="318">
        <v>2331312</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53303</v>
      </c>
      <c r="HE17" s="114">
        <v>387391</v>
      </c>
      <c r="HF17" s="112">
        <v>440694</v>
      </c>
      <c r="HG17" s="111">
        <v>0</v>
      </c>
      <c r="HH17" s="114">
        <v>3314401</v>
      </c>
      <c r="HI17" s="114">
        <v>2285052</v>
      </c>
      <c r="HJ17" s="114">
        <v>1959301</v>
      </c>
      <c r="HK17" s="114">
        <v>2765152</v>
      </c>
      <c r="HL17" s="114">
        <v>1065883</v>
      </c>
      <c r="HM17" s="113">
        <v>11389789</v>
      </c>
      <c r="HN17" s="109">
        <v>11830483</v>
      </c>
      <c r="HO17" s="328"/>
      <c r="HP17" s="329"/>
      <c r="HQ17" s="330"/>
      <c r="HR17" s="331"/>
      <c r="HS17" s="329"/>
      <c r="HT17" s="329"/>
      <c r="HU17" s="329"/>
      <c r="HV17" s="329"/>
      <c r="HW17" s="329"/>
      <c r="HX17" s="332"/>
      <c r="HY17" s="333"/>
      <c r="HZ17" s="131">
        <v>0</v>
      </c>
      <c r="IA17" s="132">
        <v>0</v>
      </c>
      <c r="IB17" s="133">
        <v>0</v>
      </c>
      <c r="IC17" s="146">
        <v>0</v>
      </c>
      <c r="ID17" s="132">
        <v>1043044</v>
      </c>
      <c r="IE17" s="147">
        <v>1522789</v>
      </c>
      <c r="IF17" s="133">
        <v>2542269</v>
      </c>
      <c r="IG17" s="132">
        <v>2133305</v>
      </c>
      <c r="IH17" s="133">
        <v>1135974</v>
      </c>
      <c r="II17" s="148">
        <v>8377381</v>
      </c>
      <c r="IJ17" s="139">
        <v>8377381</v>
      </c>
      <c r="IK17" s="232">
        <v>0</v>
      </c>
      <c r="IL17" s="236">
        <v>0</v>
      </c>
      <c r="IM17" s="237">
        <v>0</v>
      </c>
      <c r="IN17" s="140"/>
      <c r="IO17" s="119">
        <v>76492</v>
      </c>
      <c r="IP17" s="119">
        <v>0</v>
      </c>
      <c r="IQ17" s="119">
        <v>321728</v>
      </c>
      <c r="IR17" s="119">
        <v>0</v>
      </c>
      <c r="IS17" s="119">
        <v>122750</v>
      </c>
      <c r="IT17" s="141">
        <v>520970</v>
      </c>
      <c r="IU17" s="320">
        <v>520970</v>
      </c>
      <c r="IV17" s="142">
        <v>0</v>
      </c>
      <c r="IW17" s="119">
        <v>0</v>
      </c>
      <c r="IX17" s="120">
        <v>0</v>
      </c>
      <c r="IY17" s="144"/>
      <c r="IZ17" s="119">
        <v>0</v>
      </c>
      <c r="JA17" s="119">
        <v>0</v>
      </c>
      <c r="JB17" s="119">
        <v>0</v>
      </c>
      <c r="JC17" s="119">
        <v>41566</v>
      </c>
      <c r="JD17" s="119">
        <v>0</v>
      </c>
      <c r="JE17" s="120">
        <v>41566</v>
      </c>
      <c r="JF17" s="121">
        <v>41566</v>
      </c>
      <c r="JG17" s="142">
        <v>0</v>
      </c>
      <c r="JH17" s="119">
        <v>0</v>
      </c>
      <c r="JI17" s="141">
        <v>0</v>
      </c>
      <c r="JJ17" s="118">
        <v>0</v>
      </c>
      <c r="JK17" s="119">
        <v>688440</v>
      </c>
      <c r="JL17" s="119">
        <v>420275</v>
      </c>
      <c r="JM17" s="119">
        <v>923217</v>
      </c>
      <c r="JN17" s="119">
        <v>519964</v>
      </c>
      <c r="JO17" s="119">
        <v>204632</v>
      </c>
      <c r="JP17" s="120">
        <v>2756528</v>
      </c>
      <c r="JQ17" s="320">
        <v>2756528</v>
      </c>
      <c r="JR17" s="142">
        <v>0</v>
      </c>
      <c r="JS17" s="119">
        <v>0</v>
      </c>
      <c r="JT17" s="141">
        <v>0</v>
      </c>
      <c r="JU17" s="118">
        <v>0</v>
      </c>
      <c r="JV17" s="119">
        <v>68236</v>
      </c>
      <c r="JW17" s="119">
        <v>152711</v>
      </c>
      <c r="JX17" s="119">
        <v>109052</v>
      </c>
      <c r="JY17" s="119">
        <v>0</v>
      </c>
      <c r="JZ17" s="119">
        <v>0</v>
      </c>
      <c r="KA17" s="120">
        <v>329999</v>
      </c>
      <c r="KB17" s="320">
        <v>329999</v>
      </c>
      <c r="KC17" s="234">
        <v>0</v>
      </c>
      <c r="KD17" s="230">
        <v>0</v>
      </c>
      <c r="KE17" s="120">
        <v>0</v>
      </c>
      <c r="KF17" s="118">
        <v>0</v>
      </c>
      <c r="KG17" s="119">
        <v>209876</v>
      </c>
      <c r="KH17" s="119">
        <v>328457</v>
      </c>
      <c r="KI17" s="119">
        <v>686532</v>
      </c>
      <c r="KJ17" s="119">
        <v>524975</v>
      </c>
      <c r="KK17" s="119">
        <v>808592</v>
      </c>
      <c r="KL17" s="120">
        <v>2558432</v>
      </c>
      <c r="KM17" s="143">
        <v>2558432</v>
      </c>
      <c r="KN17" s="232">
        <v>0</v>
      </c>
      <c r="KO17" s="236">
        <v>0</v>
      </c>
      <c r="KP17" s="237">
        <v>0</v>
      </c>
      <c r="KQ17" s="140"/>
      <c r="KR17" s="119">
        <v>0</v>
      </c>
      <c r="KS17" s="119">
        <v>434258</v>
      </c>
      <c r="KT17" s="119">
        <v>501740</v>
      </c>
      <c r="KU17" s="119">
        <v>769378</v>
      </c>
      <c r="KV17" s="119">
        <v>0</v>
      </c>
      <c r="KW17" s="120">
        <v>1705376</v>
      </c>
      <c r="KX17" s="320">
        <v>1705376</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187088</v>
      </c>
      <c r="MA17" s="119">
        <v>0</v>
      </c>
      <c r="MB17" s="119">
        <v>277422</v>
      </c>
      <c r="MC17" s="119">
        <v>0</v>
      </c>
      <c r="MD17" s="120">
        <v>464510</v>
      </c>
      <c r="ME17" s="121">
        <v>464510</v>
      </c>
      <c r="MF17" s="142">
        <v>0</v>
      </c>
      <c r="MG17" s="119">
        <v>0</v>
      </c>
      <c r="MH17" s="120">
        <v>0</v>
      </c>
      <c r="MI17" s="145"/>
      <c r="MJ17" s="119">
        <v>238108</v>
      </c>
      <c r="MK17" s="119">
        <v>678973</v>
      </c>
      <c r="ML17" s="119">
        <v>3469264</v>
      </c>
      <c r="MM17" s="119">
        <v>3638619</v>
      </c>
      <c r="MN17" s="119">
        <v>2549191</v>
      </c>
      <c r="MO17" s="120">
        <v>10574155</v>
      </c>
      <c r="MP17" s="143">
        <v>10574155</v>
      </c>
      <c r="MQ17" s="142">
        <v>0</v>
      </c>
      <c r="MR17" s="119">
        <v>0</v>
      </c>
      <c r="MS17" s="120">
        <v>0</v>
      </c>
      <c r="MT17" s="145"/>
      <c r="MU17" s="119">
        <v>0</v>
      </c>
      <c r="MV17" s="119">
        <v>0</v>
      </c>
      <c r="MW17" s="119">
        <v>1479239</v>
      </c>
      <c r="MX17" s="119">
        <v>2814145</v>
      </c>
      <c r="MY17" s="119">
        <v>1335079</v>
      </c>
      <c r="MZ17" s="120">
        <v>5628463</v>
      </c>
      <c r="NA17" s="143">
        <v>5628463</v>
      </c>
      <c r="NB17" s="142">
        <v>0</v>
      </c>
      <c r="NC17" s="119">
        <v>0</v>
      </c>
      <c r="ND17" s="120">
        <v>0</v>
      </c>
      <c r="NE17" s="145"/>
      <c r="NF17" s="119">
        <v>238108</v>
      </c>
      <c r="NG17" s="119">
        <v>678973</v>
      </c>
      <c r="NH17" s="119">
        <v>1990025</v>
      </c>
      <c r="NI17" s="119">
        <v>814562</v>
      </c>
      <c r="NJ17" s="119">
        <v>1214112</v>
      </c>
      <c r="NK17" s="120">
        <v>4935780</v>
      </c>
      <c r="NL17" s="320">
        <v>4935780</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9912</v>
      </c>
      <c r="OF17" s="119">
        <v>0</v>
      </c>
      <c r="OG17" s="120">
        <v>9912</v>
      </c>
      <c r="OH17" s="121">
        <v>9912</v>
      </c>
      <c r="OI17" s="142">
        <v>329636</v>
      </c>
      <c r="OJ17" s="119">
        <v>979262</v>
      </c>
      <c r="OK17" s="141">
        <v>1308898</v>
      </c>
      <c r="OL17" s="118">
        <v>0</v>
      </c>
      <c r="OM17" s="119">
        <v>9189439</v>
      </c>
      <c r="ON17" s="119">
        <v>8330779</v>
      </c>
      <c r="OO17" s="119">
        <v>13320495</v>
      </c>
      <c r="OP17" s="119">
        <v>13242207</v>
      </c>
      <c r="OQ17" s="119">
        <v>6437233</v>
      </c>
      <c r="OR17" s="120">
        <v>50520153</v>
      </c>
      <c r="OS17" s="143">
        <v>51829051</v>
      </c>
    </row>
    <row r="18" spans="2:409" ht="20.25" customHeight="1" x14ac:dyDescent="0.2">
      <c r="B18" s="126" t="s">
        <v>12</v>
      </c>
      <c r="C18" s="110">
        <v>1041196</v>
      </c>
      <c r="D18" s="114">
        <v>2038067</v>
      </c>
      <c r="E18" s="113">
        <v>3079263</v>
      </c>
      <c r="F18" s="109">
        <v>0</v>
      </c>
      <c r="G18" s="114">
        <v>7157843</v>
      </c>
      <c r="H18" s="170">
        <v>8341689</v>
      </c>
      <c r="I18" s="170">
        <v>8963852</v>
      </c>
      <c r="J18" s="170">
        <v>9864667</v>
      </c>
      <c r="K18" s="170">
        <v>5079869</v>
      </c>
      <c r="L18" s="112">
        <v>39407920</v>
      </c>
      <c r="M18" s="116">
        <v>42487183</v>
      </c>
      <c r="N18" s="110">
        <v>550226</v>
      </c>
      <c r="O18" s="114">
        <v>572570</v>
      </c>
      <c r="P18" s="113">
        <v>1122796</v>
      </c>
      <c r="Q18" s="110">
        <v>0</v>
      </c>
      <c r="R18" s="114">
        <v>2536686</v>
      </c>
      <c r="S18" s="114">
        <v>3446329</v>
      </c>
      <c r="T18" s="114">
        <v>3205731</v>
      </c>
      <c r="U18" s="114">
        <v>4064807</v>
      </c>
      <c r="V18" s="114">
        <v>3211314</v>
      </c>
      <c r="W18" s="113">
        <v>16464867</v>
      </c>
      <c r="X18" s="116">
        <v>17587663</v>
      </c>
      <c r="Y18" s="110">
        <v>0</v>
      </c>
      <c r="Z18" s="114">
        <v>0</v>
      </c>
      <c r="AA18" s="113">
        <v>0</v>
      </c>
      <c r="AB18" s="110">
        <v>0</v>
      </c>
      <c r="AC18" s="114">
        <v>1537474</v>
      </c>
      <c r="AD18" s="114">
        <v>1535527</v>
      </c>
      <c r="AE18" s="114">
        <v>1635900</v>
      </c>
      <c r="AF18" s="114">
        <v>3026682</v>
      </c>
      <c r="AG18" s="114">
        <v>2334915</v>
      </c>
      <c r="AH18" s="113">
        <v>10070498</v>
      </c>
      <c r="AI18" s="116">
        <v>10070498</v>
      </c>
      <c r="AJ18" s="110">
        <v>0</v>
      </c>
      <c r="AK18" s="114">
        <v>0</v>
      </c>
      <c r="AL18" s="113">
        <v>0</v>
      </c>
      <c r="AM18" s="110">
        <v>0</v>
      </c>
      <c r="AN18" s="114">
        <v>0</v>
      </c>
      <c r="AO18" s="114">
        <v>24986</v>
      </c>
      <c r="AP18" s="114">
        <v>129167</v>
      </c>
      <c r="AQ18" s="114">
        <v>57052</v>
      </c>
      <c r="AR18" s="114">
        <v>231459</v>
      </c>
      <c r="AS18" s="113">
        <v>442664</v>
      </c>
      <c r="AT18" s="116">
        <v>442664</v>
      </c>
      <c r="AU18" s="110">
        <v>492602</v>
      </c>
      <c r="AV18" s="114">
        <v>460330</v>
      </c>
      <c r="AW18" s="113">
        <v>952932</v>
      </c>
      <c r="AX18" s="110">
        <v>0</v>
      </c>
      <c r="AY18" s="114">
        <v>743284</v>
      </c>
      <c r="AZ18" s="114">
        <v>1352003</v>
      </c>
      <c r="BA18" s="114">
        <v>1010737</v>
      </c>
      <c r="BB18" s="114">
        <v>505059</v>
      </c>
      <c r="BC18" s="114">
        <v>348304</v>
      </c>
      <c r="BD18" s="113">
        <v>3959387</v>
      </c>
      <c r="BE18" s="116">
        <v>4912319</v>
      </c>
      <c r="BF18" s="110">
        <v>0</v>
      </c>
      <c r="BG18" s="114">
        <v>0</v>
      </c>
      <c r="BH18" s="112">
        <v>0</v>
      </c>
      <c r="BI18" s="111">
        <v>0</v>
      </c>
      <c r="BJ18" s="114">
        <v>0</v>
      </c>
      <c r="BK18" s="114">
        <v>208733</v>
      </c>
      <c r="BL18" s="114">
        <v>95679</v>
      </c>
      <c r="BM18" s="114">
        <v>112454</v>
      </c>
      <c r="BN18" s="114">
        <v>66092</v>
      </c>
      <c r="BO18" s="113">
        <v>482958</v>
      </c>
      <c r="BP18" s="116">
        <v>482958</v>
      </c>
      <c r="BQ18" s="110">
        <v>57624</v>
      </c>
      <c r="BR18" s="114">
        <v>112240</v>
      </c>
      <c r="BS18" s="113">
        <v>169864</v>
      </c>
      <c r="BT18" s="110">
        <v>0</v>
      </c>
      <c r="BU18" s="114">
        <v>255928</v>
      </c>
      <c r="BV18" s="114">
        <v>325080</v>
      </c>
      <c r="BW18" s="114">
        <v>334248</v>
      </c>
      <c r="BX18" s="114">
        <v>363560</v>
      </c>
      <c r="BY18" s="114">
        <v>230544</v>
      </c>
      <c r="BZ18" s="113">
        <v>1509360</v>
      </c>
      <c r="CA18" s="116">
        <v>1679224</v>
      </c>
      <c r="CB18" s="110">
        <v>260474</v>
      </c>
      <c r="CC18" s="114">
        <v>395837</v>
      </c>
      <c r="CD18" s="113">
        <v>656311</v>
      </c>
      <c r="CE18" s="110">
        <v>0</v>
      </c>
      <c r="CF18" s="114">
        <v>2763358</v>
      </c>
      <c r="CG18" s="114">
        <v>2054943</v>
      </c>
      <c r="CH18" s="114">
        <v>1861790</v>
      </c>
      <c r="CI18" s="114">
        <v>849869</v>
      </c>
      <c r="CJ18" s="114">
        <v>613782</v>
      </c>
      <c r="CK18" s="113">
        <v>8143742</v>
      </c>
      <c r="CL18" s="116">
        <v>8800053</v>
      </c>
      <c r="CM18" s="110">
        <v>0</v>
      </c>
      <c r="CN18" s="114">
        <v>0</v>
      </c>
      <c r="CO18" s="113">
        <v>0</v>
      </c>
      <c r="CP18" s="111">
        <v>0</v>
      </c>
      <c r="CQ18" s="114">
        <v>2275587</v>
      </c>
      <c r="CR18" s="114">
        <v>1515961</v>
      </c>
      <c r="CS18" s="114">
        <v>1357607</v>
      </c>
      <c r="CT18" s="114">
        <v>623791</v>
      </c>
      <c r="CU18" s="114">
        <v>143322</v>
      </c>
      <c r="CV18" s="113">
        <v>5916268</v>
      </c>
      <c r="CW18" s="116">
        <v>5916268</v>
      </c>
      <c r="CX18" s="110">
        <v>260474</v>
      </c>
      <c r="CY18" s="114">
        <v>395837</v>
      </c>
      <c r="CZ18" s="113">
        <v>656311</v>
      </c>
      <c r="DA18" s="110">
        <v>0</v>
      </c>
      <c r="DB18" s="114">
        <v>487771</v>
      </c>
      <c r="DC18" s="114">
        <v>538982</v>
      </c>
      <c r="DD18" s="114">
        <v>504183</v>
      </c>
      <c r="DE18" s="114">
        <v>226078</v>
      </c>
      <c r="DF18" s="114">
        <v>470460</v>
      </c>
      <c r="DG18" s="113">
        <v>2227474</v>
      </c>
      <c r="DH18" s="116">
        <v>2883785</v>
      </c>
      <c r="DI18" s="110">
        <v>0</v>
      </c>
      <c r="DJ18" s="114">
        <v>19926</v>
      </c>
      <c r="DK18" s="112">
        <v>19926</v>
      </c>
      <c r="DL18" s="111">
        <v>0</v>
      </c>
      <c r="DM18" s="114">
        <v>579679</v>
      </c>
      <c r="DN18" s="114">
        <v>374840</v>
      </c>
      <c r="DO18" s="114">
        <v>151872</v>
      </c>
      <c r="DP18" s="114">
        <v>1199576</v>
      </c>
      <c r="DQ18" s="114">
        <v>132497</v>
      </c>
      <c r="DR18" s="113">
        <v>2438464</v>
      </c>
      <c r="DS18" s="116">
        <v>2458390</v>
      </c>
      <c r="DT18" s="110">
        <v>0</v>
      </c>
      <c r="DU18" s="114">
        <v>19926</v>
      </c>
      <c r="DV18" s="113">
        <v>19926</v>
      </c>
      <c r="DW18" s="110">
        <v>0</v>
      </c>
      <c r="DX18" s="114">
        <v>579679</v>
      </c>
      <c r="DY18" s="114">
        <v>308529</v>
      </c>
      <c r="DZ18" s="114">
        <v>77435</v>
      </c>
      <c r="EA18" s="114">
        <v>1199576</v>
      </c>
      <c r="EB18" s="114">
        <v>132497</v>
      </c>
      <c r="EC18" s="113">
        <v>2297716</v>
      </c>
      <c r="ED18" s="116">
        <v>2317642</v>
      </c>
      <c r="EE18" s="110">
        <v>0</v>
      </c>
      <c r="EF18" s="112">
        <v>0</v>
      </c>
      <c r="EG18" s="113">
        <v>0</v>
      </c>
      <c r="EH18" s="110">
        <v>0</v>
      </c>
      <c r="EI18" s="114">
        <v>0</v>
      </c>
      <c r="EJ18" s="114">
        <v>66311</v>
      </c>
      <c r="EK18" s="114">
        <v>74437</v>
      </c>
      <c r="EL18" s="114">
        <v>0</v>
      </c>
      <c r="EM18" s="114">
        <v>0</v>
      </c>
      <c r="EN18" s="112">
        <v>140748</v>
      </c>
      <c r="EO18" s="116">
        <v>140748</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174760</v>
      </c>
      <c r="FM18" s="114">
        <v>480460</v>
      </c>
      <c r="FN18" s="113">
        <v>655220</v>
      </c>
      <c r="FO18" s="110">
        <v>0</v>
      </c>
      <c r="FP18" s="114">
        <v>327464</v>
      </c>
      <c r="FQ18" s="114">
        <v>1052777</v>
      </c>
      <c r="FR18" s="114">
        <v>1202672</v>
      </c>
      <c r="FS18" s="114">
        <v>986584</v>
      </c>
      <c r="FT18" s="114">
        <v>419512</v>
      </c>
      <c r="FU18" s="113">
        <v>3989009</v>
      </c>
      <c r="FV18" s="116">
        <v>4644229</v>
      </c>
      <c r="FW18" s="115">
        <v>92104</v>
      </c>
      <c r="FX18" s="114">
        <v>260944</v>
      </c>
      <c r="FY18" s="112">
        <v>353048</v>
      </c>
      <c r="FZ18" s="111">
        <v>0</v>
      </c>
      <c r="GA18" s="114">
        <v>173624</v>
      </c>
      <c r="GB18" s="114">
        <v>934144</v>
      </c>
      <c r="GC18" s="114">
        <v>979256</v>
      </c>
      <c r="GD18" s="114">
        <v>656204</v>
      </c>
      <c r="GE18" s="114">
        <v>393992</v>
      </c>
      <c r="GF18" s="113">
        <v>3137220</v>
      </c>
      <c r="GG18" s="318">
        <v>3490268</v>
      </c>
      <c r="GH18" s="115">
        <v>18656</v>
      </c>
      <c r="GI18" s="114">
        <v>20800</v>
      </c>
      <c r="GJ18" s="112">
        <v>39456</v>
      </c>
      <c r="GK18" s="111">
        <v>0</v>
      </c>
      <c r="GL18" s="114">
        <v>19200</v>
      </c>
      <c r="GM18" s="114">
        <v>73841</v>
      </c>
      <c r="GN18" s="114">
        <v>19008</v>
      </c>
      <c r="GO18" s="114">
        <v>32996</v>
      </c>
      <c r="GP18" s="114">
        <v>25520</v>
      </c>
      <c r="GQ18" s="113">
        <v>170565</v>
      </c>
      <c r="GR18" s="116">
        <v>210021</v>
      </c>
      <c r="GS18" s="110">
        <v>64000</v>
      </c>
      <c r="GT18" s="114">
        <v>198716</v>
      </c>
      <c r="GU18" s="113">
        <v>262716</v>
      </c>
      <c r="GV18" s="110">
        <v>0</v>
      </c>
      <c r="GW18" s="114">
        <v>134640</v>
      </c>
      <c r="GX18" s="114">
        <v>44792</v>
      </c>
      <c r="GY18" s="114">
        <v>204408</v>
      </c>
      <c r="GZ18" s="114">
        <v>297384</v>
      </c>
      <c r="HA18" s="114">
        <v>0</v>
      </c>
      <c r="HB18" s="112">
        <v>681224</v>
      </c>
      <c r="HC18" s="116">
        <v>943940</v>
      </c>
      <c r="HD18" s="110">
        <v>55736</v>
      </c>
      <c r="HE18" s="114">
        <v>569274</v>
      </c>
      <c r="HF18" s="112">
        <v>625010</v>
      </c>
      <c r="HG18" s="111">
        <v>0</v>
      </c>
      <c r="HH18" s="114">
        <v>950656</v>
      </c>
      <c r="HI18" s="114">
        <v>1412800</v>
      </c>
      <c r="HJ18" s="114">
        <v>2541787</v>
      </c>
      <c r="HK18" s="114">
        <v>2763831</v>
      </c>
      <c r="HL18" s="114">
        <v>702764</v>
      </c>
      <c r="HM18" s="113">
        <v>8371838</v>
      </c>
      <c r="HN18" s="109">
        <v>8996848</v>
      </c>
      <c r="HO18" s="328"/>
      <c r="HP18" s="329"/>
      <c r="HQ18" s="330"/>
      <c r="HR18" s="331"/>
      <c r="HS18" s="329"/>
      <c r="HT18" s="329"/>
      <c r="HU18" s="329"/>
      <c r="HV18" s="329"/>
      <c r="HW18" s="329"/>
      <c r="HX18" s="332"/>
      <c r="HY18" s="333"/>
      <c r="HZ18" s="150">
        <v>0</v>
      </c>
      <c r="IA18" s="135">
        <v>0</v>
      </c>
      <c r="IB18" s="150">
        <v>0</v>
      </c>
      <c r="IC18" s="134">
        <v>0</v>
      </c>
      <c r="ID18" s="135">
        <v>3839752</v>
      </c>
      <c r="IE18" s="136">
        <v>2242662</v>
      </c>
      <c r="IF18" s="137">
        <v>3000265</v>
      </c>
      <c r="IG18" s="135">
        <v>4697204</v>
      </c>
      <c r="IH18" s="137">
        <v>753773</v>
      </c>
      <c r="II18" s="138">
        <v>14533656</v>
      </c>
      <c r="IJ18" s="150">
        <v>14533656</v>
      </c>
      <c r="IK18" s="232">
        <v>0</v>
      </c>
      <c r="IL18" s="236">
        <v>0</v>
      </c>
      <c r="IM18" s="237">
        <v>0</v>
      </c>
      <c r="IN18" s="140"/>
      <c r="IO18" s="119">
        <v>119128</v>
      </c>
      <c r="IP18" s="119">
        <v>104851</v>
      </c>
      <c r="IQ18" s="119">
        <v>0</v>
      </c>
      <c r="IR18" s="119">
        <v>396335</v>
      </c>
      <c r="IS18" s="119">
        <v>0</v>
      </c>
      <c r="IT18" s="141">
        <v>620314</v>
      </c>
      <c r="IU18" s="320">
        <v>620314</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827922</v>
      </c>
      <c r="JL18" s="119">
        <v>878046</v>
      </c>
      <c r="JM18" s="119">
        <v>929012</v>
      </c>
      <c r="JN18" s="119">
        <v>133642</v>
      </c>
      <c r="JO18" s="119">
        <v>88958</v>
      </c>
      <c r="JP18" s="120">
        <v>3857580</v>
      </c>
      <c r="JQ18" s="320">
        <v>3857580</v>
      </c>
      <c r="JR18" s="142">
        <v>0</v>
      </c>
      <c r="JS18" s="119">
        <v>0</v>
      </c>
      <c r="JT18" s="141">
        <v>0</v>
      </c>
      <c r="JU18" s="118">
        <v>0</v>
      </c>
      <c r="JV18" s="119">
        <v>0</v>
      </c>
      <c r="JW18" s="119">
        <v>0</v>
      </c>
      <c r="JX18" s="119">
        <v>0</v>
      </c>
      <c r="JY18" s="119">
        <v>0</v>
      </c>
      <c r="JZ18" s="119">
        <v>0</v>
      </c>
      <c r="KA18" s="120">
        <v>0</v>
      </c>
      <c r="KB18" s="320">
        <v>0</v>
      </c>
      <c r="KC18" s="234">
        <v>0</v>
      </c>
      <c r="KD18" s="230">
        <v>0</v>
      </c>
      <c r="KE18" s="120">
        <v>0</v>
      </c>
      <c r="KF18" s="118">
        <v>0</v>
      </c>
      <c r="KG18" s="119">
        <v>340279</v>
      </c>
      <c r="KH18" s="119">
        <v>164242</v>
      </c>
      <c r="KI18" s="119">
        <v>972698</v>
      </c>
      <c r="KJ18" s="119">
        <v>1583711</v>
      </c>
      <c r="KK18" s="119">
        <v>112488</v>
      </c>
      <c r="KL18" s="120">
        <v>3173418</v>
      </c>
      <c r="KM18" s="143">
        <v>3173418</v>
      </c>
      <c r="KN18" s="232">
        <v>0</v>
      </c>
      <c r="KO18" s="236">
        <v>0</v>
      </c>
      <c r="KP18" s="237">
        <v>0</v>
      </c>
      <c r="KQ18" s="140"/>
      <c r="KR18" s="119">
        <v>1420059</v>
      </c>
      <c r="KS18" s="119">
        <v>732851</v>
      </c>
      <c r="KT18" s="119">
        <v>752221</v>
      </c>
      <c r="KU18" s="119">
        <v>671691</v>
      </c>
      <c r="KV18" s="119">
        <v>259502</v>
      </c>
      <c r="KW18" s="120">
        <v>3836324</v>
      </c>
      <c r="KX18" s="320">
        <v>3836324</v>
      </c>
      <c r="KY18" s="142">
        <v>0</v>
      </c>
      <c r="KZ18" s="119">
        <v>0</v>
      </c>
      <c r="LA18" s="120">
        <v>0</v>
      </c>
      <c r="LB18" s="145"/>
      <c r="LC18" s="119">
        <v>0</v>
      </c>
      <c r="LD18" s="119">
        <v>362672</v>
      </c>
      <c r="LE18" s="119">
        <v>0</v>
      </c>
      <c r="LF18" s="119">
        <v>658824</v>
      </c>
      <c r="LG18" s="119">
        <v>0</v>
      </c>
      <c r="LH18" s="120">
        <v>1021496</v>
      </c>
      <c r="LI18" s="121">
        <v>1021496</v>
      </c>
      <c r="LJ18" s="142">
        <v>0</v>
      </c>
      <c r="LK18" s="119">
        <v>0</v>
      </c>
      <c r="LL18" s="120">
        <v>0</v>
      </c>
      <c r="LM18" s="145"/>
      <c r="LN18" s="119">
        <v>0</v>
      </c>
      <c r="LO18" s="119">
        <v>0</v>
      </c>
      <c r="LP18" s="119">
        <v>0</v>
      </c>
      <c r="LQ18" s="119">
        <v>172600</v>
      </c>
      <c r="LR18" s="119">
        <v>292825</v>
      </c>
      <c r="LS18" s="120">
        <v>465425</v>
      </c>
      <c r="LT18" s="320">
        <v>465425</v>
      </c>
      <c r="LU18" s="142">
        <v>0</v>
      </c>
      <c r="LV18" s="119">
        <v>0</v>
      </c>
      <c r="LW18" s="120">
        <v>0</v>
      </c>
      <c r="LX18" s="145"/>
      <c r="LY18" s="119">
        <v>132364</v>
      </c>
      <c r="LZ18" s="119">
        <v>0</v>
      </c>
      <c r="MA18" s="119">
        <v>346334</v>
      </c>
      <c r="MB18" s="119">
        <v>1080401</v>
      </c>
      <c r="MC18" s="119">
        <v>0</v>
      </c>
      <c r="MD18" s="120">
        <v>1559099</v>
      </c>
      <c r="ME18" s="121">
        <v>1559099</v>
      </c>
      <c r="MF18" s="142">
        <v>0</v>
      </c>
      <c r="MG18" s="119">
        <v>0</v>
      </c>
      <c r="MH18" s="120">
        <v>0</v>
      </c>
      <c r="MI18" s="145"/>
      <c r="MJ18" s="119">
        <v>779959</v>
      </c>
      <c r="MK18" s="119">
        <v>820016</v>
      </c>
      <c r="ML18" s="119">
        <v>3686930</v>
      </c>
      <c r="MM18" s="119">
        <v>5621294</v>
      </c>
      <c r="MN18" s="119">
        <v>2389518</v>
      </c>
      <c r="MO18" s="120">
        <v>13297717</v>
      </c>
      <c r="MP18" s="143">
        <v>13297717</v>
      </c>
      <c r="MQ18" s="142">
        <v>0</v>
      </c>
      <c r="MR18" s="119">
        <v>0</v>
      </c>
      <c r="MS18" s="120">
        <v>0</v>
      </c>
      <c r="MT18" s="145"/>
      <c r="MU18" s="119">
        <v>0</v>
      </c>
      <c r="MV18" s="119">
        <v>0</v>
      </c>
      <c r="MW18" s="119">
        <v>2128014</v>
      </c>
      <c r="MX18" s="119">
        <v>2812898</v>
      </c>
      <c r="MY18" s="119">
        <v>1115199</v>
      </c>
      <c r="MZ18" s="120">
        <v>6056111</v>
      </c>
      <c r="NA18" s="143">
        <v>6056111</v>
      </c>
      <c r="NB18" s="142">
        <v>0</v>
      </c>
      <c r="NC18" s="119">
        <v>0</v>
      </c>
      <c r="ND18" s="120">
        <v>0</v>
      </c>
      <c r="NE18" s="145"/>
      <c r="NF18" s="119">
        <v>779959</v>
      </c>
      <c r="NG18" s="119">
        <v>820016</v>
      </c>
      <c r="NH18" s="119">
        <v>1558916</v>
      </c>
      <c r="NI18" s="119">
        <v>2116174</v>
      </c>
      <c r="NJ18" s="119">
        <v>1274319</v>
      </c>
      <c r="NK18" s="120">
        <v>6549384</v>
      </c>
      <c r="NL18" s="320">
        <v>6549384</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692222</v>
      </c>
      <c r="OF18" s="119">
        <v>0</v>
      </c>
      <c r="OG18" s="120">
        <v>692222</v>
      </c>
      <c r="OH18" s="121">
        <v>692222</v>
      </c>
      <c r="OI18" s="142">
        <v>1041196</v>
      </c>
      <c r="OJ18" s="119">
        <v>2038067</v>
      </c>
      <c r="OK18" s="141">
        <v>3079263</v>
      </c>
      <c r="OL18" s="118">
        <v>0</v>
      </c>
      <c r="OM18" s="119">
        <v>11777554</v>
      </c>
      <c r="ON18" s="119">
        <v>11404367</v>
      </c>
      <c r="OO18" s="119">
        <v>15651047</v>
      </c>
      <c r="OP18" s="119">
        <v>20183165</v>
      </c>
      <c r="OQ18" s="119">
        <v>8223160</v>
      </c>
      <c r="OR18" s="120">
        <v>67239293</v>
      </c>
      <c r="OS18" s="143">
        <v>70318556</v>
      </c>
    </row>
    <row r="19" spans="2:409" ht="20.25" customHeight="1" x14ac:dyDescent="0.2">
      <c r="B19" s="126" t="s">
        <v>13</v>
      </c>
      <c r="C19" s="110">
        <v>208526</v>
      </c>
      <c r="D19" s="114">
        <v>425410</v>
      </c>
      <c r="E19" s="113">
        <v>633936</v>
      </c>
      <c r="F19" s="110">
        <v>0</v>
      </c>
      <c r="G19" s="170">
        <v>2775119</v>
      </c>
      <c r="H19" s="114">
        <v>4178210</v>
      </c>
      <c r="I19" s="114">
        <v>4095024</v>
      </c>
      <c r="J19" s="114">
        <v>5554061</v>
      </c>
      <c r="K19" s="114">
        <v>3572757</v>
      </c>
      <c r="L19" s="112">
        <v>20175171</v>
      </c>
      <c r="M19" s="116">
        <v>20809107</v>
      </c>
      <c r="N19" s="110">
        <v>93250</v>
      </c>
      <c r="O19" s="114">
        <v>57203</v>
      </c>
      <c r="P19" s="113">
        <v>150453</v>
      </c>
      <c r="Q19" s="110">
        <v>0</v>
      </c>
      <c r="R19" s="114">
        <v>1054289</v>
      </c>
      <c r="S19" s="114">
        <v>1747120</v>
      </c>
      <c r="T19" s="114">
        <v>1595623</v>
      </c>
      <c r="U19" s="114">
        <v>2137460</v>
      </c>
      <c r="V19" s="114">
        <v>1882166</v>
      </c>
      <c r="W19" s="113">
        <v>8416658</v>
      </c>
      <c r="X19" s="116">
        <v>8567111</v>
      </c>
      <c r="Y19" s="110">
        <v>0</v>
      </c>
      <c r="Z19" s="114">
        <v>0</v>
      </c>
      <c r="AA19" s="113">
        <v>0</v>
      </c>
      <c r="AB19" s="110">
        <v>0</v>
      </c>
      <c r="AC19" s="114">
        <v>419427</v>
      </c>
      <c r="AD19" s="114">
        <v>819723</v>
      </c>
      <c r="AE19" s="114">
        <v>1017740</v>
      </c>
      <c r="AF19" s="114">
        <v>1324018</v>
      </c>
      <c r="AG19" s="114">
        <v>1055243</v>
      </c>
      <c r="AH19" s="113">
        <v>4636151</v>
      </c>
      <c r="AI19" s="116">
        <v>4636151</v>
      </c>
      <c r="AJ19" s="110">
        <v>0</v>
      </c>
      <c r="AK19" s="114">
        <v>0</v>
      </c>
      <c r="AL19" s="113">
        <v>0</v>
      </c>
      <c r="AM19" s="110">
        <v>0</v>
      </c>
      <c r="AN19" s="114">
        <v>0</v>
      </c>
      <c r="AO19" s="114">
        <v>11559</v>
      </c>
      <c r="AP19" s="114">
        <v>0</v>
      </c>
      <c r="AQ19" s="114">
        <v>58319</v>
      </c>
      <c r="AR19" s="114">
        <v>327206</v>
      </c>
      <c r="AS19" s="113">
        <v>397084</v>
      </c>
      <c r="AT19" s="116">
        <v>397084</v>
      </c>
      <c r="AU19" s="110">
        <v>38810</v>
      </c>
      <c r="AV19" s="114">
        <v>40858</v>
      </c>
      <c r="AW19" s="113">
        <v>79668</v>
      </c>
      <c r="AX19" s="110">
        <v>0</v>
      </c>
      <c r="AY19" s="114">
        <v>430321</v>
      </c>
      <c r="AZ19" s="114">
        <v>718598</v>
      </c>
      <c r="BA19" s="114">
        <v>387643</v>
      </c>
      <c r="BB19" s="114">
        <v>455486</v>
      </c>
      <c r="BC19" s="114">
        <v>324799</v>
      </c>
      <c r="BD19" s="113">
        <v>2316847</v>
      </c>
      <c r="BE19" s="116">
        <v>2396515</v>
      </c>
      <c r="BF19" s="110">
        <v>0</v>
      </c>
      <c r="BG19" s="114">
        <v>16345</v>
      </c>
      <c r="BH19" s="112">
        <v>16345</v>
      </c>
      <c r="BI19" s="111">
        <v>0</v>
      </c>
      <c r="BJ19" s="114">
        <v>60453</v>
      </c>
      <c r="BK19" s="114">
        <v>0</v>
      </c>
      <c r="BL19" s="114">
        <v>0</v>
      </c>
      <c r="BM19" s="114">
        <v>21933</v>
      </c>
      <c r="BN19" s="114">
        <v>10966</v>
      </c>
      <c r="BO19" s="113">
        <v>93352</v>
      </c>
      <c r="BP19" s="116">
        <v>109697</v>
      </c>
      <c r="BQ19" s="110">
        <v>54440</v>
      </c>
      <c r="BR19" s="114">
        <v>0</v>
      </c>
      <c r="BS19" s="113">
        <v>54440</v>
      </c>
      <c r="BT19" s="110">
        <v>0</v>
      </c>
      <c r="BU19" s="114">
        <v>144088</v>
      </c>
      <c r="BV19" s="114">
        <v>197240</v>
      </c>
      <c r="BW19" s="114">
        <v>190240</v>
      </c>
      <c r="BX19" s="114">
        <v>277704</v>
      </c>
      <c r="BY19" s="114">
        <v>163952</v>
      </c>
      <c r="BZ19" s="113">
        <v>973224</v>
      </c>
      <c r="CA19" s="116">
        <v>1027664</v>
      </c>
      <c r="CB19" s="110">
        <v>0</v>
      </c>
      <c r="CC19" s="114">
        <v>80831</v>
      </c>
      <c r="CD19" s="113">
        <v>80831</v>
      </c>
      <c r="CE19" s="110">
        <v>0</v>
      </c>
      <c r="CF19" s="114">
        <v>695820</v>
      </c>
      <c r="CG19" s="114">
        <v>1077477</v>
      </c>
      <c r="CH19" s="114">
        <v>950829</v>
      </c>
      <c r="CI19" s="114">
        <v>761764</v>
      </c>
      <c r="CJ19" s="114">
        <v>297614</v>
      </c>
      <c r="CK19" s="113">
        <v>3783504</v>
      </c>
      <c r="CL19" s="116">
        <v>3864335</v>
      </c>
      <c r="CM19" s="110">
        <v>0</v>
      </c>
      <c r="CN19" s="114">
        <v>0</v>
      </c>
      <c r="CO19" s="113">
        <v>0</v>
      </c>
      <c r="CP19" s="111">
        <v>0</v>
      </c>
      <c r="CQ19" s="114">
        <v>603910</v>
      </c>
      <c r="CR19" s="114">
        <v>851004</v>
      </c>
      <c r="CS19" s="114">
        <v>865933</v>
      </c>
      <c r="CT19" s="114">
        <v>484871</v>
      </c>
      <c r="CU19" s="114">
        <v>248212</v>
      </c>
      <c r="CV19" s="113">
        <v>3053930</v>
      </c>
      <c r="CW19" s="116">
        <v>3053930</v>
      </c>
      <c r="CX19" s="110">
        <v>0</v>
      </c>
      <c r="CY19" s="114">
        <v>80831</v>
      </c>
      <c r="CZ19" s="113">
        <v>80831</v>
      </c>
      <c r="DA19" s="110">
        <v>0</v>
      </c>
      <c r="DB19" s="114">
        <v>91910</v>
      </c>
      <c r="DC19" s="114">
        <v>226473</v>
      </c>
      <c r="DD19" s="114">
        <v>84896</v>
      </c>
      <c r="DE19" s="114">
        <v>276893</v>
      </c>
      <c r="DF19" s="114">
        <v>49402</v>
      </c>
      <c r="DG19" s="113">
        <v>729574</v>
      </c>
      <c r="DH19" s="116">
        <v>810405</v>
      </c>
      <c r="DI19" s="110">
        <v>0</v>
      </c>
      <c r="DJ19" s="114">
        <v>0</v>
      </c>
      <c r="DK19" s="112">
        <v>0</v>
      </c>
      <c r="DL19" s="111">
        <v>0</v>
      </c>
      <c r="DM19" s="114">
        <v>100066</v>
      </c>
      <c r="DN19" s="114">
        <v>17660</v>
      </c>
      <c r="DO19" s="114">
        <v>273048</v>
      </c>
      <c r="DP19" s="114">
        <v>646620</v>
      </c>
      <c r="DQ19" s="114">
        <v>53651</v>
      </c>
      <c r="DR19" s="113">
        <v>1091045</v>
      </c>
      <c r="DS19" s="116">
        <v>1091045</v>
      </c>
      <c r="DT19" s="110">
        <v>0</v>
      </c>
      <c r="DU19" s="114">
        <v>0</v>
      </c>
      <c r="DV19" s="113">
        <v>0</v>
      </c>
      <c r="DW19" s="110">
        <v>0</v>
      </c>
      <c r="DX19" s="114">
        <v>100066</v>
      </c>
      <c r="DY19" s="114">
        <v>17660</v>
      </c>
      <c r="DZ19" s="114">
        <v>207415</v>
      </c>
      <c r="EA19" s="114">
        <v>646620</v>
      </c>
      <c r="EB19" s="114">
        <v>53651</v>
      </c>
      <c r="EC19" s="113">
        <v>1025412</v>
      </c>
      <c r="ED19" s="116">
        <v>1025412</v>
      </c>
      <c r="EE19" s="110">
        <v>0</v>
      </c>
      <c r="EF19" s="112">
        <v>0</v>
      </c>
      <c r="EG19" s="113">
        <v>0</v>
      </c>
      <c r="EH19" s="110">
        <v>0</v>
      </c>
      <c r="EI19" s="114">
        <v>0</v>
      </c>
      <c r="EJ19" s="114">
        <v>0</v>
      </c>
      <c r="EK19" s="114">
        <v>65633</v>
      </c>
      <c r="EL19" s="114">
        <v>0</v>
      </c>
      <c r="EM19" s="114">
        <v>0</v>
      </c>
      <c r="EN19" s="112">
        <v>65633</v>
      </c>
      <c r="EO19" s="116">
        <v>65633</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10000</v>
      </c>
      <c r="FM19" s="114">
        <v>287376</v>
      </c>
      <c r="FN19" s="113">
        <v>297376</v>
      </c>
      <c r="FO19" s="110">
        <v>0</v>
      </c>
      <c r="FP19" s="114">
        <v>122664</v>
      </c>
      <c r="FQ19" s="114">
        <v>332888</v>
      </c>
      <c r="FR19" s="114">
        <v>424888</v>
      </c>
      <c r="FS19" s="114">
        <v>510464</v>
      </c>
      <c r="FT19" s="114">
        <v>150168</v>
      </c>
      <c r="FU19" s="113">
        <v>1541072</v>
      </c>
      <c r="FV19" s="116">
        <v>1838448</v>
      </c>
      <c r="FW19" s="115">
        <v>10000</v>
      </c>
      <c r="FX19" s="114">
        <v>62576</v>
      </c>
      <c r="FY19" s="112">
        <v>72576</v>
      </c>
      <c r="FZ19" s="111">
        <v>0</v>
      </c>
      <c r="GA19" s="114">
        <v>101064</v>
      </c>
      <c r="GB19" s="114">
        <v>307288</v>
      </c>
      <c r="GC19" s="114">
        <v>262792</v>
      </c>
      <c r="GD19" s="114">
        <v>477864</v>
      </c>
      <c r="GE19" s="114">
        <v>150168</v>
      </c>
      <c r="GF19" s="113">
        <v>1299176</v>
      </c>
      <c r="GG19" s="318">
        <v>1371752</v>
      </c>
      <c r="GH19" s="115">
        <v>0</v>
      </c>
      <c r="GI19" s="114">
        <v>0</v>
      </c>
      <c r="GJ19" s="112">
        <v>0</v>
      </c>
      <c r="GK19" s="111">
        <v>0</v>
      </c>
      <c r="GL19" s="114">
        <v>0</v>
      </c>
      <c r="GM19" s="114">
        <v>25600</v>
      </c>
      <c r="GN19" s="114">
        <v>34096</v>
      </c>
      <c r="GO19" s="114">
        <v>32600</v>
      </c>
      <c r="GP19" s="114">
        <v>0</v>
      </c>
      <c r="GQ19" s="113">
        <v>92296</v>
      </c>
      <c r="GR19" s="116">
        <v>92296</v>
      </c>
      <c r="GS19" s="110">
        <v>0</v>
      </c>
      <c r="GT19" s="114">
        <v>224800</v>
      </c>
      <c r="GU19" s="113">
        <v>224800</v>
      </c>
      <c r="GV19" s="110">
        <v>0</v>
      </c>
      <c r="GW19" s="114">
        <v>21600</v>
      </c>
      <c r="GX19" s="114">
        <v>0</v>
      </c>
      <c r="GY19" s="114">
        <v>128000</v>
      </c>
      <c r="GZ19" s="114">
        <v>0</v>
      </c>
      <c r="HA19" s="114">
        <v>0</v>
      </c>
      <c r="HB19" s="112">
        <v>149600</v>
      </c>
      <c r="HC19" s="116">
        <v>374400</v>
      </c>
      <c r="HD19" s="110">
        <v>105276</v>
      </c>
      <c r="HE19" s="114">
        <v>0</v>
      </c>
      <c r="HF19" s="112">
        <v>105276</v>
      </c>
      <c r="HG19" s="111">
        <v>0</v>
      </c>
      <c r="HH19" s="114">
        <v>802280</v>
      </c>
      <c r="HI19" s="114">
        <v>1003065</v>
      </c>
      <c r="HJ19" s="114">
        <v>850636</v>
      </c>
      <c r="HK19" s="114">
        <v>1497753</v>
      </c>
      <c r="HL19" s="114">
        <v>1189158</v>
      </c>
      <c r="HM19" s="113">
        <v>5342892</v>
      </c>
      <c r="HN19" s="109">
        <v>5448168</v>
      </c>
      <c r="HO19" s="328"/>
      <c r="HP19" s="329"/>
      <c r="HQ19" s="330"/>
      <c r="HR19" s="331"/>
      <c r="HS19" s="329"/>
      <c r="HT19" s="329"/>
      <c r="HU19" s="329"/>
      <c r="HV19" s="329"/>
      <c r="HW19" s="329"/>
      <c r="HX19" s="332"/>
      <c r="HY19" s="333"/>
      <c r="HZ19" s="131">
        <v>0</v>
      </c>
      <c r="IA19" s="132">
        <v>0</v>
      </c>
      <c r="IB19" s="133">
        <v>0</v>
      </c>
      <c r="IC19" s="146">
        <v>0</v>
      </c>
      <c r="ID19" s="132">
        <v>603874</v>
      </c>
      <c r="IE19" s="147">
        <v>723311</v>
      </c>
      <c r="IF19" s="133">
        <v>345245</v>
      </c>
      <c r="IG19" s="132">
        <v>857095</v>
      </c>
      <c r="IH19" s="133">
        <v>117162</v>
      </c>
      <c r="II19" s="148">
        <v>2646687</v>
      </c>
      <c r="IJ19" s="139">
        <v>2646687</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186114</v>
      </c>
      <c r="JL19" s="119">
        <v>518010</v>
      </c>
      <c r="JM19" s="119">
        <v>79105</v>
      </c>
      <c r="JN19" s="119">
        <v>244245</v>
      </c>
      <c r="JO19" s="119">
        <v>103083</v>
      </c>
      <c r="JP19" s="120">
        <v>1130557</v>
      </c>
      <c r="JQ19" s="320">
        <v>1130557</v>
      </c>
      <c r="JR19" s="142">
        <v>0</v>
      </c>
      <c r="JS19" s="119">
        <v>0</v>
      </c>
      <c r="JT19" s="141">
        <v>0</v>
      </c>
      <c r="JU19" s="118">
        <v>0</v>
      </c>
      <c r="JV19" s="119">
        <v>0</v>
      </c>
      <c r="JW19" s="119">
        <v>31740</v>
      </c>
      <c r="JX19" s="119">
        <v>159302</v>
      </c>
      <c r="JY19" s="119">
        <v>26086</v>
      </c>
      <c r="JZ19" s="119">
        <v>14079</v>
      </c>
      <c r="KA19" s="120">
        <v>231207</v>
      </c>
      <c r="KB19" s="320">
        <v>231207</v>
      </c>
      <c r="KC19" s="234">
        <v>0</v>
      </c>
      <c r="KD19" s="230">
        <v>0</v>
      </c>
      <c r="KE19" s="120">
        <v>0</v>
      </c>
      <c r="KF19" s="118">
        <v>0</v>
      </c>
      <c r="KG19" s="119">
        <v>192559</v>
      </c>
      <c r="KH19" s="119">
        <v>173561</v>
      </c>
      <c r="KI19" s="119">
        <v>106838</v>
      </c>
      <c r="KJ19" s="119">
        <v>253204</v>
      </c>
      <c r="KK19" s="119">
        <v>0</v>
      </c>
      <c r="KL19" s="120">
        <v>726162</v>
      </c>
      <c r="KM19" s="143">
        <v>726162</v>
      </c>
      <c r="KN19" s="232">
        <v>0</v>
      </c>
      <c r="KO19" s="236">
        <v>0</v>
      </c>
      <c r="KP19" s="237">
        <v>0</v>
      </c>
      <c r="KQ19" s="140"/>
      <c r="KR19" s="119">
        <v>225201</v>
      </c>
      <c r="KS19" s="119">
        <v>0</v>
      </c>
      <c r="KT19" s="119">
        <v>0</v>
      </c>
      <c r="KU19" s="119">
        <v>0</v>
      </c>
      <c r="KV19" s="119">
        <v>0</v>
      </c>
      <c r="KW19" s="120">
        <v>225201</v>
      </c>
      <c r="KX19" s="320">
        <v>225201</v>
      </c>
      <c r="KY19" s="142">
        <v>0</v>
      </c>
      <c r="KZ19" s="119">
        <v>0</v>
      </c>
      <c r="LA19" s="120">
        <v>0</v>
      </c>
      <c r="LB19" s="145"/>
      <c r="LC19" s="119">
        <v>0</v>
      </c>
      <c r="LD19" s="119">
        <v>0</v>
      </c>
      <c r="LE19" s="119">
        <v>0</v>
      </c>
      <c r="LF19" s="119">
        <v>333560</v>
      </c>
      <c r="LG19" s="119">
        <v>0</v>
      </c>
      <c r="LH19" s="120">
        <v>333560</v>
      </c>
      <c r="LI19" s="121">
        <v>333560</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350821</v>
      </c>
      <c r="MK19" s="119">
        <v>994026</v>
      </c>
      <c r="ML19" s="119">
        <v>590714</v>
      </c>
      <c r="MM19" s="119">
        <v>3243345</v>
      </c>
      <c r="MN19" s="119">
        <v>2098392</v>
      </c>
      <c r="MO19" s="120">
        <v>7277298</v>
      </c>
      <c r="MP19" s="143">
        <v>7277298</v>
      </c>
      <c r="MQ19" s="142">
        <v>0</v>
      </c>
      <c r="MR19" s="119">
        <v>0</v>
      </c>
      <c r="MS19" s="120">
        <v>0</v>
      </c>
      <c r="MT19" s="145"/>
      <c r="MU19" s="119">
        <v>211685</v>
      </c>
      <c r="MV19" s="119">
        <v>0</v>
      </c>
      <c r="MW19" s="119">
        <v>494450</v>
      </c>
      <c r="MX19" s="119">
        <v>2455636</v>
      </c>
      <c r="MY19" s="119">
        <v>1723166</v>
      </c>
      <c r="MZ19" s="120">
        <v>4884937</v>
      </c>
      <c r="NA19" s="143">
        <v>4884937</v>
      </c>
      <c r="NB19" s="142">
        <v>0</v>
      </c>
      <c r="NC19" s="119">
        <v>0</v>
      </c>
      <c r="ND19" s="120">
        <v>0</v>
      </c>
      <c r="NE19" s="145"/>
      <c r="NF19" s="119">
        <v>139136</v>
      </c>
      <c r="NG19" s="119">
        <v>994026</v>
      </c>
      <c r="NH19" s="119">
        <v>96264</v>
      </c>
      <c r="NI19" s="119">
        <v>787709</v>
      </c>
      <c r="NJ19" s="119">
        <v>375226</v>
      </c>
      <c r="NK19" s="120">
        <v>2392361</v>
      </c>
      <c r="NL19" s="320">
        <v>2392361</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208526</v>
      </c>
      <c r="OJ19" s="119">
        <v>425410</v>
      </c>
      <c r="OK19" s="141">
        <v>633936</v>
      </c>
      <c r="OL19" s="118">
        <v>0</v>
      </c>
      <c r="OM19" s="119">
        <v>3729814</v>
      </c>
      <c r="ON19" s="119">
        <v>5895547</v>
      </c>
      <c r="OO19" s="119">
        <v>5030983</v>
      </c>
      <c r="OP19" s="119">
        <v>9654501</v>
      </c>
      <c r="OQ19" s="119">
        <v>5788311</v>
      </c>
      <c r="OR19" s="120">
        <v>30099156</v>
      </c>
      <c r="OS19" s="143">
        <v>30733092</v>
      </c>
    </row>
    <row r="20" spans="2:409" ht="20.25" customHeight="1" x14ac:dyDescent="0.2">
      <c r="B20" s="126" t="s">
        <v>15</v>
      </c>
      <c r="C20" s="110">
        <v>246543</v>
      </c>
      <c r="D20" s="114">
        <v>153826</v>
      </c>
      <c r="E20" s="113">
        <v>400369</v>
      </c>
      <c r="F20" s="109">
        <v>0</v>
      </c>
      <c r="G20" s="114">
        <v>1236668</v>
      </c>
      <c r="H20" s="114">
        <v>1678110</v>
      </c>
      <c r="I20" s="114">
        <v>2742666</v>
      </c>
      <c r="J20" s="114">
        <v>1051878</v>
      </c>
      <c r="K20" s="114">
        <v>949613</v>
      </c>
      <c r="L20" s="109">
        <v>7658935</v>
      </c>
      <c r="M20" s="116">
        <v>8059304</v>
      </c>
      <c r="N20" s="110">
        <v>10912</v>
      </c>
      <c r="O20" s="114">
        <v>14534</v>
      </c>
      <c r="P20" s="113">
        <v>25446</v>
      </c>
      <c r="Q20" s="110">
        <v>0</v>
      </c>
      <c r="R20" s="114">
        <v>198263</v>
      </c>
      <c r="S20" s="114">
        <v>491041</v>
      </c>
      <c r="T20" s="114">
        <v>841029</v>
      </c>
      <c r="U20" s="114">
        <v>494233</v>
      </c>
      <c r="V20" s="114">
        <v>338001</v>
      </c>
      <c r="W20" s="113">
        <v>2362567</v>
      </c>
      <c r="X20" s="116">
        <v>2388013</v>
      </c>
      <c r="Y20" s="110">
        <v>0</v>
      </c>
      <c r="Z20" s="114">
        <v>0</v>
      </c>
      <c r="AA20" s="113">
        <v>0</v>
      </c>
      <c r="AB20" s="110">
        <v>0</v>
      </c>
      <c r="AC20" s="114">
        <v>40568</v>
      </c>
      <c r="AD20" s="114">
        <v>185665</v>
      </c>
      <c r="AE20" s="114">
        <v>705646</v>
      </c>
      <c r="AF20" s="114">
        <v>189584</v>
      </c>
      <c r="AG20" s="114">
        <v>242769</v>
      </c>
      <c r="AH20" s="113">
        <v>1364232</v>
      </c>
      <c r="AI20" s="116">
        <v>1364232</v>
      </c>
      <c r="AJ20" s="110">
        <v>0</v>
      </c>
      <c r="AK20" s="114">
        <v>0</v>
      </c>
      <c r="AL20" s="113">
        <v>0</v>
      </c>
      <c r="AM20" s="110">
        <v>0</v>
      </c>
      <c r="AN20" s="114">
        <v>0</v>
      </c>
      <c r="AO20" s="114">
        <v>0</v>
      </c>
      <c r="AP20" s="114">
        <v>0</v>
      </c>
      <c r="AQ20" s="114">
        <v>81772</v>
      </c>
      <c r="AR20" s="114">
        <v>0</v>
      </c>
      <c r="AS20" s="113">
        <v>81772</v>
      </c>
      <c r="AT20" s="116">
        <v>81772</v>
      </c>
      <c r="AU20" s="110">
        <v>0</v>
      </c>
      <c r="AV20" s="114">
        <v>14534</v>
      </c>
      <c r="AW20" s="113">
        <v>14534</v>
      </c>
      <c r="AX20" s="110">
        <v>0</v>
      </c>
      <c r="AY20" s="114">
        <v>56119</v>
      </c>
      <c r="AZ20" s="114">
        <v>218321</v>
      </c>
      <c r="BA20" s="114">
        <v>70495</v>
      </c>
      <c r="BB20" s="114">
        <v>171693</v>
      </c>
      <c r="BC20" s="114">
        <v>42217</v>
      </c>
      <c r="BD20" s="113">
        <v>558845</v>
      </c>
      <c r="BE20" s="116">
        <v>573379</v>
      </c>
      <c r="BF20" s="110">
        <v>0</v>
      </c>
      <c r="BG20" s="114">
        <v>0</v>
      </c>
      <c r="BH20" s="112">
        <v>0</v>
      </c>
      <c r="BI20" s="111">
        <v>0</v>
      </c>
      <c r="BJ20" s="114">
        <v>16280</v>
      </c>
      <c r="BK20" s="114">
        <v>31039</v>
      </c>
      <c r="BL20" s="114">
        <v>0</v>
      </c>
      <c r="BM20" s="114">
        <v>0</v>
      </c>
      <c r="BN20" s="114">
        <v>31039</v>
      </c>
      <c r="BO20" s="113">
        <v>78358</v>
      </c>
      <c r="BP20" s="116">
        <v>78358</v>
      </c>
      <c r="BQ20" s="110">
        <v>10912</v>
      </c>
      <c r="BR20" s="114">
        <v>0</v>
      </c>
      <c r="BS20" s="113">
        <v>10912</v>
      </c>
      <c r="BT20" s="110">
        <v>0</v>
      </c>
      <c r="BU20" s="114">
        <v>85296</v>
      </c>
      <c r="BV20" s="114">
        <v>56016</v>
      </c>
      <c r="BW20" s="114">
        <v>64888</v>
      </c>
      <c r="BX20" s="114">
        <v>51184</v>
      </c>
      <c r="BY20" s="114">
        <v>21976</v>
      </c>
      <c r="BZ20" s="113">
        <v>279360</v>
      </c>
      <c r="CA20" s="116">
        <v>290272</v>
      </c>
      <c r="CB20" s="110">
        <v>0</v>
      </c>
      <c r="CC20" s="114">
        <v>0</v>
      </c>
      <c r="CD20" s="113">
        <v>0</v>
      </c>
      <c r="CE20" s="110">
        <v>0</v>
      </c>
      <c r="CF20" s="114">
        <v>93681</v>
      </c>
      <c r="CG20" s="114">
        <v>316701</v>
      </c>
      <c r="CH20" s="114">
        <v>336498</v>
      </c>
      <c r="CI20" s="114">
        <v>0</v>
      </c>
      <c r="CJ20" s="114">
        <v>0</v>
      </c>
      <c r="CK20" s="113">
        <v>746880</v>
      </c>
      <c r="CL20" s="116">
        <v>746880</v>
      </c>
      <c r="CM20" s="110">
        <v>0</v>
      </c>
      <c r="CN20" s="114">
        <v>0</v>
      </c>
      <c r="CO20" s="113">
        <v>0</v>
      </c>
      <c r="CP20" s="111">
        <v>0</v>
      </c>
      <c r="CQ20" s="114">
        <v>16513</v>
      </c>
      <c r="CR20" s="114">
        <v>240929</v>
      </c>
      <c r="CS20" s="114">
        <v>36741</v>
      </c>
      <c r="CT20" s="114">
        <v>0</v>
      </c>
      <c r="CU20" s="114">
        <v>0</v>
      </c>
      <c r="CV20" s="113">
        <v>294183</v>
      </c>
      <c r="CW20" s="116">
        <v>294183</v>
      </c>
      <c r="CX20" s="110">
        <v>0</v>
      </c>
      <c r="CY20" s="114">
        <v>0</v>
      </c>
      <c r="CZ20" s="113">
        <v>0</v>
      </c>
      <c r="DA20" s="110">
        <v>0</v>
      </c>
      <c r="DB20" s="114">
        <v>77168</v>
      </c>
      <c r="DC20" s="114">
        <v>75772</v>
      </c>
      <c r="DD20" s="114">
        <v>299757</v>
      </c>
      <c r="DE20" s="114">
        <v>0</v>
      </c>
      <c r="DF20" s="114">
        <v>0</v>
      </c>
      <c r="DG20" s="113">
        <v>452697</v>
      </c>
      <c r="DH20" s="116">
        <v>452697</v>
      </c>
      <c r="DI20" s="110">
        <v>0</v>
      </c>
      <c r="DJ20" s="114">
        <v>0</v>
      </c>
      <c r="DK20" s="112">
        <v>0</v>
      </c>
      <c r="DL20" s="111">
        <v>0</v>
      </c>
      <c r="DM20" s="114">
        <v>0</v>
      </c>
      <c r="DN20" s="114">
        <v>0</v>
      </c>
      <c r="DO20" s="114">
        <v>249222</v>
      </c>
      <c r="DP20" s="114">
        <v>306128</v>
      </c>
      <c r="DQ20" s="114">
        <v>97324</v>
      </c>
      <c r="DR20" s="113">
        <v>652674</v>
      </c>
      <c r="DS20" s="116">
        <v>652674</v>
      </c>
      <c r="DT20" s="110">
        <v>0</v>
      </c>
      <c r="DU20" s="114">
        <v>0</v>
      </c>
      <c r="DV20" s="113">
        <v>0</v>
      </c>
      <c r="DW20" s="110">
        <v>0</v>
      </c>
      <c r="DX20" s="114">
        <v>0</v>
      </c>
      <c r="DY20" s="114">
        <v>0</v>
      </c>
      <c r="DZ20" s="114">
        <v>207978</v>
      </c>
      <c r="EA20" s="114">
        <v>306128</v>
      </c>
      <c r="EB20" s="114">
        <v>97324</v>
      </c>
      <c r="EC20" s="113">
        <v>611430</v>
      </c>
      <c r="ED20" s="116">
        <v>611430</v>
      </c>
      <c r="EE20" s="110">
        <v>0</v>
      </c>
      <c r="EF20" s="112">
        <v>0</v>
      </c>
      <c r="EG20" s="113">
        <v>0</v>
      </c>
      <c r="EH20" s="110">
        <v>0</v>
      </c>
      <c r="EI20" s="114">
        <v>0</v>
      </c>
      <c r="EJ20" s="114">
        <v>0</v>
      </c>
      <c r="EK20" s="114">
        <v>41244</v>
      </c>
      <c r="EL20" s="114">
        <v>0</v>
      </c>
      <c r="EM20" s="114">
        <v>0</v>
      </c>
      <c r="EN20" s="112">
        <v>41244</v>
      </c>
      <c r="EO20" s="116">
        <v>41244</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4800</v>
      </c>
      <c r="FM20" s="114">
        <v>40200</v>
      </c>
      <c r="FN20" s="113">
        <v>45000</v>
      </c>
      <c r="FO20" s="110">
        <v>0</v>
      </c>
      <c r="FP20" s="114">
        <v>12800</v>
      </c>
      <c r="FQ20" s="114">
        <v>149384</v>
      </c>
      <c r="FR20" s="114">
        <v>130416</v>
      </c>
      <c r="FS20" s="114">
        <v>155704</v>
      </c>
      <c r="FT20" s="114">
        <v>43200</v>
      </c>
      <c r="FU20" s="113">
        <v>491504</v>
      </c>
      <c r="FV20" s="116">
        <v>536504</v>
      </c>
      <c r="FW20" s="115">
        <v>4800</v>
      </c>
      <c r="FX20" s="114">
        <v>40200</v>
      </c>
      <c r="FY20" s="112">
        <v>45000</v>
      </c>
      <c r="FZ20" s="111">
        <v>0</v>
      </c>
      <c r="GA20" s="114">
        <v>12800</v>
      </c>
      <c r="GB20" s="114">
        <v>149384</v>
      </c>
      <c r="GC20" s="114">
        <v>100672</v>
      </c>
      <c r="GD20" s="114">
        <v>155704</v>
      </c>
      <c r="GE20" s="114">
        <v>43200</v>
      </c>
      <c r="GF20" s="113">
        <v>461760</v>
      </c>
      <c r="GG20" s="318">
        <v>506760</v>
      </c>
      <c r="GH20" s="115">
        <v>0</v>
      </c>
      <c r="GI20" s="114">
        <v>0</v>
      </c>
      <c r="GJ20" s="112">
        <v>0</v>
      </c>
      <c r="GK20" s="111">
        <v>0</v>
      </c>
      <c r="GL20" s="114">
        <v>0</v>
      </c>
      <c r="GM20" s="114">
        <v>0</v>
      </c>
      <c r="GN20" s="114">
        <v>0</v>
      </c>
      <c r="GO20" s="114">
        <v>0</v>
      </c>
      <c r="GP20" s="114">
        <v>0</v>
      </c>
      <c r="GQ20" s="113">
        <v>0</v>
      </c>
      <c r="GR20" s="116">
        <v>0</v>
      </c>
      <c r="GS20" s="110">
        <v>0</v>
      </c>
      <c r="GT20" s="114">
        <v>0</v>
      </c>
      <c r="GU20" s="113">
        <v>0</v>
      </c>
      <c r="GV20" s="110">
        <v>0</v>
      </c>
      <c r="GW20" s="114">
        <v>0</v>
      </c>
      <c r="GX20" s="114">
        <v>0</v>
      </c>
      <c r="GY20" s="114">
        <v>29744</v>
      </c>
      <c r="GZ20" s="114">
        <v>0</v>
      </c>
      <c r="HA20" s="114">
        <v>0</v>
      </c>
      <c r="HB20" s="112">
        <v>29744</v>
      </c>
      <c r="HC20" s="116">
        <v>29744</v>
      </c>
      <c r="HD20" s="110">
        <v>230831</v>
      </c>
      <c r="HE20" s="114">
        <v>99092</v>
      </c>
      <c r="HF20" s="112">
        <v>329923</v>
      </c>
      <c r="HG20" s="111">
        <v>0</v>
      </c>
      <c r="HH20" s="114">
        <v>931924</v>
      </c>
      <c r="HI20" s="114">
        <v>720984</v>
      </c>
      <c r="HJ20" s="114">
        <v>1185501</v>
      </c>
      <c r="HK20" s="114">
        <v>95813</v>
      </c>
      <c r="HL20" s="114">
        <v>471088</v>
      </c>
      <c r="HM20" s="113">
        <v>3405310</v>
      </c>
      <c r="HN20" s="109">
        <v>3735233</v>
      </c>
      <c r="HO20" s="328"/>
      <c r="HP20" s="329"/>
      <c r="HQ20" s="330"/>
      <c r="HR20" s="331"/>
      <c r="HS20" s="329"/>
      <c r="HT20" s="329"/>
      <c r="HU20" s="329"/>
      <c r="HV20" s="329"/>
      <c r="HW20" s="329"/>
      <c r="HX20" s="332"/>
      <c r="HY20" s="333"/>
      <c r="HZ20" s="150">
        <v>0</v>
      </c>
      <c r="IA20" s="135">
        <v>0</v>
      </c>
      <c r="IB20" s="150">
        <v>0</v>
      </c>
      <c r="IC20" s="134">
        <v>0</v>
      </c>
      <c r="ID20" s="135">
        <v>557343</v>
      </c>
      <c r="IE20" s="136">
        <v>1035291</v>
      </c>
      <c r="IF20" s="137">
        <v>262424</v>
      </c>
      <c r="IG20" s="135">
        <v>914009</v>
      </c>
      <c r="IH20" s="137">
        <v>386069</v>
      </c>
      <c r="II20" s="138">
        <v>3155136</v>
      </c>
      <c r="IJ20" s="150">
        <v>3155136</v>
      </c>
      <c r="IK20" s="232">
        <v>0</v>
      </c>
      <c r="IL20" s="236">
        <v>0</v>
      </c>
      <c r="IM20" s="237">
        <v>0</v>
      </c>
      <c r="IN20" s="140"/>
      <c r="IO20" s="119">
        <v>0</v>
      </c>
      <c r="IP20" s="119">
        <v>0</v>
      </c>
      <c r="IQ20" s="119">
        <v>0</v>
      </c>
      <c r="IR20" s="119">
        <v>0</v>
      </c>
      <c r="IS20" s="119">
        <v>0</v>
      </c>
      <c r="IT20" s="141">
        <v>0</v>
      </c>
      <c r="IU20" s="320">
        <v>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95063</v>
      </c>
      <c r="JL20" s="119">
        <v>422809</v>
      </c>
      <c r="JM20" s="119">
        <v>262424</v>
      </c>
      <c r="JN20" s="119">
        <v>245541</v>
      </c>
      <c r="JO20" s="119">
        <v>119853</v>
      </c>
      <c r="JP20" s="120">
        <v>1145690</v>
      </c>
      <c r="JQ20" s="320">
        <v>1145690</v>
      </c>
      <c r="JR20" s="142">
        <v>0</v>
      </c>
      <c r="JS20" s="119">
        <v>0</v>
      </c>
      <c r="JT20" s="141">
        <v>0</v>
      </c>
      <c r="JU20" s="118">
        <v>0</v>
      </c>
      <c r="JV20" s="119">
        <v>0</v>
      </c>
      <c r="JW20" s="119">
        <v>49112</v>
      </c>
      <c r="JX20" s="119">
        <v>0</v>
      </c>
      <c r="JY20" s="119">
        <v>0</v>
      </c>
      <c r="JZ20" s="119">
        <v>0</v>
      </c>
      <c r="KA20" s="120">
        <v>49112</v>
      </c>
      <c r="KB20" s="320">
        <v>49112</v>
      </c>
      <c r="KC20" s="234">
        <v>0</v>
      </c>
      <c r="KD20" s="230">
        <v>0</v>
      </c>
      <c r="KE20" s="120">
        <v>0</v>
      </c>
      <c r="KF20" s="118">
        <v>0</v>
      </c>
      <c r="KG20" s="119">
        <v>0</v>
      </c>
      <c r="KH20" s="119">
        <v>324146</v>
      </c>
      <c r="KI20" s="119">
        <v>0</v>
      </c>
      <c r="KJ20" s="119">
        <v>384771</v>
      </c>
      <c r="KK20" s="119">
        <v>266216</v>
      </c>
      <c r="KL20" s="120">
        <v>975133</v>
      </c>
      <c r="KM20" s="143">
        <v>975133</v>
      </c>
      <c r="KN20" s="232">
        <v>0</v>
      </c>
      <c r="KO20" s="236">
        <v>0</v>
      </c>
      <c r="KP20" s="237">
        <v>0</v>
      </c>
      <c r="KQ20" s="140"/>
      <c r="KR20" s="119">
        <v>462280</v>
      </c>
      <c r="KS20" s="119">
        <v>239224</v>
      </c>
      <c r="KT20" s="119">
        <v>0</v>
      </c>
      <c r="KU20" s="119">
        <v>283697</v>
      </c>
      <c r="KV20" s="119">
        <v>0</v>
      </c>
      <c r="KW20" s="120">
        <v>985201</v>
      </c>
      <c r="KX20" s="320">
        <v>985201</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0</v>
      </c>
      <c r="LR20" s="119">
        <v>0</v>
      </c>
      <c r="LS20" s="120">
        <v>0</v>
      </c>
      <c r="LT20" s="320">
        <v>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240572</v>
      </c>
      <c r="MK20" s="119">
        <v>249749</v>
      </c>
      <c r="ML20" s="119">
        <v>1246260</v>
      </c>
      <c r="MM20" s="119">
        <v>2063978</v>
      </c>
      <c r="MN20" s="119">
        <v>593161</v>
      </c>
      <c r="MO20" s="120">
        <v>4393720</v>
      </c>
      <c r="MP20" s="143">
        <v>4393720</v>
      </c>
      <c r="MQ20" s="142">
        <v>0</v>
      </c>
      <c r="MR20" s="119">
        <v>0</v>
      </c>
      <c r="MS20" s="120">
        <v>0</v>
      </c>
      <c r="MT20" s="145"/>
      <c r="MU20" s="119">
        <v>0</v>
      </c>
      <c r="MV20" s="119">
        <v>0</v>
      </c>
      <c r="MW20" s="119">
        <v>728460</v>
      </c>
      <c r="MX20" s="119">
        <v>1503450</v>
      </c>
      <c r="MY20" s="119">
        <v>0</v>
      </c>
      <c r="MZ20" s="120">
        <v>2231910</v>
      </c>
      <c r="NA20" s="143">
        <v>2231910</v>
      </c>
      <c r="NB20" s="142">
        <v>0</v>
      </c>
      <c r="NC20" s="119">
        <v>0</v>
      </c>
      <c r="ND20" s="120">
        <v>0</v>
      </c>
      <c r="NE20" s="145"/>
      <c r="NF20" s="119">
        <v>240572</v>
      </c>
      <c r="NG20" s="119">
        <v>249749</v>
      </c>
      <c r="NH20" s="119">
        <v>517800</v>
      </c>
      <c r="NI20" s="119">
        <v>560528</v>
      </c>
      <c r="NJ20" s="119">
        <v>593161</v>
      </c>
      <c r="NK20" s="120">
        <v>2161810</v>
      </c>
      <c r="NL20" s="320">
        <v>2161810</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46543</v>
      </c>
      <c r="OJ20" s="119">
        <v>153826</v>
      </c>
      <c r="OK20" s="141">
        <v>400369</v>
      </c>
      <c r="OL20" s="118">
        <v>0</v>
      </c>
      <c r="OM20" s="119">
        <v>2034583</v>
      </c>
      <c r="ON20" s="119">
        <v>2963150</v>
      </c>
      <c r="OO20" s="119">
        <v>4251350</v>
      </c>
      <c r="OP20" s="119">
        <v>4029865</v>
      </c>
      <c r="OQ20" s="119">
        <v>1928843</v>
      </c>
      <c r="OR20" s="120">
        <v>15207791</v>
      </c>
      <c r="OS20" s="143">
        <v>15608160</v>
      </c>
    </row>
    <row r="21" spans="2:409" ht="20.25" customHeight="1" x14ac:dyDescent="0.2">
      <c r="B21" s="126" t="s">
        <v>16</v>
      </c>
      <c r="C21" s="110">
        <v>298643</v>
      </c>
      <c r="D21" s="114">
        <v>722781</v>
      </c>
      <c r="E21" s="113">
        <v>1021424</v>
      </c>
      <c r="F21" s="109">
        <v>0</v>
      </c>
      <c r="G21" s="114">
        <v>4597475</v>
      </c>
      <c r="H21" s="114">
        <v>7092284</v>
      </c>
      <c r="I21" s="114">
        <v>3871649</v>
      </c>
      <c r="J21" s="114">
        <v>5668529</v>
      </c>
      <c r="K21" s="114">
        <v>2430724</v>
      </c>
      <c r="L21" s="109">
        <v>23660661</v>
      </c>
      <c r="M21" s="116">
        <v>24682085</v>
      </c>
      <c r="N21" s="110">
        <v>74990</v>
      </c>
      <c r="O21" s="114">
        <v>166003</v>
      </c>
      <c r="P21" s="113">
        <v>240993</v>
      </c>
      <c r="Q21" s="110">
        <v>0</v>
      </c>
      <c r="R21" s="114">
        <v>957566</v>
      </c>
      <c r="S21" s="114">
        <v>1292704</v>
      </c>
      <c r="T21" s="114">
        <v>700746</v>
      </c>
      <c r="U21" s="114">
        <v>1122738</v>
      </c>
      <c r="V21" s="114">
        <v>960477</v>
      </c>
      <c r="W21" s="113">
        <v>5034231</v>
      </c>
      <c r="X21" s="116">
        <v>5275224</v>
      </c>
      <c r="Y21" s="110">
        <v>0</v>
      </c>
      <c r="Z21" s="114">
        <v>0</v>
      </c>
      <c r="AA21" s="113">
        <v>0</v>
      </c>
      <c r="AB21" s="110">
        <v>0</v>
      </c>
      <c r="AC21" s="114">
        <v>288795</v>
      </c>
      <c r="AD21" s="114">
        <v>315623</v>
      </c>
      <c r="AE21" s="114">
        <v>194303</v>
      </c>
      <c r="AF21" s="114">
        <v>339589</v>
      </c>
      <c r="AG21" s="114">
        <v>346658</v>
      </c>
      <c r="AH21" s="113">
        <v>1484968</v>
      </c>
      <c r="AI21" s="116">
        <v>1484968</v>
      </c>
      <c r="AJ21" s="110">
        <v>0</v>
      </c>
      <c r="AK21" s="114">
        <v>0</v>
      </c>
      <c r="AL21" s="113">
        <v>0</v>
      </c>
      <c r="AM21" s="110">
        <v>0</v>
      </c>
      <c r="AN21" s="114">
        <v>0</v>
      </c>
      <c r="AO21" s="114">
        <v>45080</v>
      </c>
      <c r="AP21" s="114">
        <v>0</v>
      </c>
      <c r="AQ21" s="114">
        <v>60388</v>
      </c>
      <c r="AR21" s="114">
        <v>133941</v>
      </c>
      <c r="AS21" s="113">
        <v>239409</v>
      </c>
      <c r="AT21" s="116">
        <v>239409</v>
      </c>
      <c r="AU21" s="110">
        <v>49014</v>
      </c>
      <c r="AV21" s="114">
        <v>138307</v>
      </c>
      <c r="AW21" s="113">
        <v>187321</v>
      </c>
      <c r="AX21" s="110">
        <v>0</v>
      </c>
      <c r="AY21" s="114">
        <v>489235</v>
      </c>
      <c r="AZ21" s="114">
        <v>731089</v>
      </c>
      <c r="BA21" s="114">
        <v>253563</v>
      </c>
      <c r="BB21" s="114">
        <v>380511</v>
      </c>
      <c r="BC21" s="114">
        <v>286713</v>
      </c>
      <c r="BD21" s="113">
        <v>2141111</v>
      </c>
      <c r="BE21" s="116">
        <v>2328432</v>
      </c>
      <c r="BF21" s="110">
        <v>0</v>
      </c>
      <c r="BG21" s="114">
        <v>0</v>
      </c>
      <c r="BH21" s="112">
        <v>0</v>
      </c>
      <c r="BI21" s="111">
        <v>0</v>
      </c>
      <c r="BJ21" s="114">
        <v>0</v>
      </c>
      <c r="BK21" s="114">
        <v>0</v>
      </c>
      <c r="BL21" s="114">
        <v>15800</v>
      </c>
      <c r="BM21" s="114">
        <v>0</v>
      </c>
      <c r="BN21" s="114">
        <v>39501</v>
      </c>
      <c r="BO21" s="113">
        <v>55301</v>
      </c>
      <c r="BP21" s="116">
        <v>55301</v>
      </c>
      <c r="BQ21" s="110">
        <v>25976</v>
      </c>
      <c r="BR21" s="114">
        <v>27696</v>
      </c>
      <c r="BS21" s="113">
        <v>53672</v>
      </c>
      <c r="BT21" s="110">
        <v>0</v>
      </c>
      <c r="BU21" s="114">
        <v>179536</v>
      </c>
      <c r="BV21" s="114">
        <v>200912</v>
      </c>
      <c r="BW21" s="114">
        <v>237080</v>
      </c>
      <c r="BX21" s="114">
        <v>342250</v>
      </c>
      <c r="BY21" s="114">
        <v>153664</v>
      </c>
      <c r="BZ21" s="113">
        <v>1113442</v>
      </c>
      <c r="CA21" s="116">
        <v>1167114</v>
      </c>
      <c r="CB21" s="110">
        <v>39896</v>
      </c>
      <c r="CC21" s="114">
        <v>184814</v>
      </c>
      <c r="CD21" s="113">
        <v>224710</v>
      </c>
      <c r="CE21" s="110">
        <v>0</v>
      </c>
      <c r="CF21" s="114">
        <v>1732979</v>
      </c>
      <c r="CG21" s="114">
        <v>3061036</v>
      </c>
      <c r="CH21" s="114">
        <v>543423</v>
      </c>
      <c r="CI21" s="114">
        <v>1119976</v>
      </c>
      <c r="CJ21" s="114">
        <v>413048</v>
      </c>
      <c r="CK21" s="113">
        <v>6870462</v>
      </c>
      <c r="CL21" s="116">
        <v>7095172</v>
      </c>
      <c r="CM21" s="110">
        <v>0</v>
      </c>
      <c r="CN21" s="114">
        <v>0</v>
      </c>
      <c r="CO21" s="113">
        <v>0</v>
      </c>
      <c r="CP21" s="111">
        <v>0</v>
      </c>
      <c r="CQ21" s="114">
        <v>712266</v>
      </c>
      <c r="CR21" s="114">
        <v>1247716</v>
      </c>
      <c r="CS21" s="114">
        <v>430777</v>
      </c>
      <c r="CT21" s="114">
        <v>800501</v>
      </c>
      <c r="CU21" s="114">
        <v>413048</v>
      </c>
      <c r="CV21" s="113">
        <v>3604308</v>
      </c>
      <c r="CW21" s="116">
        <v>3604308</v>
      </c>
      <c r="CX21" s="110">
        <v>39896</v>
      </c>
      <c r="CY21" s="114">
        <v>184814</v>
      </c>
      <c r="CZ21" s="113">
        <v>224710</v>
      </c>
      <c r="DA21" s="110">
        <v>0</v>
      </c>
      <c r="DB21" s="114">
        <v>1020713</v>
      </c>
      <c r="DC21" s="114">
        <v>1813320</v>
      </c>
      <c r="DD21" s="114">
        <v>112646</v>
      </c>
      <c r="DE21" s="114">
        <v>319475</v>
      </c>
      <c r="DF21" s="114">
        <v>0</v>
      </c>
      <c r="DG21" s="113">
        <v>3266154</v>
      </c>
      <c r="DH21" s="116">
        <v>3490864</v>
      </c>
      <c r="DI21" s="110">
        <v>0</v>
      </c>
      <c r="DJ21" s="114">
        <v>0</v>
      </c>
      <c r="DK21" s="112">
        <v>0</v>
      </c>
      <c r="DL21" s="111">
        <v>0</v>
      </c>
      <c r="DM21" s="114">
        <v>21072</v>
      </c>
      <c r="DN21" s="114">
        <v>342148</v>
      </c>
      <c r="DO21" s="114">
        <v>506511</v>
      </c>
      <c r="DP21" s="114">
        <v>87188</v>
      </c>
      <c r="DQ21" s="114">
        <v>48500</v>
      </c>
      <c r="DR21" s="113">
        <v>1005419</v>
      </c>
      <c r="DS21" s="116">
        <v>1005419</v>
      </c>
      <c r="DT21" s="110">
        <v>0</v>
      </c>
      <c r="DU21" s="114">
        <v>0</v>
      </c>
      <c r="DV21" s="113">
        <v>0</v>
      </c>
      <c r="DW21" s="110">
        <v>0</v>
      </c>
      <c r="DX21" s="114">
        <v>21072</v>
      </c>
      <c r="DY21" s="114">
        <v>182612</v>
      </c>
      <c r="DZ21" s="114">
        <v>506511</v>
      </c>
      <c r="EA21" s="114">
        <v>53914</v>
      </c>
      <c r="EB21" s="114">
        <v>48500</v>
      </c>
      <c r="EC21" s="113">
        <v>812609</v>
      </c>
      <c r="ED21" s="116">
        <v>812609</v>
      </c>
      <c r="EE21" s="110">
        <v>0</v>
      </c>
      <c r="EF21" s="112">
        <v>0</v>
      </c>
      <c r="EG21" s="113">
        <v>0</v>
      </c>
      <c r="EH21" s="110">
        <v>0</v>
      </c>
      <c r="EI21" s="114">
        <v>0</v>
      </c>
      <c r="EJ21" s="114">
        <v>159536</v>
      </c>
      <c r="EK21" s="114">
        <v>0</v>
      </c>
      <c r="EL21" s="114">
        <v>33274</v>
      </c>
      <c r="EM21" s="114">
        <v>0</v>
      </c>
      <c r="EN21" s="112">
        <v>192810</v>
      </c>
      <c r="EO21" s="116">
        <v>192810</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76456</v>
      </c>
      <c r="FM21" s="114">
        <v>107600</v>
      </c>
      <c r="FN21" s="113">
        <v>184056</v>
      </c>
      <c r="FO21" s="110">
        <v>0</v>
      </c>
      <c r="FP21" s="114">
        <v>145400</v>
      </c>
      <c r="FQ21" s="114">
        <v>652504</v>
      </c>
      <c r="FR21" s="114">
        <v>235928</v>
      </c>
      <c r="FS21" s="114">
        <v>301280</v>
      </c>
      <c r="FT21" s="114">
        <v>222440</v>
      </c>
      <c r="FU21" s="113">
        <v>1557552</v>
      </c>
      <c r="FV21" s="116">
        <v>1741608</v>
      </c>
      <c r="FW21" s="115">
        <v>48456</v>
      </c>
      <c r="FX21" s="114">
        <v>85600</v>
      </c>
      <c r="FY21" s="112">
        <v>134056</v>
      </c>
      <c r="FZ21" s="111">
        <v>0</v>
      </c>
      <c r="GA21" s="114">
        <v>145400</v>
      </c>
      <c r="GB21" s="114">
        <v>576128</v>
      </c>
      <c r="GC21" s="114">
        <v>235928</v>
      </c>
      <c r="GD21" s="114">
        <v>279456</v>
      </c>
      <c r="GE21" s="114">
        <v>222440</v>
      </c>
      <c r="GF21" s="113">
        <v>1459352</v>
      </c>
      <c r="GG21" s="318">
        <v>1593408</v>
      </c>
      <c r="GH21" s="115">
        <v>0</v>
      </c>
      <c r="GI21" s="114">
        <v>22000</v>
      </c>
      <c r="GJ21" s="112">
        <v>22000</v>
      </c>
      <c r="GK21" s="111">
        <v>0</v>
      </c>
      <c r="GL21" s="114">
        <v>0</v>
      </c>
      <c r="GM21" s="114">
        <v>6776</v>
      </c>
      <c r="GN21" s="114">
        <v>0</v>
      </c>
      <c r="GO21" s="114">
        <v>21824</v>
      </c>
      <c r="GP21" s="114">
        <v>0</v>
      </c>
      <c r="GQ21" s="113">
        <v>28600</v>
      </c>
      <c r="GR21" s="116">
        <v>50600</v>
      </c>
      <c r="GS21" s="110">
        <v>28000</v>
      </c>
      <c r="GT21" s="114">
        <v>0</v>
      </c>
      <c r="GU21" s="113">
        <v>28000</v>
      </c>
      <c r="GV21" s="110">
        <v>0</v>
      </c>
      <c r="GW21" s="114">
        <v>0</v>
      </c>
      <c r="GX21" s="114">
        <v>69600</v>
      </c>
      <c r="GY21" s="114">
        <v>0</v>
      </c>
      <c r="GZ21" s="114">
        <v>0</v>
      </c>
      <c r="HA21" s="114">
        <v>0</v>
      </c>
      <c r="HB21" s="112">
        <v>69600</v>
      </c>
      <c r="HC21" s="116">
        <v>97600</v>
      </c>
      <c r="HD21" s="110">
        <v>107301</v>
      </c>
      <c r="HE21" s="114">
        <v>264364</v>
      </c>
      <c r="HF21" s="112">
        <v>371665</v>
      </c>
      <c r="HG21" s="111">
        <v>0</v>
      </c>
      <c r="HH21" s="114">
        <v>1740458</v>
      </c>
      <c r="HI21" s="114">
        <v>1743892</v>
      </c>
      <c r="HJ21" s="114">
        <v>1885041</v>
      </c>
      <c r="HK21" s="114">
        <v>3037347</v>
      </c>
      <c r="HL21" s="114">
        <v>786259</v>
      </c>
      <c r="HM21" s="113">
        <v>9192997</v>
      </c>
      <c r="HN21" s="109">
        <v>9564662</v>
      </c>
      <c r="HO21" s="328"/>
      <c r="HP21" s="329"/>
      <c r="HQ21" s="330"/>
      <c r="HR21" s="331"/>
      <c r="HS21" s="329"/>
      <c r="HT21" s="329"/>
      <c r="HU21" s="329"/>
      <c r="HV21" s="329"/>
      <c r="HW21" s="329"/>
      <c r="HX21" s="332"/>
      <c r="HY21" s="333"/>
      <c r="HZ21" s="131">
        <v>0</v>
      </c>
      <c r="IA21" s="132">
        <v>0</v>
      </c>
      <c r="IB21" s="133">
        <v>0</v>
      </c>
      <c r="IC21" s="146">
        <v>0</v>
      </c>
      <c r="ID21" s="132">
        <v>680595</v>
      </c>
      <c r="IE21" s="147">
        <v>1970836</v>
      </c>
      <c r="IF21" s="133">
        <v>2355548</v>
      </c>
      <c r="IG21" s="132">
        <v>991635</v>
      </c>
      <c r="IH21" s="133">
        <v>1035032</v>
      </c>
      <c r="II21" s="148">
        <v>7033646</v>
      </c>
      <c r="IJ21" s="139">
        <v>7033646</v>
      </c>
      <c r="IK21" s="232">
        <v>0</v>
      </c>
      <c r="IL21" s="236">
        <v>0</v>
      </c>
      <c r="IM21" s="237">
        <v>0</v>
      </c>
      <c r="IN21" s="140"/>
      <c r="IO21" s="119">
        <v>0</v>
      </c>
      <c r="IP21" s="119">
        <v>0</v>
      </c>
      <c r="IQ21" s="119">
        <v>213416</v>
      </c>
      <c r="IR21" s="119">
        <v>324607</v>
      </c>
      <c r="IS21" s="119">
        <v>0</v>
      </c>
      <c r="IT21" s="141">
        <v>538023</v>
      </c>
      <c r="IU21" s="320">
        <v>538023</v>
      </c>
      <c r="IV21" s="142">
        <v>0</v>
      </c>
      <c r="IW21" s="119">
        <v>0</v>
      </c>
      <c r="IX21" s="120">
        <v>0</v>
      </c>
      <c r="IY21" s="144"/>
      <c r="IZ21" s="119">
        <v>0</v>
      </c>
      <c r="JA21" s="119">
        <v>0</v>
      </c>
      <c r="JB21" s="119">
        <v>0</v>
      </c>
      <c r="JC21" s="119">
        <v>0</v>
      </c>
      <c r="JD21" s="119">
        <v>0</v>
      </c>
      <c r="JE21" s="120">
        <v>0</v>
      </c>
      <c r="JF21" s="121">
        <v>0</v>
      </c>
      <c r="JG21" s="142">
        <v>0</v>
      </c>
      <c r="JH21" s="119">
        <v>0</v>
      </c>
      <c r="JI21" s="141">
        <v>0</v>
      </c>
      <c r="JJ21" s="118">
        <v>0</v>
      </c>
      <c r="JK21" s="119">
        <v>306517</v>
      </c>
      <c r="JL21" s="119">
        <v>370698</v>
      </c>
      <c r="JM21" s="119">
        <v>330987</v>
      </c>
      <c r="JN21" s="119">
        <v>160563</v>
      </c>
      <c r="JO21" s="119">
        <v>0</v>
      </c>
      <c r="JP21" s="120">
        <v>1168765</v>
      </c>
      <c r="JQ21" s="320">
        <v>1168765</v>
      </c>
      <c r="JR21" s="142">
        <v>0</v>
      </c>
      <c r="JS21" s="119">
        <v>0</v>
      </c>
      <c r="JT21" s="141">
        <v>0</v>
      </c>
      <c r="JU21" s="118">
        <v>0</v>
      </c>
      <c r="JV21" s="119">
        <v>19196</v>
      </c>
      <c r="JW21" s="119">
        <v>0</v>
      </c>
      <c r="JX21" s="119">
        <v>103233</v>
      </c>
      <c r="JY21" s="119">
        <v>0</v>
      </c>
      <c r="JZ21" s="119">
        <v>0</v>
      </c>
      <c r="KA21" s="120">
        <v>122429</v>
      </c>
      <c r="KB21" s="320">
        <v>122429</v>
      </c>
      <c r="KC21" s="234">
        <v>0</v>
      </c>
      <c r="KD21" s="230">
        <v>0</v>
      </c>
      <c r="KE21" s="120">
        <v>0</v>
      </c>
      <c r="KF21" s="118">
        <v>0</v>
      </c>
      <c r="KG21" s="119">
        <v>0</v>
      </c>
      <c r="KH21" s="119">
        <v>491168</v>
      </c>
      <c r="KI21" s="119">
        <v>483666</v>
      </c>
      <c r="KJ21" s="119">
        <v>0</v>
      </c>
      <c r="KK21" s="119">
        <v>0</v>
      </c>
      <c r="KL21" s="120">
        <v>974834</v>
      </c>
      <c r="KM21" s="143">
        <v>974834</v>
      </c>
      <c r="KN21" s="232">
        <v>0</v>
      </c>
      <c r="KO21" s="236">
        <v>0</v>
      </c>
      <c r="KP21" s="237">
        <v>0</v>
      </c>
      <c r="KQ21" s="140"/>
      <c r="KR21" s="119">
        <v>228832</v>
      </c>
      <c r="KS21" s="119">
        <v>940212</v>
      </c>
      <c r="KT21" s="119">
        <v>987855</v>
      </c>
      <c r="KU21" s="119">
        <v>506465</v>
      </c>
      <c r="KV21" s="119">
        <v>767948</v>
      </c>
      <c r="KW21" s="120">
        <v>3431312</v>
      </c>
      <c r="KX21" s="320">
        <v>3431312</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126050</v>
      </c>
      <c r="LZ21" s="119">
        <v>168758</v>
      </c>
      <c r="MA21" s="119">
        <v>236391</v>
      </c>
      <c r="MB21" s="119">
        <v>0</v>
      </c>
      <c r="MC21" s="119">
        <v>267084</v>
      </c>
      <c r="MD21" s="120">
        <v>798283</v>
      </c>
      <c r="ME21" s="121">
        <v>798283</v>
      </c>
      <c r="MF21" s="142">
        <v>0</v>
      </c>
      <c r="MG21" s="119">
        <v>0</v>
      </c>
      <c r="MH21" s="120">
        <v>0</v>
      </c>
      <c r="MI21" s="145"/>
      <c r="MJ21" s="119">
        <v>0</v>
      </c>
      <c r="MK21" s="119">
        <v>1220275</v>
      </c>
      <c r="ML21" s="119">
        <v>1978395</v>
      </c>
      <c r="MM21" s="119">
        <v>2833376</v>
      </c>
      <c r="MN21" s="119">
        <v>2318688</v>
      </c>
      <c r="MO21" s="120">
        <v>8350734</v>
      </c>
      <c r="MP21" s="143">
        <v>8350734</v>
      </c>
      <c r="MQ21" s="142">
        <v>0</v>
      </c>
      <c r="MR21" s="119">
        <v>0</v>
      </c>
      <c r="MS21" s="120">
        <v>0</v>
      </c>
      <c r="MT21" s="145"/>
      <c r="MU21" s="119">
        <v>0</v>
      </c>
      <c r="MV21" s="119">
        <v>208998</v>
      </c>
      <c r="MW21" s="119">
        <v>896813</v>
      </c>
      <c r="MX21" s="119">
        <v>1960086</v>
      </c>
      <c r="MY21" s="119">
        <v>1382501</v>
      </c>
      <c r="MZ21" s="120">
        <v>4448398</v>
      </c>
      <c r="NA21" s="143">
        <v>4448398</v>
      </c>
      <c r="NB21" s="142">
        <v>0</v>
      </c>
      <c r="NC21" s="119">
        <v>0</v>
      </c>
      <c r="ND21" s="120">
        <v>0</v>
      </c>
      <c r="NE21" s="145"/>
      <c r="NF21" s="119">
        <v>0</v>
      </c>
      <c r="NG21" s="119">
        <v>1011277</v>
      </c>
      <c r="NH21" s="119">
        <v>1081582</v>
      </c>
      <c r="NI21" s="119">
        <v>873290</v>
      </c>
      <c r="NJ21" s="119">
        <v>525182</v>
      </c>
      <c r="NK21" s="120">
        <v>3491331</v>
      </c>
      <c r="NL21" s="320">
        <v>3491331</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411005</v>
      </c>
      <c r="OG21" s="120">
        <v>411005</v>
      </c>
      <c r="OH21" s="121">
        <v>411005</v>
      </c>
      <c r="OI21" s="142">
        <v>298643</v>
      </c>
      <c r="OJ21" s="119">
        <v>722781</v>
      </c>
      <c r="OK21" s="141">
        <v>1021424</v>
      </c>
      <c r="OL21" s="118">
        <v>0</v>
      </c>
      <c r="OM21" s="119">
        <v>5278070</v>
      </c>
      <c r="ON21" s="119">
        <v>10283395</v>
      </c>
      <c r="OO21" s="119">
        <v>8205592</v>
      </c>
      <c r="OP21" s="119">
        <v>9493540</v>
      </c>
      <c r="OQ21" s="119">
        <v>5784444</v>
      </c>
      <c r="OR21" s="120">
        <v>39045041</v>
      </c>
      <c r="OS21" s="143">
        <v>40066465</v>
      </c>
    </row>
    <row r="22" spans="2:409" ht="20.25" customHeight="1" x14ac:dyDescent="0.2">
      <c r="B22" s="126" t="s">
        <v>17</v>
      </c>
      <c r="C22" s="110">
        <v>368733</v>
      </c>
      <c r="D22" s="114">
        <v>713536</v>
      </c>
      <c r="E22" s="113">
        <v>1082269</v>
      </c>
      <c r="F22" s="109">
        <v>0</v>
      </c>
      <c r="G22" s="114">
        <v>4331056</v>
      </c>
      <c r="H22" s="114">
        <v>5400363</v>
      </c>
      <c r="I22" s="114">
        <v>3727270</v>
      </c>
      <c r="J22" s="114">
        <v>4105093</v>
      </c>
      <c r="K22" s="114">
        <v>4019255</v>
      </c>
      <c r="L22" s="109">
        <v>21583037</v>
      </c>
      <c r="M22" s="116">
        <v>22665306</v>
      </c>
      <c r="N22" s="110">
        <v>94699</v>
      </c>
      <c r="O22" s="114">
        <v>155243</v>
      </c>
      <c r="P22" s="113">
        <v>249942</v>
      </c>
      <c r="Q22" s="110">
        <v>0</v>
      </c>
      <c r="R22" s="114">
        <v>709125</v>
      </c>
      <c r="S22" s="114">
        <v>1430928</v>
      </c>
      <c r="T22" s="114">
        <v>1270814</v>
      </c>
      <c r="U22" s="114">
        <v>690506</v>
      </c>
      <c r="V22" s="114">
        <v>2792308</v>
      </c>
      <c r="W22" s="113">
        <v>6893681</v>
      </c>
      <c r="X22" s="116">
        <v>7143623</v>
      </c>
      <c r="Y22" s="110">
        <v>0</v>
      </c>
      <c r="Z22" s="114">
        <v>0</v>
      </c>
      <c r="AA22" s="113">
        <v>0</v>
      </c>
      <c r="AB22" s="110">
        <v>0</v>
      </c>
      <c r="AC22" s="114">
        <v>189262</v>
      </c>
      <c r="AD22" s="114">
        <v>697327</v>
      </c>
      <c r="AE22" s="114">
        <v>956056</v>
      </c>
      <c r="AF22" s="114">
        <v>229344</v>
      </c>
      <c r="AG22" s="114">
        <v>1805519</v>
      </c>
      <c r="AH22" s="113">
        <v>3877508</v>
      </c>
      <c r="AI22" s="116">
        <v>3877508</v>
      </c>
      <c r="AJ22" s="110">
        <v>0</v>
      </c>
      <c r="AK22" s="114">
        <v>0</v>
      </c>
      <c r="AL22" s="113">
        <v>0</v>
      </c>
      <c r="AM22" s="110">
        <v>0</v>
      </c>
      <c r="AN22" s="114">
        <v>0</v>
      </c>
      <c r="AO22" s="114">
        <v>0</v>
      </c>
      <c r="AP22" s="114">
        <v>0</v>
      </c>
      <c r="AQ22" s="114">
        <v>0</v>
      </c>
      <c r="AR22" s="114">
        <v>348645</v>
      </c>
      <c r="AS22" s="113">
        <v>348645</v>
      </c>
      <c r="AT22" s="116">
        <v>348645</v>
      </c>
      <c r="AU22" s="110">
        <v>30924</v>
      </c>
      <c r="AV22" s="114">
        <v>117563</v>
      </c>
      <c r="AW22" s="113">
        <v>148487</v>
      </c>
      <c r="AX22" s="110">
        <v>0</v>
      </c>
      <c r="AY22" s="114">
        <v>377845</v>
      </c>
      <c r="AZ22" s="114">
        <v>406575</v>
      </c>
      <c r="BA22" s="114">
        <v>182158</v>
      </c>
      <c r="BB22" s="114">
        <v>256502</v>
      </c>
      <c r="BC22" s="114">
        <v>407968</v>
      </c>
      <c r="BD22" s="113">
        <v>1631048</v>
      </c>
      <c r="BE22" s="116">
        <v>1779535</v>
      </c>
      <c r="BF22" s="110">
        <v>31519</v>
      </c>
      <c r="BG22" s="114">
        <v>0</v>
      </c>
      <c r="BH22" s="112">
        <v>31519</v>
      </c>
      <c r="BI22" s="111">
        <v>0</v>
      </c>
      <c r="BJ22" s="114">
        <v>23170</v>
      </c>
      <c r="BK22" s="114">
        <v>88338</v>
      </c>
      <c r="BL22" s="114">
        <v>0</v>
      </c>
      <c r="BM22" s="114">
        <v>22956</v>
      </c>
      <c r="BN22" s="114">
        <v>0</v>
      </c>
      <c r="BO22" s="113">
        <v>134464</v>
      </c>
      <c r="BP22" s="116">
        <v>165983</v>
      </c>
      <c r="BQ22" s="110">
        <v>32256</v>
      </c>
      <c r="BR22" s="114">
        <v>37680</v>
      </c>
      <c r="BS22" s="113">
        <v>69936</v>
      </c>
      <c r="BT22" s="110">
        <v>0</v>
      </c>
      <c r="BU22" s="114">
        <v>118848</v>
      </c>
      <c r="BV22" s="114">
        <v>238688</v>
      </c>
      <c r="BW22" s="114">
        <v>132600</v>
      </c>
      <c r="BX22" s="114">
        <v>181704</v>
      </c>
      <c r="BY22" s="114">
        <v>230176</v>
      </c>
      <c r="BZ22" s="113">
        <v>902016</v>
      </c>
      <c r="CA22" s="116">
        <v>971952</v>
      </c>
      <c r="CB22" s="110">
        <v>44328</v>
      </c>
      <c r="CC22" s="114">
        <v>227515</v>
      </c>
      <c r="CD22" s="113">
        <v>271843</v>
      </c>
      <c r="CE22" s="110">
        <v>0</v>
      </c>
      <c r="CF22" s="114">
        <v>1801175</v>
      </c>
      <c r="CG22" s="114">
        <v>2182119</v>
      </c>
      <c r="CH22" s="114">
        <v>806758</v>
      </c>
      <c r="CI22" s="114">
        <v>688363</v>
      </c>
      <c r="CJ22" s="114">
        <v>778216</v>
      </c>
      <c r="CK22" s="113">
        <v>6256631</v>
      </c>
      <c r="CL22" s="116">
        <v>6528474</v>
      </c>
      <c r="CM22" s="110">
        <v>0</v>
      </c>
      <c r="CN22" s="114">
        <v>0</v>
      </c>
      <c r="CO22" s="113">
        <v>0</v>
      </c>
      <c r="CP22" s="111">
        <v>0</v>
      </c>
      <c r="CQ22" s="114">
        <v>1482716</v>
      </c>
      <c r="CR22" s="114">
        <v>1141697</v>
      </c>
      <c r="CS22" s="114">
        <v>676263</v>
      </c>
      <c r="CT22" s="114">
        <v>491817</v>
      </c>
      <c r="CU22" s="114">
        <v>747396</v>
      </c>
      <c r="CV22" s="113">
        <v>4539889</v>
      </c>
      <c r="CW22" s="116">
        <v>4539889</v>
      </c>
      <c r="CX22" s="110">
        <v>44328</v>
      </c>
      <c r="CY22" s="114">
        <v>227515</v>
      </c>
      <c r="CZ22" s="113">
        <v>271843</v>
      </c>
      <c r="DA22" s="110">
        <v>0</v>
      </c>
      <c r="DB22" s="114">
        <v>318459</v>
      </c>
      <c r="DC22" s="114">
        <v>1040422</v>
      </c>
      <c r="DD22" s="114">
        <v>130495</v>
      </c>
      <c r="DE22" s="114">
        <v>196546</v>
      </c>
      <c r="DF22" s="114">
        <v>30820</v>
      </c>
      <c r="DG22" s="113">
        <v>1716742</v>
      </c>
      <c r="DH22" s="116">
        <v>1988585</v>
      </c>
      <c r="DI22" s="110">
        <v>0</v>
      </c>
      <c r="DJ22" s="114">
        <v>0</v>
      </c>
      <c r="DK22" s="112">
        <v>0</v>
      </c>
      <c r="DL22" s="111">
        <v>0</v>
      </c>
      <c r="DM22" s="114">
        <v>197927</v>
      </c>
      <c r="DN22" s="114">
        <v>229358</v>
      </c>
      <c r="DO22" s="114">
        <v>417962</v>
      </c>
      <c r="DP22" s="114">
        <v>959121</v>
      </c>
      <c r="DQ22" s="114">
        <v>20620</v>
      </c>
      <c r="DR22" s="113">
        <v>1824988</v>
      </c>
      <c r="DS22" s="116">
        <v>1824988</v>
      </c>
      <c r="DT22" s="110">
        <v>0</v>
      </c>
      <c r="DU22" s="114">
        <v>0</v>
      </c>
      <c r="DV22" s="113">
        <v>0</v>
      </c>
      <c r="DW22" s="110">
        <v>0</v>
      </c>
      <c r="DX22" s="114">
        <v>92891</v>
      </c>
      <c r="DY22" s="114">
        <v>229358</v>
      </c>
      <c r="DZ22" s="114">
        <v>417962</v>
      </c>
      <c r="EA22" s="114">
        <v>927662</v>
      </c>
      <c r="EB22" s="114">
        <v>20620</v>
      </c>
      <c r="EC22" s="113">
        <v>1688493</v>
      </c>
      <c r="ED22" s="116">
        <v>1688493</v>
      </c>
      <c r="EE22" s="110">
        <v>0</v>
      </c>
      <c r="EF22" s="112">
        <v>0</v>
      </c>
      <c r="EG22" s="113">
        <v>0</v>
      </c>
      <c r="EH22" s="110">
        <v>0</v>
      </c>
      <c r="EI22" s="114">
        <v>105036</v>
      </c>
      <c r="EJ22" s="114">
        <v>0</v>
      </c>
      <c r="EK22" s="114">
        <v>0</v>
      </c>
      <c r="EL22" s="114">
        <v>31459</v>
      </c>
      <c r="EM22" s="114">
        <v>0</v>
      </c>
      <c r="EN22" s="112">
        <v>136495</v>
      </c>
      <c r="EO22" s="116">
        <v>136495</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59576</v>
      </c>
      <c r="FM22" s="114">
        <v>140368</v>
      </c>
      <c r="FN22" s="113">
        <v>199944</v>
      </c>
      <c r="FO22" s="110">
        <v>0</v>
      </c>
      <c r="FP22" s="114">
        <v>534776</v>
      </c>
      <c r="FQ22" s="114">
        <v>759896</v>
      </c>
      <c r="FR22" s="114">
        <v>442112</v>
      </c>
      <c r="FS22" s="114">
        <v>237536</v>
      </c>
      <c r="FT22" s="114">
        <v>-42648</v>
      </c>
      <c r="FU22" s="113">
        <v>1931672</v>
      </c>
      <c r="FV22" s="116">
        <v>2131616</v>
      </c>
      <c r="FW22" s="115">
        <v>59576</v>
      </c>
      <c r="FX22" s="114">
        <v>121360</v>
      </c>
      <c r="FY22" s="112">
        <v>180936</v>
      </c>
      <c r="FZ22" s="111">
        <v>0</v>
      </c>
      <c r="GA22" s="114">
        <v>282680</v>
      </c>
      <c r="GB22" s="114">
        <v>718616</v>
      </c>
      <c r="GC22" s="114">
        <v>434032</v>
      </c>
      <c r="GD22" s="114">
        <v>237536</v>
      </c>
      <c r="GE22" s="114">
        <v>-42648</v>
      </c>
      <c r="GF22" s="113">
        <v>1630216</v>
      </c>
      <c r="GG22" s="318">
        <v>1811152</v>
      </c>
      <c r="GH22" s="115">
        <v>0</v>
      </c>
      <c r="GI22" s="114">
        <v>19008</v>
      </c>
      <c r="GJ22" s="112">
        <v>19008</v>
      </c>
      <c r="GK22" s="111">
        <v>0</v>
      </c>
      <c r="GL22" s="114">
        <v>38016</v>
      </c>
      <c r="GM22" s="114">
        <v>41280</v>
      </c>
      <c r="GN22" s="114">
        <v>8080</v>
      </c>
      <c r="GO22" s="114">
        <v>0</v>
      </c>
      <c r="GP22" s="114">
        <v>0</v>
      </c>
      <c r="GQ22" s="113">
        <v>87376</v>
      </c>
      <c r="GR22" s="116">
        <v>106384</v>
      </c>
      <c r="GS22" s="110">
        <v>0</v>
      </c>
      <c r="GT22" s="114">
        <v>0</v>
      </c>
      <c r="GU22" s="113">
        <v>0</v>
      </c>
      <c r="GV22" s="110">
        <v>0</v>
      </c>
      <c r="GW22" s="114">
        <v>214080</v>
      </c>
      <c r="GX22" s="114">
        <v>0</v>
      </c>
      <c r="GY22" s="114">
        <v>0</v>
      </c>
      <c r="GZ22" s="114">
        <v>0</v>
      </c>
      <c r="HA22" s="114">
        <v>0</v>
      </c>
      <c r="HB22" s="112">
        <v>214080</v>
      </c>
      <c r="HC22" s="116">
        <v>214080</v>
      </c>
      <c r="HD22" s="110">
        <v>170130</v>
      </c>
      <c r="HE22" s="114">
        <v>190410</v>
      </c>
      <c r="HF22" s="112">
        <v>360540</v>
      </c>
      <c r="HG22" s="111">
        <v>0</v>
      </c>
      <c r="HH22" s="114">
        <v>1088053</v>
      </c>
      <c r="HI22" s="114">
        <v>798062</v>
      </c>
      <c r="HJ22" s="114">
        <v>789624</v>
      </c>
      <c r="HK22" s="114">
        <v>1529567</v>
      </c>
      <c r="HL22" s="114">
        <v>470759</v>
      </c>
      <c r="HM22" s="113">
        <v>4676065</v>
      </c>
      <c r="HN22" s="109">
        <v>5036605</v>
      </c>
      <c r="HO22" s="328"/>
      <c r="HP22" s="329"/>
      <c r="HQ22" s="330"/>
      <c r="HR22" s="331"/>
      <c r="HS22" s="329"/>
      <c r="HT22" s="329"/>
      <c r="HU22" s="329"/>
      <c r="HV22" s="329"/>
      <c r="HW22" s="329"/>
      <c r="HX22" s="332"/>
      <c r="HY22" s="333"/>
      <c r="HZ22" s="150">
        <v>0</v>
      </c>
      <c r="IA22" s="135">
        <v>0</v>
      </c>
      <c r="IB22" s="150">
        <v>0</v>
      </c>
      <c r="IC22" s="134">
        <v>0</v>
      </c>
      <c r="ID22" s="135">
        <v>1402210</v>
      </c>
      <c r="IE22" s="136">
        <v>2423806</v>
      </c>
      <c r="IF22" s="137">
        <v>2941875</v>
      </c>
      <c r="IG22" s="135">
        <v>664679</v>
      </c>
      <c r="IH22" s="137">
        <v>807228</v>
      </c>
      <c r="II22" s="138">
        <v>8239798</v>
      </c>
      <c r="IJ22" s="150">
        <v>8239798</v>
      </c>
      <c r="IK22" s="232">
        <v>0</v>
      </c>
      <c r="IL22" s="236">
        <v>0</v>
      </c>
      <c r="IM22" s="237">
        <v>0</v>
      </c>
      <c r="IN22" s="140"/>
      <c r="IO22" s="119">
        <v>0</v>
      </c>
      <c r="IP22" s="119">
        <v>92533</v>
      </c>
      <c r="IQ22" s="119">
        <v>0</v>
      </c>
      <c r="IR22" s="119">
        <v>0</v>
      </c>
      <c r="IS22" s="119">
        <v>0</v>
      </c>
      <c r="IT22" s="141">
        <v>92533</v>
      </c>
      <c r="IU22" s="320">
        <v>92533</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737569</v>
      </c>
      <c r="JL22" s="119">
        <v>826488</v>
      </c>
      <c r="JM22" s="119">
        <v>631693</v>
      </c>
      <c r="JN22" s="119">
        <v>162179</v>
      </c>
      <c r="JO22" s="119">
        <v>151639</v>
      </c>
      <c r="JP22" s="120">
        <v>2509568</v>
      </c>
      <c r="JQ22" s="320">
        <v>2509568</v>
      </c>
      <c r="JR22" s="142">
        <v>0</v>
      </c>
      <c r="JS22" s="119">
        <v>0</v>
      </c>
      <c r="JT22" s="141">
        <v>0</v>
      </c>
      <c r="JU22" s="118">
        <v>0</v>
      </c>
      <c r="JV22" s="119">
        <v>275247</v>
      </c>
      <c r="JW22" s="119">
        <v>0</v>
      </c>
      <c r="JX22" s="119">
        <v>51175</v>
      </c>
      <c r="JY22" s="119">
        <v>0</v>
      </c>
      <c r="JZ22" s="119">
        <v>0</v>
      </c>
      <c r="KA22" s="120">
        <v>326422</v>
      </c>
      <c r="KB22" s="320">
        <v>326422</v>
      </c>
      <c r="KC22" s="234">
        <v>0</v>
      </c>
      <c r="KD22" s="230">
        <v>0</v>
      </c>
      <c r="KE22" s="120">
        <v>0</v>
      </c>
      <c r="KF22" s="118">
        <v>0</v>
      </c>
      <c r="KG22" s="119">
        <v>389394</v>
      </c>
      <c r="KH22" s="119">
        <v>0</v>
      </c>
      <c r="KI22" s="119">
        <v>749651</v>
      </c>
      <c r="KJ22" s="119">
        <v>243132</v>
      </c>
      <c r="KK22" s="119">
        <v>299230</v>
      </c>
      <c r="KL22" s="120">
        <v>1681407</v>
      </c>
      <c r="KM22" s="143">
        <v>1681407</v>
      </c>
      <c r="KN22" s="232">
        <v>0</v>
      </c>
      <c r="KO22" s="236">
        <v>0</v>
      </c>
      <c r="KP22" s="237">
        <v>0</v>
      </c>
      <c r="KQ22" s="140"/>
      <c r="KR22" s="119">
        <v>0</v>
      </c>
      <c r="KS22" s="119">
        <v>1504785</v>
      </c>
      <c r="KT22" s="119">
        <v>763448</v>
      </c>
      <c r="KU22" s="119">
        <v>259368</v>
      </c>
      <c r="KV22" s="119">
        <v>0</v>
      </c>
      <c r="KW22" s="120">
        <v>2527601</v>
      </c>
      <c r="KX22" s="320">
        <v>2527601</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745908</v>
      </c>
      <c r="LQ22" s="119">
        <v>0</v>
      </c>
      <c r="LR22" s="119">
        <v>0</v>
      </c>
      <c r="LS22" s="120">
        <v>745908</v>
      </c>
      <c r="LT22" s="320">
        <v>745908</v>
      </c>
      <c r="LU22" s="142">
        <v>0</v>
      </c>
      <c r="LV22" s="119">
        <v>0</v>
      </c>
      <c r="LW22" s="120">
        <v>0</v>
      </c>
      <c r="LX22" s="145"/>
      <c r="LY22" s="119">
        <v>0</v>
      </c>
      <c r="LZ22" s="119">
        <v>0</v>
      </c>
      <c r="MA22" s="119">
        <v>0</v>
      </c>
      <c r="MB22" s="119">
        <v>0</v>
      </c>
      <c r="MC22" s="119">
        <v>356359</v>
      </c>
      <c r="MD22" s="120">
        <v>356359</v>
      </c>
      <c r="ME22" s="121">
        <v>356359</v>
      </c>
      <c r="MF22" s="142">
        <v>0</v>
      </c>
      <c r="MG22" s="119">
        <v>0</v>
      </c>
      <c r="MH22" s="120">
        <v>0</v>
      </c>
      <c r="MI22" s="145"/>
      <c r="MJ22" s="119">
        <v>0</v>
      </c>
      <c r="MK22" s="119">
        <v>1727304</v>
      </c>
      <c r="ML22" s="119">
        <v>5674229</v>
      </c>
      <c r="MM22" s="119">
        <v>5952823</v>
      </c>
      <c r="MN22" s="119">
        <v>3790408</v>
      </c>
      <c r="MO22" s="120">
        <v>17144764</v>
      </c>
      <c r="MP22" s="143">
        <v>17144764</v>
      </c>
      <c r="MQ22" s="142">
        <v>0</v>
      </c>
      <c r="MR22" s="119">
        <v>0</v>
      </c>
      <c r="MS22" s="120">
        <v>0</v>
      </c>
      <c r="MT22" s="145"/>
      <c r="MU22" s="119">
        <v>0</v>
      </c>
      <c r="MV22" s="119">
        <v>236761</v>
      </c>
      <c r="MW22" s="119">
        <v>2254211</v>
      </c>
      <c r="MX22" s="119">
        <v>3132239</v>
      </c>
      <c r="MY22" s="119">
        <v>1956827</v>
      </c>
      <c r="MZ22" s="120">
        <v>7580038</v>
      </c>
      <c r="NA22" s="143">
        <v>7580038</v>
      </c>
      <c r="NB22" s="142">
        <v>0</v>
      </c>
      <c r="NC22" s="119">
        <v>0</v>
      </c>
      <c r="ND22" s="120">
        <v>0</v>
      </c>
      <c r="NE22" s="145"/>
      <c r="NF22" s="119">
        <v>0</v>
      </c>
      <c r="NG22" s="119">
        <v>1490543</v>
      </c>
      <c r="NH22" s="119">
        <v>3420018</v>
      </c>
      <c r="NI22" s="119">
        <v>2820584</v>
      </c>
      <c r="NJ22" s="119">
        <v>1482432</v>
      </c>
      <c r="NK22" s="120">
        <v>9213577</v>
      </c>
      <c r="NL22" s="320">
        <v>9213577</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51149</v>
      </c>
      <c r="OG22" s="120">
        <v>351149</v>
      </c>
      <c r="OH22" s="121">
        <v>351149</v>
      </c>
      <c r="OI22" s="142">
        <v>368733</v>
      </c>
      <c r="OJ22" s="119">
        <v>713536</v>
      </c>
      <c r="OK22" s="141">
        <v>1082269</v>
      </c>
      <c r="OL22" s="118">
        <v>0</v>
      </c>
      <c r="OM22" s="119">
        <v>5733266</v>
      </c>
      <c r="ON22" s="119">
        <v>9551473</v>
      </c>
      <c r="OO22" s="119">
        <v>12343374</v>
      </c>
      <c r="OP22" s="119">
        <v>10722595</v>
      </c>
      <c r="OQ22" s="119">
        <v>8616891</v>
      </c>
      <c r="OR22" s="120">
        <v>46967599</v>
      </c>
      <c r="OS22" s="143">
        <v>48049868</v>
      </c>
    </row>
    <row r="23" spans="2:409" ht="20.25" customHeight="1" x14ac:dyDescent="0.2">
      <c r="B23" s="126" t="s">
        <v>18</v>
      </c>
      <c r="C23" s="110">
        <v>250405</v>
      </c>
      <c r="D23" s="114">
        <v>678770</v>
      </c>
      <c r="E23" s="113">
        <v>929175</v>
      </c>
      <c r="F23" s="109">
        <v>0</v>
      </c>
      <c r="G23" s="114">
        <v>6554791</v>
      </c>
      <c r="H23" s="114">
        <v>9051175</v>
      </c>
      <c r="I23" s="114">
        <v>8540610</v>
      </c>
      <c r="J23" s="114">
        <v>5457754</v>
      </c>
      <c r="K23" s="114">
        <v>2557956</v>
      </c>
      <c r="L23" s="109">
        <v>32162286</v>
      </c>
      <c r="M23" s="116">
        <v>33091461</v>
      </c>
      <c r="N23" s="110">
        <v>111401</v>
      </c>
      <c r="O23" s="114">
        <v>167818</v>
      </c>
      <c r="P23" s="113">
        <v>279219</v>
      </c>
      <c r="Q23" s="110">
        <v>0</v>
      </c>
      <c r="R23" s="114">
        <v>2035670</v>
      </c>
      <c r="S23" s="114">
        <v>2532745</v>
      </c>
      <c r="T23" s="114">
        <v>2609498</v>
      </c>
      <c r="U23" s="114">
        <v>2027682</v>
      </c>
      <c r="V23" s="114">
        <v>490600</v>
      </c>
      <c r="W23" s="113">
        <v>9696195</v>
      </c>
      <c r="X23" s="116">
        <v>9975414</v>
      </c>
      <c r="Y23" s="110">
        <v>0</v>
      </c>
      <c r="Z23" s="114">
        <v>0</v>
      </c>
      <c r="AA23" s="113">
        <v>0</v>
      </c>
      <c r="AB23" s="110">
        <v>0</v>
      </c>
      <c r="AC23" s="114">
        <v>576033</v>
      </c>
      <c r="AD23" s="114">
        <v>1269218</v>
      </c>
      <c r="AE23" s="114">
        <v>1465060</v>
      </c>
      <c r="AF23" s="114">
        <v>1047973</v>
      </c>
      <c r="AG23" s="114">
        <v>132404</v>
      </c>
      <c r="AH23" s="113">
        <v>4490688</v>
      </c>
      <c r="AI23" s="116">
        <v>4490688</v>
      </c>
      <c r="AJ23" s="110">
        <v>0</v>
      </c>
      <c r="AK23" s="114">
        <v>0</v>
      </c>
      <c r="AL23" s="113">
        <v>0</v>
      </c>
      <c r="AM23" s="110">
        <v>0</v>
      </c>
      <c r="AN23" s="114">
        <v>25936</v>
      </c>
      <c r="AO23" s="114">
        <v>0</v>
      </c>
      <c r="AP23" s="114">
        <v>45641</v>
      </c>
      <c r="AQ23" s="114">
        <v>258466</v>
      </c>
      <c r="AR23" s="114">
        <v>47855</v>
      </c>
      <c r="AS23" s="113">
        <v>377898</v>
      </c>
      <c r="AT23" s="116">
        <v>377898</v>
      </c>
      <c r="AU23" s="110">
        <v>108673</v>
      </c>
      <c r="AV23" s="114">
        <v>108626</v>
      </c>
      <c r="AW23" s="113">
        <v>217299</v>
      </c>
      <c r="AX23" s="110">
        <v>0</v>
      </c>
      <c r="AY23" s="114">
        <v>952278</v>
      </c>
      <c r="AZ23" s="114">
        <v>594200</v>
      </c>
      <c r="BA23" s="114">
        <v>664149</v>
      </c>
      <c r="BB23" s="114">
        <v>474147</v>
      </c>
      <c r="BC23" s="114">
        <v>44493</v>
      </c>
      <c r="BD23" s="113">
        <v>2729267</v>
      </c>
      <c r="BE23" s="116">
        <v>2946566</v>
      </c>
      <c r="BF23" s="110">
        <v>0</v>
      </c>
      <c r="BG23" s="114">
        <v>0</v>
      </c>
      <c r="BH23" s="112">
        <v>0</v>
      </c>
      <c r="BI23" s="111">
        <v>0</v>
      </c>
      <c r="BJ23" s="114">
        <v>189239</v>
      </c>
      <c r="BK23" s="114">
        <v>164239</v>
      </c>
      <c r="BL23" s="114">
        <v>0</v>
      </c>
      <c r="BM23" s="114">
        <v>0</v>
      </c>
      <c r="BN23" s="114">
        <v>0</v>
      </c>
      <c r="BO23" s="113">
        <v>353478</v>
      </c>
      <c r="BP23" s="116">
        <v>353478</v>
      </c>
      <c r="BQ23" s="110">
        <v>2728</v>
      </c>
      <c r="BR23" s="114">
        <v>59192</v>
      </c>
      <c r="BS23" s="113">
        <v>61920</v>
      </c>
      <c r="BT23" s="110">
        <v>0</v>
      </c>
      <c r="BU23" s="114">
        <v>292184</v>
      </c>
      <c r="BV23" s="114">
        <v>505088</v>
      </c>
      <c r="BW23" s="114">
        <v>434648</v>
      </c>
      <c r="BX23" s="114">
        <v>247096</v>
      </c>
      <c r="BY23" s="114">
        <v>265848</v>
      </c>
      <c r="BZ23" s="113">
        <v>1744864</v>
      </c>
      <c r="CA23" s="116">
        <v>1806784</v>
      </c>
      <c r="CB23" s="110">
        <v>45050</v>
      </c>
      <c r="CC23" s="114">
        <v>196496</v>
      </c>
      <c r="CD23" s="113">
        <v>241546</v>
      </c>
      <c r="CE23" s="110">
        <v>0</v>
      </c>
      <c r="CF23" s="114">
        <v>2499773</v>
      </c>
      <c r="CG23" s="114">
        <v>2389246</v>
      </c>
      <c r="CH23" s="114">
        <v>2598842</v>
      </c>
      <c r="CI23" s="114">
        <v>1009508</v>
      </c>
      <c r="CJ23" s="114">
        <v>254253</v>
      </c>
      <c r="CK23" s="113">
        <v>8751622</v>
      </c>
      <c r="CL23" s="116">
        <v>8993168</v>
      </c>
      <c r="CM23" s="110">
        <v>0</v>
      </c>
      <c r="CN23" s="114">
        <v>0</v>
      </c>
      <c r="CO23" s="113">
        <v>0</v>
      </c>
      <c r="CP23" s="111">
        <v>0</v>
      </c>
      <c r="CQ23" s="114">
        <v>1966173</v>
      </c>
      <c r="CR23" s="114">
        <v>1969699</v>
      </c>
      <c r="CS23" s="114">
        <v>2065448</v>
      </c>
      <c r="CT23" s="114">
        <v>864864</v>
      </c>
      <c r="CU23" s="114">
        <v>166597</v>
      </c>
      <c r="CV23" s="113">
        <v>7032781</v>
      </c>
      <c r="CW23" s="116">
        <v>7032781</v>
      </c>
      <c r="CX23" s="110">
        <v>45050</v>
      </c>
      <c r="CY23" s="114">
        <v>196496</v>
      </c>
      <c r="CZ23" s="113">
        <v>241546</v>
      </c>
      <c r="DA23" s="110">
        <v>0</v>
      </c>
      <c r="DB23" s="114">
        <v>533600</v>
      </c>
      <c r="DC23" s="114">
        <v>419547</v>
      </c>
      <c r="DD23" s="114">
        <v>533394</v>
      </c>
      <c r="DE23" s="114">
        <v>144644</v>
      </c>
      <c r="DF23" s="114">
        <v>87656</v>
      </c>
      <c r="DG23" s="113">
        <v>1718841</v>
      </c>
      <c r="DH23" s="116">
        <v>1960387</v>
      </c>
      <c r="DI23" s="110">
        <v>0</v>
      </c>
      <c r="DJ23" s="114">
        <v>0</v>
      </c>
      <c r="DK23" s="112">
        <v>0</v>
      </c>
      <c r="DL23" s="111">
        <v>0</v>
      </c>
      <c r="DM23" s="114">
        <v>72531</v>
      </c>
      <c r="DN23" s="114">
        <v>618553</v>
      </c>
      <c r="DO23" s="114">
        <v>1405843</v>
      </c>
      <c r="DP23" s="114">
        <v>693536</v>
      </c>
      <c r="DQ23" s="114">
        <v>0</v>
      </c>
      <c r="DR23" s="113">
        <v>2790463</v>
      </c>
      <c r="DS23" s="116">
        <v>2790463</v>
      </c>
      <c r="DT23" s="110">
        <v>0</v>
      </c>
      <c r="DU23" s="114">
        <v>0</v>
      </c>
      <c r="DV23" s="113">
        <v>0</v>
      </c>
      <c r="DW23" s="110">
        <v>0</v>
      </c>
      <c r="DX23" s="114">
        <v>72531</v>
      </c>
      <c r="DY23" s="114">
        <v>618553</v>
      </c>
      <c r="DZ23" s="114">
        <v>1405843</v>
      </c>
      <c r="EA23" s="114">
        <v>693536</v>
      </c>
      <c r="EB23" s="114">
        <v>0</v>
      </c>
      <c r="EC23" s="113">
        <v>2790463</v>
      </c>
      <c r="ED23" s="116">
        <v>2790463</v>
      </c>
      <c r="EE23" s="110">
        <v>0</v>
      </c>
      <c r="EF23" s="112">
        <v>0</v>
      </c>
      <c r="EG23" s="113">
        <v>0</v>
      </c>
      <c r="EH23" s="110">
        <v>0</v>
      </c>
      <c r="EI23" s="114">
        <v>0</v>
      </c>
      <c r="EJ23" s="114">
        <v>0</v>
      </c>
      <c r="EK23" s="114">
        <v>0</v>
      </c>
      <c r="EL23" s="114">
        <v>0</v>
      </c>
      <c r="EM23" s="114">
        <v>0</v>
      </c>
      <c r="EN23" s="112">
        <v>0</v>
      </c>
      <c r="EO23" s="116">
        <v>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40008</v>
      </c>
      <c r="FM23" s="114">
        <v>126240</v>
      </c>
      <c r="FN23" s="113">
        <v>166248</v>
      </c>
      <c r="FO23" s="110">
        <v>0</v>
      </c>
      <c r="FP23" s="114">
        <v>373724</v>
      </c>
      <c r="FQ23" s="114">
        <v>759413</v>
      </c>
      <c r="FR23" s="114">
        <v>730776</v>
      </c>
      <c r="FS23" s="114">
        <v>584640</v>
      </c>
      <c r="FT23" s="114">
        <v>124864</v>
      </c>
      <c r="FU23" s="113">
        <v>2573417</v>
      </c>
      <c r="FV23" s="116">
        <v>2739665</v>
      </c>
      <c r="FW23" s="115">
        <v>40008</v>
      </c>
      <c r="FX23" s="114">
        <v>126240</v>
      </c>
      <c r="FY23" s="112">
        <v>166248</v>
      </c>
      <c r="FZ23" s="111">
        <v>0</v>
      </c>
      <c r="GA23" s="114">
        <v>308624</v>
      </c>
      <c r="GB23" s="114">
        <v>557013</v>
      </c>
      <c r="GC23" s="114">
        <v>570776</v>
      </c>
      <c r="GD23" s="114">
        <v>584640</v>
      </c>
      <c r="GE23" s="114">
        <v>103504</v>
      </c>
      <c r="GF23" s="113">
        <v>2124557</v>
      </c>
      <c r="GG23" s="318">
        <v>2290805</v>
      </c>
      <c r="GH23" s="115">
        <v>0</v>
      </c>
      <c r="GI23" s="114">
        <v>0</v>
      </c>
      <c r="GJ23" s="112">
        <v>0</v>
      </c>
      <c r="GK23" s="111">
        <v>0</v>
      </c>
      <c r="GL23" s="114">
        <v>9900</v>
      </c>
      <c r="GM23" s="114">
        <v>12800</v>
      </c>
      <c r="GN23" s="114">
        <v>0</v>
      </c>
      <c r="GO23" s="114">
        <v>0</v>
      </c>
      <c r="GP23" s="114">
        <v>21360</v>
      </c>
      <c r="GQ23" s="113">
        <v>44060</v>
      </c>
      <c r="GR23" s="116">
        <v>44060</v>
      </c>
      <c r="GS23" s="110">
        <v>0</v>
      </c>
      <c r="GT23" s="114">
        <v>0</v>
      </c>
      <c r="GU23" s="113">
        <v>0</v>
      </c>
      <c r="GV23" s="110">
        <v>0</v>
      </c>
      <c r="GW23" s="114">
        <v>55200</v>
      </c>
      <c r="GX23" s="114">
        <v>189600</v>
      </c>
      <c r="GY23" s="114">
        <v>160000</v>
      </c>
      <c r="GZ23" s="114">
        <v>0</v>
      </c>
      <c r="HA23" s="114">
        <v>0</v>
      </c>
      <c r="HB23" s="112">
        <v>404800</v>
      </c>
      <c r="HC23" s="116">
        <v>404800</v>
      </c>
      <c r="HD23" s="110">
        <v>53946</v>
      </c>
      <c r="HE23" s="114">
        <v>188216</v>
      </c>
      <c r="HF23" s="112">
        <v>242162</v>
      </c>
      <c r="HG23" s="111">
        <v>0</v>
      </c>
      <c r="HH23" s="114">
        <v>1573093</v>
      </c>
      <c r="HI23" s="114">
        <v>2751218</v>
      </c>
      <c r="HJ23" s="114">
        <v>1195651</v>
      </c>
      <c r="HK23" s="114">
        <v>1142388</v>
      </c>
      <c r="HL23" s="114">
        <v>1688239</v>
      </c>
      <c r="HM23" s="113">
        <v>8350589</v>
      </c>
      <c r="HN23" s="109">
        <v>8592751</v>
      </c>
      <c r="HO23" s="328"/>
      <c r="HP23" s="329"/>
      <c r="HQ23" s="330"/>
      <c r="HR23" s="331"/>
      <c r="HS23" s="329"/>
      <c r="HT23" s="329"/>
      <c r="HU23" s="329"/>
      <c r="HV23" s="329"/>
      <c r="HW23" s="329"/>
      <c r="HX23" s="332"/>
      <c r="HY23" s="333"/>
      <c r="HZ23" s="131">
        <v>90020</v>
      </c>
      <c r="IA23" s="132">
        <v>0</v>
      </c>
      <c r="IB23" s="133">
        <v>90020</v>
      </c>
      <c r="IC23" s="146">
        <v>0</v>
      </c>
      <c r="ID23" s="132">
        <v>1722573</v>
      </c>
      <c r="IE23" s="147">
        <v>2679894</v>
      </c>
      <c r="IF23" s="133">
        <v>2858189</v>
      </c>
      <c r="IG23" s="132">
        <v>1655879</v>
      </c>
      <c r="IH23" s="133">
        <v>870396</v>
      </c>
      <c r="II23" s="148">
        <v>9786931</v>
      </c>
      <c r="IJ23" s="139">
        <v>9876951</v>
      </c>
      <c r="IK23" s="232">
        <v>0</v>
      </c>
      <c r="IL23" s="236">
        <v>0</v>
      </c>
      <c r="IM23" s="237">
        <v>0</v>
      </c>
      <c r="IN23" s="140"/>
      <c r="IO23" s="119">
        <v>0</v>
      </c>
      <c r="IP23" s="119">
        <v>0</v>
      </c>
      <c r="IQ23" s="119">
        <v>0</v>
      </c>
      <c r="IR23" s="119">
        <v>0</v>
      </c>
      <c r="IS23" s="119">
        <v>0</v>
      </c>
      <c r="IT23" s="141">
        <v>0</v>
      </c>
      <c r="IU23" s="320">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797119</v>
      </c>
      <c r="JL23" s="119">
        <v>769625</v>
      </c>
      <c r="JM23" s="119">
        <v>281084</v>
      </c>
      <c r="JN23" s="119">
        <v>58092</v>
      </c>
      <c r="JO23" s="119">
        <v>0</v>
      </c>
      <c r="JP23" s="120">
        <v>1905920</v>
      </c>
      <c r="JQ23" s="320">
        <v>1905920</v>
      </c>
      <c r="JR23" s="142">
        <v>0</v>
      </c>
      <c r="JS23" s="119">
        <v>0</v>
      </c>
      <c r="JT23" s="141">
        <v>0</v>
      </c>
      <c r="JU23" s="118">
        <v>0</v>
      </c>
      <c r="JV23" s="119">
        <v>306856</v>
      </c>
      <c r="JW23" s="119">
        <v>0</v>
      </c>
      <c r="JX23" s="119">
        <v>109145</v>
      </c>
      <c r="JY23" s="119">
        <v>0</v>
      </c>
      <c r="JZ23" s="119">
        <v>87041</v>
      </c>
      <c r="KA23" s="120">
        <v>503042</v>
      </c>
      <c r="KB23" s="320">
        <v>503042</v>
      </c>
      <c r="KC23" s="234">
        <v>90020</v>
      </c>
      <c r="KD23" s="230">
        <v>0</v>
      </c>
      <c r="KE23" s="120">
        <v>90020</v>
      </c>
      <c r="KF23" s="118">
        <v>0</v>
      </c>
      <c r="KG23" s="119">
        <v>618598</v>
      </c>
      <c r="KH23" s="119">
        <v>706417</v>
      </c>
      <c r="KI23" s="119">
        <v>688634</v>
      </c>
      <c r="KJ23" s="119">
        <v>250026</v>
      </c>
      <c r="KK23" s="119">
        <v>0</v>
      </c>
      <c r="KL23" s="120">
        <v>2263675</v>
      </c>
      <c r="KM23" s="143">
        <v>2353695</v>
      </c>
      <c r="KN23" s="232">
        <v>0</v>
      </c>
      <c r="KO23" s="236">
        <v>0</v>
      </c>
      <c r="KP23" s="237">
        <v>0</v>
      </c>
      <c r="KQ23" s="140"/>
      <c r="KR23" s="119">
        <v>0</v>
      </c>
      <c r="KS23" s="119">
        <v>1203852</v>
      </c>
      <c r="KT23" s="119">
        <v>1260959</v>
      </c>
      <c r="KU23" s="119">
        <v>751654</v>
      </c>
      <c r="KV23" s="119">
        <v>783355</v>
      </c>
      <c r="KW23" s="120">
        <v>3999820</v>
      </c>
      <c r="KX23" s="320">
        <v>399982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0">
        <v>0</v>
      </c>
      <c r="LU23" s="142">
        <v>0</v>
      </c>
      <c r="LV23" s="119">
        <v>0</v>
      </c>
      <c r="LW23" s="120">
        <v>0</v>
      </c>
      <c r="LX23" s="145"/>
      <c r="LY23" s="119">
        <v>0</v>
      </c>
      <c r="LZ23" s="119">
        <v>0</v>
      </c>
      <c r="MA23" s="119">
        <v>518367</v>
      </c>
      <c r="MB23" s="119">
        <v>596107</v>
      </c>
      <c r="MC23" s="119">
        <v>0</v>
      </c>
      <c r="MD23" s="120">
        <v>1114474</v>
      </c>
      <c r="ME23" s="121">
        <v>1114474</v>
      </c>
      <c r="MF23" s="142">
        <v>0</v>
      </c>
      <c r="MG23" s="119">
        <v>0</v>
      </c>
      <c r="MH23" s="120">
        <v>0</v>
      </c>
      <c r="MI23" s="145"/>
      <c r="MJ23" s="119">
        <v>302079</v>
      </c>
      <c r="MK23" s="119">
        <v>923062</v>
      </c>
      <c r="ML23" s="119">
        <v>2331745</v>
      </c>
      <c r="MM23" s="119">
        <v>7192249</v>
      </c>
      <c r="MN23" s="119">
        <v>2818327</v>
      </c>
      <c r="MO23" s="120">
        <v>13567462</v>
      </c>
      <c r="MP23" s="143">
        <v>13567462</v>
      </c>
      <c r="MQ23" s="142">
        <v>0</v>
      </c>
      <c r="MR23" s="119">
        <v>0</v>
      </c>
      <c r="MS23" s="120">
        <v>0</v>
      </c>
      <c r="MT23" s="145"/>
      <c r="MU23" s="119">
        <v>0</v>
      </c>
      <c r="MV23" s="119">
        <v>0</v>
      </c>
      <c r="MW23" s="119">
        <v>1343009</v>
      </c>
      <c r="MX23" s="119">
        <v>5386616</v>
      </c>
      <c r="MY23" s="119">
        <v>1467032</v>
      </c>
      <c r="MZ23" s="120">
        <v>8196657</v>
      </c>
      <c r="NA23" s="143">
        <v>8196657</v>
      </c>
      <c r="NB23" s="142">
        <v>0</v>
      </c>
      <c r="NC23" s="119">
        <v>0</v>
      </c>
      <c r="ND23" s="120">
        <v>0</v>
      </c>
      <c r="NE23" s="145"/>
      <c r="NF23" s="119">
        <v>302079</v>
      </c>
      <c r="NG23" s="119">
        <v>923062</v>
      </c>
      <c r="NH23" s="119">
        <v>988736</v>
      </c>
      <c r="NI23" s="119">
        <v>1805633</v>
      </c>
      <c r="NJ23" s="119">
        <v>969123</v>
      </c>
      <c r="NK23" s="120">
        <v>4988633</v>
      </c>
      <c r="NL23" s="320">
        <v>4988633</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382172</v>
      </c>
      <c r="OG23" s="120">
        <v>382172</v>
      </c>
      <c r="OH23" s="121">
        <v>382172</v>
      </c>
      <c r="OI23" s="142">
        <v>340425</v>
      </c>
      <c r="OJ23" s="119">
        <v>678770</v>
      </c>
      <c r="OK23" s="141">
        <v>1019195</v>
      </c>
      <c r="OL23" s="118">
        <v>0</v>
      </c>
      <c r="OM23" s="119">
        <v>8579443</v>
      </c>
      <c r="ON23" s="119">
        <v>12654131</v>
      </c>
      <c r="OO23" s="119">
        <v>13730544</v>
      </c>
      <c r="OP23" s="119">
        <v>14305882</v>
      </c>
      <c r="OQ23" s="119">
        <v>6246679</v>
      </c>
      <c r="OR23" s="120">
        <v>55516679</v>
      </c>
      <c r="OS23" s="143">
        <v>56535874</v>
      </c>
    </row>
    <row r="24" spans="2:409" ht="20.25" customHeight="1" x14ac:dyDescent="0.2">
      <c r="B24" s="126" t="s">
        <v>19</v>
      </c>
      <c r="C24" s="110">
        <v>216798</v>
      </c>
      <c r="D24" s="114">
        <v>399204</v>
      </c>
      <c r="E24" s="113">
        <v>616002</v>
      </c>
      <c r="F24" s="109">
        <v>0</v>
      </c>
      <c r="G24" s="114">
        <v>4199409</v>
      </c>
      <c r="H24" s="114">
        <v>3857482</v>
      </c>
      <c r="I24" s="114">
        <v>2042198</v>
      </c>
      <c r="J24" s="114">
        <v>2382976</v>
      </c>
      <c r="K24" s="114">
        <v>1099903</v>
      </c>
      <c r="L24" s="109">
        <v>13581968</v>
      </c>
      <c r="M24" s="116">
        <v>14197970</v>
      </c>
      <c r="N24" s="110">
        <v>89196</v>
      </c>
      <c r="O24" s="114">
        <v>40313</v>
      </c>
      <c r="P24" s="113">
        <v>129509</v>
      </c>
      <c r="Q24" s="110">
        <v>0</v>
      </c>
      <c r="R24" s="114">
        <v>1179652</v>
      </c>
      <c r="S24" s="114">
        <v>765451</v>
      </c>
      <c r="T24" s="114">
        <v>698374</v>
      </c>
      <c r="U24" s="114">
        <v>906437</v>
      </c>
      <c r="V24" s="114">
        <v>864376</v>
      </c>
      <c r="W24" s="113">
        <v>4414290</v>
      </c>
      <c r="X24" s="116">
        <v>4543799</v>
      </c>
      <c r="Y24" s="110">
        <v>0</v>
      </c>
      <c r="Z24" s="114">
        <v>0</v>
      </c>
      <c r="AA24" s="113">
        <v>0</v>
      </c>
      <c r="AB24" s="110">
        <v>0</v>
      </c>
      <c r="AC24" s="114">
        <v>474699</v>
      </c>
      <c r="AD24" s="114">
        <v>217235</v>
      </c>
      <c r="AE24" s="114">
        <v>119441</v>
      </c>
      <c r="AF24" s="114">
        <v>575541</v>
      </c>
      <c r="AG24" s="114">
        <v>315820</v>
      </c>
      <c r="AH24" s="113">
        <v>1702736</v>
      </c>
      <c r="AI24" s="116">
        <v>1702736</v>
      </c>
      <c r="AJ24" s="110">
        <v>0</v>
      </c>
      <c r="AK24" s="114">
        <v>0</v>
      </c>
      <c r="AL24" s="113">
        <v>0</v>
      </c>
      <c r="AM24" s="110">
        <v>0</v>
      </c>
      <c r="AN24" s="114">
        <v>0</v>
      </c>
      <c r="AO24" s="114">
        <v>0</v>
      </c>
      <c r="AP24" s="114">
        <v>46728</v>
      </c>
      <c r="AQ24" s="114">
        <v>0</v>
      </c>
      <c r="AR24" s="114">
        <v>103884</v>
      </c>
      <c r="AS24" s="113">
        <v>150612</v>
      </c>
      <c r="AT24" s="116">
        <v>150612</v>
      </c>
      <c r="AU24" s="110">
        <v>19516</v>
      </c>
      <c r="AV24" s="114">
        <v>26569</v>
      </c>
      <c r="AW24" s="113">
        <v>46085</v>
      </c>
      <c r="AX24" s="110">
        <v>0</v>
      </c>
      <c r="AY24" s="114">
        <v>387737</v>
      </c>
      <c r="AZ24" s="114">
        <v>309994</v>
      </c>
      <c r="BA24" s="114">
        <v>345842</v>
      </c>
      <c r="BB24" s="114">
        <v>120265</v>
      </c>
      <c r="BC24" s="114">
        <v>322832</v>
      </c>
      <c r="BD24" s="113">
        <v>1486670</v>
      </c>
      <c r="BE24" s="116">
        <v>1532755</v>
      </c>
      <c r="BF24" s="110">
        <v>0</v>
      </c>
      <c r="BG24" s="114">
        <v>0</v>
      </c>
      <c r="BH24" s="112">
        <v>0</v>
      </c>
      <c r="BI24" s="111">
        <v>0</v>
      </c>
      <c r="BJ24" s="114">
        <v>17368</v>
      </c>
      <c r="BK24" s="114">
        <v>25294</v>
      </c>
      <c r="BL24" s="114">
        <v>81403</v>
      </c>
      <c r="BM24" s="114">
        <v>26303</v>
      </c>
      <c r="BN24" s="114">
        <v>0</v>
      </c>
      <c r="BO24" s="113">
        <v>150368</v>
      </c>
      <c r="BP24" s="116">
        <v>150368</v>
      </c>
      <c r="BQ24" s="110">
        <v>69680</v>
      </c>
      <c r="BR24" s="114">
        <v>13744</v>
      </c>
      <c r="BS24" s="113">
        <v>83424</v>
      </c>
      <c r="BT24" s="110">
        <v>0</v>
      </c>
      <c r="BU24" s="114">
        <v>299848</v>
      </c>
      <c r="BV24" s="114">
        <v>212928</v>
      </c>
      <c r="BW24" s="114">
        <v>104960</v>
      </c>
      <c r="BX24" s="114">
        <v>184328</v>
      </c>
      <c r="BY24" s="114">
        <v>121840</v>
      </c>
      <c r="BZ24" s="113">
        <v>923904</v>
      </c>
      <c r="CA24" s="116">
        <v>1007328</v>
      </c>
      <c r="CB24" s="110">
        <v>20762</v>
      </c>
      <c r="CC24" s="114">
        <v>118358</v>
      </c>
      <c r="CD24" s="113">
        <v>139120</v>
      </c>
      <c r="CE24" s="110">
        <v>0</v>
      </c>
      <c r="CF24" s="114">
        <v>1299194</v>
      </c>
      <c r="CG24" s="114">
        <v>1272571</v>
      </c>
      <c r="CH24" s="114">
        <v>582340</v>
      </c>
      <c r="CI24" s="114">
        <v>224382</v>
      </c>
      <c r="CJ24" s="114">
        <v>75824</v>
      </c>
      <c r="CK24" s="113">
        <v>3454311</v>
      </c>
      <c r="CL24" s="116">
        <v>3593431</v>
      </c>
      <c r="CM24" s="110">
        <v>0</v>
      </c>
      <c r="CN24" s="114">
        <v>0</v>
      </c>
      <c r="CO24" s="113">
        <v>0</v>
      </c>
      <c r="CP24" s="111">
        <v>0</v>
      </c>
      <c r="CQ24" s="114">
        <v>861077</v>
      </c>
      <c r="CR24" s="114">
        <v>894174</v>
      </c>
      <c r="CS24" s="114">
        <v>352320</v>
      </c>
      <c r="CT24" s="114">
        <v>117950</v>
      </c>
      <c r="CU24" s="114">
        <v>75824</v>
      </c>
      <c r="CV24" s="113">
        <v>2301345</v>
      </c>
      <c r="CW24" s="116">
        <v>2301345</v>
      </c>
      <c r="CX24" s="110">
        <v>20762</v>
      </c>
      <c r="CY24" s="114">
        <v>118358</v>
      </c>
      <c r="CZ24" s="113">
        <v>139120</v>
      </c>
      <c r="DA24" s="110">
        <v>0</v>
      </c>
      <c r="DB24" s="114">
        <v>438117</v>
      </c>
      <c r="DC24" s="114">
        <v>378397</v>
      </c>
      <c r="DD24" s="114">
        <v>230020</v>
      </c>
      <c r="DE24" s="114">
        <v>106432</v>
      </c>
      <c r="DF24" s="114">
        <v>0</v>
      </c>
      <c r="DG24" s="113">
        <v>1152966</v>
      </c>
      <c r="DH24" s="116">
        <v>1292086</v>
      </c>
      <c r="DI24" s="110">
        <v>0</v>
      </c>
      <c r="DJ24" s="114">
        <v>0</v>
      </c>
      <c r="DK24" s="112">
        <v>0</v>
      </c>
      <c r="DL24" s="111">
        <v>0</v>
      </c>
      <c r="DM24" s="114">
        <v>39981</v>
      </c>
      <c r="DN24" s="114">
        <v>70768</v>
      </c>
      <c r="DO24" s="114">
        <v>35785</v>
      </c>
      <c r="DP24" s="114">
        <v>0</v>
      </c>
      <c r="DQ24" s="114">
        <v>21175</v>
      </c>
      <c r="DR24" s="113">
        <v>167709</v>
      </c>
      <c r="DS24" s="116">
        <v>167709</v>
      </c>
      <c r="DT24" s="110">
        <v>0</v>
      </c>
      <c r="DU24" s="114">
        <v>0</v>
      </c>
      <c r="DV24" s="113">
        <v>0</v>
      </c>
      <c r="DW24" s="110">
        <v>0</v>
      </c>
      <c r="DX24" s="114">
        <v>21816</v>
      </c>
      <c r="DY24" s="114">
        <v>70768</v>
      </c>
      <c r="DZ24" s="114">
        <v>35785</v>
      </c>
      <c r="EA24" s="114">
        <v>0</v>
      </c>
      <c r="EB24" s="114">
        <v>21175</v>
      </c>
      <c r="EC24" s="113">
        <v>149544</v>
      </c>
      <c r="ED24" s="116">
        <v>149544</v>
      </c>
      <c r="EE24" s="110">
        <v>0</v>
      </c>
      <c r="EF24" s="112">
        <v>0</v>
      </c>
      <c r="EG24" s="113">
        <v>0</v>
      </c>
      <c r="EH24" s="110">
        <v>0</v>
      </c>
      <c r="EI24" s="114">
        <v>18165</v>
      </c>
      <c r="EJ24" s="114">
        <v>0</v>
      </c>
      <c r="EK24" s="114">
        <v>0</v>
      </c>
      <c r="EL24" s="114">
        <v>0</v>
      </c>
      <c r="EM24" s="114">
        <v>0</v>
      </c>
      <c r="EN24" s="112">
        <v>18165</v>
      </c>
      <c r="EO24" s="116">
        <v>18165</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106840</v>
      </c>
      <c r="FM24" s="114">
        <v>55920</v>
      </c>
      <c r="FN24" s="113">
        <v>162760</v>
      </c>
      <c r="FO24" s="110">
        <v>0</v>
      </c>
      <c r="FP24" s="114">
        <v>267328</v>
      </c>
      <c r="FQ24" s="114">
        <v>347952</v>
      </c>
      <c r="FR24" s="114">
        <v>135344</v>
      </c>
      <c r="FS24" s="114">
        <v>168144</v>
      </c>
      <c r="FT24" s="114">
        <v>138528</v>
      </c>
      <c r="FU24" s="113">
        <v>1057296</v>
      </c>
      <c r="FV24" s="116">
        <v>1220056</v>
      </c>
      <c r="FW24" s="115">
        <v>26840</v>
      </c>
      <c r="FX24" s="114">
        <v>55920</v>
      </c>
      <c r="FY24" s="112">
        <v>82760</v>
      </c>
      <c r="FZ24" s="111">
        <v>0</v>
      </c>
      <c r="GA24" s="114">
        <v>221728</v>
      </c>
      <c r="GB24" s="114">
        <v>283152</v>
      </c>
      <c r="GC24" s="114">
        <v>135344</v>
      </c>
      <c r="GD24" s="114">
        <v>168144</v>
      </c>
      <c r="GE24" s="114">
        <v>138528</v>
      </c>
      <c r="GF24" s="113">
        <v>946896</v>
      </c>
      <c r="GG24" s="318">
        <v>1029656</v>
      </c>
      <c r="GH24" s="115">
        <v>80000</v>
      </c>
      <c r="GI24" s="114">
        <v>0</v>
      </c>
      <c r="GJ24" s="112">
        <v>80000</v>
      </c>
      <c r="GK24" s="111">
        <v>0</v>
      </c>
      <c r="GL24" s="114">
        <v>0</v>
      </c>
      <c r="GM24" s="114">
        <v>0</v>
      </c>
      <c r="GN24" s="114">
        <v>0</v>
      </c>
      <c r="GO24" s="114">
        <v>0</v>
      </c>
      <c r="GP24" s="114">
        <v>0</v>
      </c>
      <c r="GQ24" s="113">
        <v>0</v>
      </c>
      <c r="GR24" s="116">
        <v>80000</v>
      </c>
      <c r="GS24" s="110">
        <v>0</v>
      </c>
      <c r="GT24" s="114">
        <v>0</v>
      </c>
      <c r="GU24" s="113">
        <v>0</v>
      </c>
      <c r="GV24" s="110">
        <v>0</v>
      </c>
      <c r="GW24" s="114">
        <v>45600</v>
      </c>
      <c r="GX24" s="114">
        <v>64800</v>
      </c>
      <c r="GY24" s="114">
        <v>0</v>
      </c>
      <c r="GZ24" s="114">
        <v>0</v>
      </c>
      <c r="HA24" s="114">
        <v>0</v>
      </c>
      <c r="HB24" s="112">
        <v>110400</v>
      </c>
      <c r="HC24" s="116">
        <v>110400</v>
      </c>
      <c r="HD24" s="110">
        <v>0</v>
      </c>
      <c r="HE24" s="114">
        <v>184613</v>
      </c>
      <c r="HF24" s="112">
        <v>184613</v>
      </c>
      <c r="HG24" s="111">
        <v>0</v>
      </c>
      <c r="HH24" s="114">
        <v>1413254</v>
      </c>
      <c r="HI24" s="114">
        <v>1400740</v>
      </c>
      <c r="HJ24" s="114">
        <v>590355</v>
      </c>
      <c r="HK24" s="114">
        <v>1084013</v>
      </c>
      <c r="HL24" s="114">
        <v>0</v>
      </c>
      <c r="HM24" s="113">
        <v>4488362</v>
      </c>
      <c r="HN24" s="109">
        <v>4672975</v>
      </c>
      <c r="HO24" s="328"/>
      <c r="HP24" s="329"/>
      <c r="HQ24" s="330"/>
      <c r="HR24" s="331"/>
      <c r="HS24" s="329"/>
      <c r="HT24" s="329"/>
      <c r="HU24" s="329"/>
      <c r="HV24" s="329"/>
      <c r="HW24" s="329"/>
      <c r="HX24" s="332"/>
      <c r="HY24" s="333"/>
      <c r="HZ24" s="150">
        <v>0</v>
      </c>
      <c r="IA24" s="135">
        <v>155379</v>
      </c>
      <c r="IB24" s="150">
        <v>155379</v>
      </c>
      <c r="IC24" s="134">
        <v>0</v>
      </c>
      <c r="ID24" s="135">
        <v>1093593</v>
      </c>
      <c r="IE24" s="136">
        <v>1374925</v>
      </c>
      <c r="IF24" s="137">
        <v>203741</v>
      </c>
      <c r="IG24" s="135">
        <v>623414</v>
      </c>
      <c r="IH24" s="137">
        <v>801873</v>
      </c>
      <c r="II24" s="138">
        <v>4097546</v>
      </c>
      <c r="IJ24" s="150">
        <v>4252925</v>
      </c>
      <c r="IK24" s="232">
        <v>0</v>
      </c>
      <c r="IL24" s="236">
        <v>0</v>
      </c>
      <c r="IM24" s="237">
        <v>0</v>
      </c>
      <c r="IN24" s="140"/>
      <c r="IO24" s="119">
        <v>52489</v>
      </c>
      <c r="IP24" s="119">
        <v>0</v>
      </c>
      <c r="IQ24" s="119">
        <v>0</v>
      </c>
      <c r="IR24" s="119">
        <v>0</v>
      </c>
      <c r="IS24" s="119">
        <v>0</v>
      </c>
      <c r="IT24" s="141">
        <v>52489</v>
      </c>
      <c r="IU24" s="320">
        <v>52489</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98219</v>
      </c>
      <c r="JL24" s="119">
        <v>158513</v>
      </c>
      <c r="JM24" s="119">
        <v>0</v>
      </c>
      <c r="JN24" s="119">
        <v>136434</v>
      </c>
      <c r="JO24" s="119">
        <v>0</v>
      </c>
      <c r="JP24" s="120">
        <v>393166</v>
      </c>
      <c r="JQ24" s="320">
        <v>393166</v>
      </c>
      <c r="JR24" s="142">
        <v>0</v>
      </c>
      <c r="JS24" s="119">
        <v>0</v>
      </c>
      <c r="JT24" s="141">
        <v>0</v>
      </c>
      <c r="JU24" s="118">
        <v>0</v>
      </c>
      <c r="JV24" s="119">
        <v>0</v>
      </c>
      <c r="JW24" s="119">
        <v>325384</v>
      </c>
      <c r="JX24" s="119">
        <v>0</v>
      </c>
      <c r="JY24" s="119">
        <v>0</v>
      </c>
      <c r="JZ24" s="119">
        <v>0</v>
      </c>
      <c r="KA24" s="120">
        <v>325384</v>
      </c>
      <c r="KB24" s="320">
        <v>325384</v>
      </c>
      <c r="KC24" s="234">
        <v>0</v>
      </c>
      <c r="KD24" s="230">
        <v>155379</v>
      </c>
      <c r="KE24" s="120">
        <v>155379</v>
      </c>
      <c r="KF24" s="118">
        <v>0</v>
      </c>
      <c r="KG24" s="119">
        <v>266112</v>
      </c>
      <c r="KH24" s="119">
        <v>647895</v>
      </c>
      <c r="KI24" s="119">
        <v>203741</v>
      </c>
      <c r="KJ24" s="119">
        <v>0</v>
      </c>
      <c r="KK24" s="119">
        <v>443208</v>
      </c>
      <c r="KL24" s="120">
        <v>1560956</v>
      </c>
      <c r="KM24" s="143">
        <v>1716335</v>
      </c>
      <c r="KN24" s="232">
        <v>0</v>
      </c>
      <c r="KO24" s="236">
        <v>0</v>
      </c>
      <c r="KP24" s="237">
        <v>0</v>
      </c>
      <c r="KQ24" s="140"/>
      <c r="KR24" s="119">
        <v>676773</v>
      </c>
      <c r="KS24" s="119">
        <v>243133</v>
      </c>
      <c r="KT24" s="119">
        <v>0</v>
      </c>
      <c r="KU24" s="119">
        <v>249344</v>
      </c>
      <c r="KV24" s="119">
        <v>0</v>
      </c>
      <c r="KW24" s="120">
        <v>1169250</v>
      </c>
      <c r="KX24" s="320">
        <v>1169250</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0</v>
      </c>
      <c r="LZ24" s="119">
        <v>0</v>
      </c>
      <c r="MA24" s="119">
        <v>0</v>
      </c>
      <c r="MB24" s="119">
        <v>237636</v>
      </c>
      <c r="MC24" s="119">
        <v>358665</v>
      </c>
      <c r="MD24" s="120">
        <v>596301</v>
      </c>
      <c r="ME24" s="121">
        <v>596301</v>
      </c>
      <c r="MF24" s="142">
        <v>0</v>
      </c>
      <c r="MG24" s="119">
        <v>0</v>
      </c>
      <c r="MH24" s="120">
        <v>0</v>
      </c>
      <c r="MI24" s="145"/>
      <c r="MJ24" s="119">
        <v>491918</v>
      </c>
      <c r="MK24" s="119">
        <v>529872</v>
      </c>
      <c r="ML24" s="119">
        <v>1775855</v>
      </c>
      <c r="MM24" s="119">
        <v>1986639</v>
      </c>
      <c r="MN24" s="119">
        <v>1204016</v>
      </c>
      <c r="MO24" s="120">
        <v>5988300</v>
      </c>
      <c r="MP24" s="143">
        <v>5988300</v>
      </c>
      <c r="MQ24" s="142">
        <v>0</v>
      </c>
      <c r="MR24" s="119">
        <v>0</v>
      </c>
      <c r="MS24" s="120">
        <v>0</v>
      </c>
      <c r="MT24" s="145"/>
      <c r="MU24" s="119">
        <v>0</v>
      </c>
      <c r="MV24" s="119">
        <v>0</v>
      </c>
      <c r="MW24" s="119">
        <v>709168</v>
      </c>
      <c r="MX24" s="119">
        <v>1653871</v>
      </c>
      <c r="MY24" s="119">
        <v>843291</v>
      </c>
      <c r="MZ24" s="120">
        <v>3206330</v>
      </c>
      <c r="NA24" s="143">
        <v>3206330</v>
      </c>
      <c r="NB24" s="142">
        <v>0</v>
      </c>
      <c r="NC24" s="119">
        <v>0</v>
      </c>
      <c r="ND24" s="120">
        <v>0</v>
      </c>
      <c r="NE24" s="145"/>
      <c r="NF24" s="119">
        <v>491918</v>
      </c>
      <c r="NG24" s="119">
        <v>529872</v>
      </c>
      <c r="NH24" s="119">
        <v>1066687</v>
      </c>
      <c r="NI24" s="119">
        <v>332768</v>
      </c>
      <c r="NJ24" s="119">
        <v>360725</v>
      </c>
      <c r="NK24" s="120">
        <v>2781970</v>
      </c>
      <c r="NL24" s="320">
        <v>2781970</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216798</v>
      </c>
      <c r="OJ24" s="119">
        <v>554583</v>
      </c>
      <c r="OK24" s="141">
        <v>771381</v>
      </c>
      <c r="OL24" s="118">
        <v>0</v>
      </c>
      <c r="OM24" s="119">
        <v>5784920</v>
      </c>
      <c r="ON24" s="119">
        <v>5762279</v>
      </c>
      <c r="OO24" s="119">
        <v>4021794</v>
      </c>
      <c r="OP24" s="119">
        <v>4993029</v>
      </c>
      <c r="OQ24" s="119">
        <v>3105792</v>
      </c>
      <c r="OR24" s="120">
        <v>23667814</v>
      </c>
      <c r="OS24" s="143">
        <v>24439195</v>
      </c>
    </row>
    <row r="25" spans="2:409" ht="20.25" customHeight="1" x14ac:dyDescent="0.2">
      <c r="B25" s="126" t="s">
        <v>20</v>
      </c>
      <c r="C25" s="110">
        <v>719263</v>
      </c>
      <c r="D25" s="114">
        <v>724224</v>
      </c>
      <c r="E25" s="113">
        <v>1443487</v>
      </c>
      <c r="F25" s="110">
        <v>0</v>
      </c>
      <c r="G25" s="114">
        <v>4569634</v>
      </c>
      <c r="H25" s="114">
        <v>6159732</v>
      </c>
      <c r="I25" s="114">
        <v>4425763</v>
      </c>
      <c r="J25" s="114">
        <v>4601997</v>
      </c>
      <c r="K25" s="114">
        <v>1469494</v>
      </c>
      <c r="L25" s="173">
        <v>21226620</v>
      </c>
      <c r="M25" s="116">
        <v>22670107</v>
      </c>
      <c r="N25" s="110">
        <v>134055</v>
      </c>
      <c r="O25" s="114">
        <v>203565</v>
      </c>
      <c r="P25" s="113">
        <v>337620</v>
      </c>
      <c r="Q25" s="110">
        <v>0</v>
      </c>
      <c r="R25" s="114">
        <v>1790933</v>
      </c>
      <c r="S25" s="114">
        <v>2098535</v>
      </c>
      <c r="T25" s="114">
        <v>1417517</v>
      </c>
      <c r="U25" s="114">
        <v>896021</v>
      </c>
      <c r="V25" s="114">
        <v>730872</v>
      </c>
      <c r="W25" s="113">
        <v>6933878</v>
      </c>
      <c r="X25" s="116">
        <v>7271498</v>
      </c>
      <c r="Y25" s="110">
        <v>0</v>
      </c>
      <c r="Z25" s="114">
        <v>0</v>
      </c>
      <c r="AA25" s="113">
        <v>0</v>
      </c>
      <c r="AB25" s="110">
        <v>0</v>
      </c>
      <c r="AC25" s="114">
        <v>603810</v>
      </c>
      <c r="AD25" s="114">
        <v>849160</v>
      </c>
      <c r="AE25" s="114">
        <v>755157</v>
      </c>
      <c r="AF25" s="114">
        <v>367967</v>
      </c>
      <c r="AG25" s="114">
        <v>351755</v>
      </c>
      <c r="AH25" s="113">
        <v>2927849</v>
      </c>
      <c r="AI25" s="116">
        <v>2927849</v>
      </c>
      <c r="AJ25" s="110">
        <v>0</v>
      </c>
      <c r="AK25" s="114">
        <v>0</v>
      </c>
      <c r="AL25" s="113">
        <v>0</v>
      </c>
      <c r="AM25" s="110">
        <v>0</v>
      </c>
      <c r="AN25" s="114">
        <v>0</v>
      </c>
      <c r="AO25" s="114">
        <v>0</v>
      </c>
      <c r="AP25" s="114">
        <v>11724</v>
      </c>
      <c r="AQ25" s="114">
        <v>11724</v>
      </c>
      <c r="AR25" s="114">
        <v>58622</v>
      </c>
      <c r="AS25" s="113">
        <v>82070</v>
      </c>
      <c r="AT25" s="116">
        <v>82070</v>
      </c>
      <c r="AU25" s="110">
        <v>80955</v>
      </c>
      <c r="AV25" s="114">
        <v>90559</v>
      </c>
      <c r="AW25" s="113">
        <v>171514</v>
      </c>
      <c r="AX25" s="110">
        <v>0</v>
      </c>
      <c r="AY25" s="114">
        <v>885111</v>
      </c>
      <c r="AZ25" s="114">
        <v>813921</v>
      </c>
      <c r="BA25" s="114">
        <v>329162</v>
      </c>
      <c r="BB25" s="114">
        <v>157039</v>
      </c>
      <c r="BC25" s="114">
        <v>245447</v>
      </c>
      <c r="BD25" s="113">
        <v>2430680</v>
      </c>
      <c r="BE25" s="116">
        <v>2602194</v>
      </c>
      <c r="BF25" s="110">
        <v>33052</v>
      </c>
      <c r="BG25" s="114">
        <v>71190</v>
      </c>
      <c r="BH25" s="112">
        <v>104242</v>
      </c>
      <c r="BI25" s="111">
        <v>0</v>
      </c>
      <c r="BJ25" s="114">
        <v>135140</v>
      </c>
      <c r="BK25" s="114">
        <v>129478</v>
      </c>
      <c r="BL25" s="114">
        <v>56914</v>
      </c>
      <c r="BM25" s="114">
        <v>108747</v>
      </c>
      <c r="BN25" s="114">
        <v>0</v>
      </c>
      <c r="BO25" s="113">
        <v>430279</v>
      </c>
      <c r="BP25" s="116">
        <v>534521</v>
      </c>
      <c r="BQ25" s="110">
        <v>20048</v>
      </c>
      <c r="BR25" s="114">
        <v>41816</v>
      </c>
      <c r="BS25" s="113">
        <v>61864</v>
      </c>
      <c r="BT25" s="110">
        <v>0</v>
      </c>
      <c r="BU25" s="114">
        <v>166872</v>
      </c>
      <c r="BV25" s="114">
        <v>305976</v>
      </c>
      <c r="BW25" s="114">
        <v>264560</v>
      </c>
      <c r="BX25" s="114">
        <v>250544</v>
      </c>
      <c r="BY25" s="114">
        <v>75048</v>
      </c>
      <c r="BZ25" s="113">
        <v>1063000</v>
      </c>
      <c r="CA25" s="116">
        <v>1124864</v>
      </c>
      <c r="CB25" s="110">
        <v>102160</v>
      </c>
      <c r="CC25" s="114">
        <v>111632</v>
      </c>
      <c r="CD25" s="113">
        <v>213792</v>
      </c>
      <c r="CE25" s="110">
        <v>0</v>
      </c>
      <c r="CF25" s="114">
        <v>1688071</v>
      </c>
      <c r="CG25" s="114">
        <v>1643241</v>
      </c>
      <c r="CH25" s="114">
        <v>1403863</v>
      </c>
      <c r="CI25" s="114">
        <v>989696</v>
      </c>
      <c r="CJ25" s="114">
        <v>99588</v>
      </c>
      <c r="CK25" s="113">
        <v>5824459</v>
      </c>
      <c r="CL25" s="116">
        <v>6038251</v>
      </c>
      <c r="CM25" s="110">
        <v>0</v>
      </c>
      <c r="CN25" s="114">
        <v>0</v>
      </c>
      <c r="CO25" s="113">
        <v>0</v>
      </c>
      <c r="CP25" s="111">
        <v>0</v>
      </c>
      <c r="CQ25" s="114">
        <v>1144201</v>
      </c>
      <c r="CR25" s="114">
        <v>1008551</v>
      </c>
      <c r="CS25" s="114">
        <v>708991</v>
      </c>
      <c r="CT25" s="114">
        <v>356507</v>
      </c>
      <c r="CU25" s="114">
        <v>35212</v>
      </c>
      <c r="CV25" s="113">
        <v>3253462</v>
      </c>
      <c r="CW25" s="116">
        <v>3253462</v>
      </c>
      <c r="CX25" s="110">
        <v>102160</v>
      </c>
      <c r="CY25" s="114">
        <v>111632</v>
      </c>
      <c r="CZ25" s="113">
        <v>213792</v>
      </c>
      <c r="DA25" s="110">
        <v>0</v>
      </c>
      <c r="DB25" s="114">
        <v>543870</v>
      </c>
      <c r="DC25" s="114">
        <v>634690</v>
      </c>
      <c r="DD25" s="114">
        <v>694872</v>
      </c>
      <c r="DE25" s="114">
        <v>633189</v>
      </c>
      <c r="DF25" s="114">
        <v>64376</v>
      </c>
      <c r="DG25" s="113">
        <v>2570997</v>
      </c>
      <c r="DH25" s="116">
        <v>2784789</v>
      </c>
      <c r="DI25" s="110">
        <v>41448</v>
      </c>
      <c r="DJ25" s="114">
        <v>22880</v>
      </c>
      <c r="DK25" s="112">
        <v>64328</v>
      </c>
      <c r="DL25" s="111">
        <v>0</v>
      </c>
      <c r="DM25" s="114">
        <v>116567</v>
      </c>
      <c r="DN25" s="114">
        <v>106476</v>
      </c>
      <c r="DO25" s="114">
        <v>278908</v>
      </c>
      <c r="DP25" s="114">
        <v>1107273</v>
      </c>
      <c r="DQ25" s="114">
        <v>59806</v>
      </c>
      <c r="DR25" s="113">
        <v>1669030</v>
      </c>
      <c r="DS25" s="116">
        <v>1733358</v>
      </c>
      <c r="DT25" s="110">
        <v>41448</v>
      </c>
      <c r="DU25" s="114">
        <v>22880</v>
      </c>
      <c r="DV25" s="113">
        <v>64328</v>
      </c>
      <c r="DW25" s="110">
        <v>0</v>
      </c>
      <c r="DX25" s="114">
        <v>116567</v>
      </c>
      <c r="DY25" s="114">
        <v>106476</v>
      </c>
      <c r="DZ25" s="114">
        <v>278908</v>
      </c>
      <c r="EA25" s="114">
        <v>1031648</v>
      </c>
      <c r="EB25" s="114">
        <v>59806</v>
      </c>
      <c r="EC25" s="113">
        <v>1593405</v>
      </c>
      <c r="ED25" s="116">
        <v>1657733</v>
      </c>
      <c r="EE25" s="110">
        <v>0</v>
      </c>
      <c r="EF25" s="112">
        <v>0</v>
      </c>
      <c r="EG25" s="113">
        <v>0</v>
      </c>
      <c r="EH25" s="110">
        <v>0</v>
      </c>
      <c r="EI25" s="114">
        <v>0</v>
      </c>
      <c r="EJ25" s="114">
        <v>0</v>
      </c>
      <c r="EK25" s="114">
        <v>0</v>
      </c>
      <c r="EL25" s="114">
        <v>75625</v>
      </c>
      <c r="EM25" s="114">
        <v>0</v>
      </c>
      <c r="EN25" s="112">
        <v>75625</v>
      </c>
      <c r="EO25" s="116">
        <v>75625</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388624</v>
      </c>
      <c r="FM25" s="114">
        <v>114896</v>
      </c>
      <c r="FN25" s="113">
        <v>503520</v>
      </c>
      <c r="FO25" s="110">
        <v>0</v>
      </c>
      <c r="FP25" s="114">
        <v>500400</v>
      </c>
      <c r="FQ25" s="114">
        <v>432976</v>
      </c>
      <c r="FR25" s="114">
        <v>337068</v>
      </c>
      <c r="FS25" s="114">
        <v>266880</v>
      </c>
      <c r="FT25" s="114">
        <v>103344</v>
      </c>
      <c r="FU25" s="113">
        <v>1640668</v>
      </c>
      <c r="FV25" s="116">
        <v>2144188</v>
      </c>
      <c r="FW25" s="115">
        <v>68624</v>
      </c>
      <c r="FX25" s="114">
        <v>114896</v>
      </c>
      <c r="FY25" s="112">
        <v>183520</v>
      </c>
      <c r="FZ25" s="111">
        <v>0</v>
      </c>
      <c r="GA25" s="114">
        <v>358000</v>
      </c>
      <c r="GB25" s="114">
        <v>432976</v>
      </c>
      <c r="GC25" s="114">
        <v>287656</v>
      </c>
      <c r="GD25" s="114">
        <v>266880</v>
      </c>
      <c r="GE25" s="114">
        <v>103344</v>
      </c>
      <c r="GF25" s="113">
        <v>1448856</v>
      </c>
      <c r="GG25" s="318">
        <v>1632376</v>
      </c>
      <c r="GH25" s="115">
        <v>0</v>
      </c>
      <c r="GI25" s="114">
        <v>0</v>
      </c>
      <c r="GJ25" s="112">
        <v>0</v>
      </c>
      <c r="GK25" s="111">
        <v>0</v>
      </c>
      <c r="GL25" s="114">
        <v>0</v>
      </c>
      <c r="GM25" s="114">
        <v>0</v>
      </c>
      <c r="GN25" s="114">
        <v>23320</v>
      </c>
      <c r="GO25" s="114">
        <v>0</v>
      </c>
      <c r="GP25" s="114">
        <v>0</v>
      </c>
      <c r="GQ25" s="113">
        <v>23320</v>
      </c>
      <c r="GR25" s="116">
        <v>23320</v>
      </c>
      <c r="GS25" s="110">
        <v>320000</v>
      </c>
      <c r="GT25" s="114">
        <v>0</v>
      </c>
      <c r="GU25" s="113">
        <v>320000</v>
      </c>
      <c r="GV25" s="110">
        <v>0</v>
      </c>
      <c r="GW25" s="114">
        <v>142400</v>
      </c>
      <c r="GX25" s="114">
        <v>0</v>
      </c>
      <c r="GY25" s="114">
        <v>26092</v>
      </c>
      <c r="GZ25" s="114">
        <v>0</v>
      </c>
      <c r="HA25" s="114">
        <v>0</v>
      </c>
      <c r="HB25" s="112">
        <v>168492</v>
      </c>
      <c r="HC25" s="116">
        <v>488492</v>
      </c>
      <c r="HD25" s="110">
        <v>52976</v>
      </c>
      <c r="HE25" s="114">
        <v>271251</v>
      </c>
      <c r="HF25" s="112">
        <v>324227</v>
      </c>
      <c r="HG25" s="111">
        <v>0</v>
      </c>
      <c r="HH25" s="114">
        <v>473663</v>
      </c>
      <c r="HI25" s="114">
        <v>1878504</v>
      </c>
      <c r="HJ25" s="114">
        <v>988407</v>
      </c>
      <c r="HK25" s="114">
        <v>1342127</v>
      </c>
      <c r="HL25" s="114">
        <v>475884</v>
      </c>
      <c r="HM25" s="113">
        <v>5158585</v>
      </c>
      <c r="HN25" s="109">
        <v>5482812</v>
      </c>
      <c r="HO25" s="328"/>
      <c r="HP25" s="329"/>
      <c r="HQ25" s="330"/>
      <c r="HR25" s="331"/>
      <c r="HS25" s="329"/>
      <c r="HT25" s="329"/>
      <c r="HU25" s="329"/>
      <c r="HV25" s="329"/>
      <c r="HW25" s="329"/>
      <c r="HX25" s="332"/>
      <c r="HY25" s="333"/>
      <c r="HZ25" s="131">
        <v>0</v>
      </c>
      <c r="IA25" s="132">
        <v>0</v>
      </c>
      <c r="IB25" s="133">
        <v>0</v>
      </c>
      <c r="IC25" s="146">
        <v>0</v>
      </c>
      <c r="ID25" s="132">
        <v>717569</v>
      </c>
      <c r="IE25" s="147">
        <v>-629149</v>
      </c>
      <c r="IF25" s="133">
        <v>760657</v>
      </c>
      <c r="IG25" s="132">
        <v>926157</v>
      </c>
      <c r="IH25" s="133">
        <v>0</v>
      </c>
      <c r="II25" s="148">
        <v>1775234</v>
      </c>
      <c r="IJ25" s="139">
        <v>1775234</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75689</v>
      </c>
      <c r="JL25" s="119">
        <v>-898820</v>
      </c>
      <c r="JM25" s="119">
        <v>344926</v>
      </c>
      <c r="JN25" s="119">
        <v>154724</v>
      </c>
      <c r="JO25" s="119">
        <v>0</v>
      </c>
      <c r="JP25" s="120">
        <v>76519</v>
      </c>
      <c r="JQ25" s="320">
        <v>76519</v>
      </c>
      <c r="JR25" s="142">
        <v>0</v>
      </c>
      <c r="JS25" s="119">
        <v>0</v>
      </c>
      <c r="JT25" s="141">
        <v>0</v>
      </c>
      <c r="JU25" s="118">
        <v>0</v>
      </c>
      <c r="JV25" s="119">
        <v>0</v>
      </c>
      <c r="JW25" s="119">
        <v>0</v>
      </c>
      <c r="JX25" s="119">
        <v>155951</v>
      </c>
      <c r="JY25" s="119">
        <v>0</v>
      </c>
      <c r="JZ25" s="119">
        <v>0</v>
      </c>
      <c r="KA25" s="120">
        <v>155951</v>
      </c>
      <c r="KB25" s="320">
        <v>155951</v>
      </c>
      <c r="KC25" s="234">
        <v>0</v>
      </c>
      <c r="KD25" s="230">
        <v>0</v>
      </c>
      <c r="KE25" s="120">
        <v>0</v>
      </c>
      <c r="KF25" s="118">
        <v>0</v>
      </c>
      <c r="KG25" s="119">
        <v>0</v>
      </c>
      <c r="KH25" s="119">
        <v>17344</v>
      </c>
      <c r="KI25" s="119">
        <v>0</v>
      </c>
      <c r="KJ25" s="119">
        <v>0</v>
      </c>
      <c r="KK25" s="119">
        <v>0</v>
      </c>
      <c r="KL25" s="120">
        <v>17344</v>
      </c>
      <c r="KM25" s="143">
        <v>17344</v>
      </c>
      <c r="KN25" s="232">
        <v>0</v>
      </c>
      <c r="KO25" s="236">
        <v>0</v>
      </c>
      <c r="KP25" s="237">
        <v>0</v>
      </c>
      <c r="KQ25" s="140"/>
      <c r="KR25" s="119">
        <v>241880</v>
      </c>
      <c r="KS25" s="119">
        <v>252327</v>
      </c>
      <c r="KT25" s="119">
        <v>259780</v>
      </c>
      <c r="KU25" s="119">
        <v>771433</v>
      </c>
      <c r="KV25" s="119">
        <v>0</v>
      </c>
      <c r="KW25" s="120">
        <v>1525420</v>
      </c>
      <c r="KX25" s="320">
        <v>1525420</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541645</v>
      </c>
      <c r="MK25" s="119">
        <v>486533</v>
      </c>
      <c r="ML25" s="119">
        <v>2626172</v>
      </c>
      <c r="MM25" s="119">
        <v>1909348</v>
      </c>
      <c r="MN25" s="119">
        <v>2140886</v>
      </c>
      <c r="MO25" s="120">
        <v>7704584</v>
      </c>
      <c r="MP25" s="143">
        <v>7704584</v>
      </c>
      <c r="MQ25" s="142">
        <v>0</v>
      </c>
      <c r="MR25" s="119">
        <v>0</v>
      </c>
      <c r="MS25" s="120">
        <v>0</v>
      </c>
      <c r="MT25" s="145"/>
      <c r="MU25" s="119">
        <v>0</v>
      </c>
      <c r="MV25" s="119">
        <v>244367</v>
      </c>
      <c r="MW25" s="119">
        <v>1722915</v>
      </c>
      <c r="MX25" s="119">
        <v>1607644</v>
      </c>
      <c r="MY25" s="119">
        <v>1316349</v>
      </c>
      <c r="MZ25" s="120">
        <v>4891275</v>
      </c>
      <c r="NA25" s="143">
        <v>4891275</v>
      </c>
      <c r="NB25" s="142">
        <v>0</v>
      </c>
      <c r="NC25" s="119">
        <v>0</v>
      </c>
      <c r="ND25" s="120">
        <v>0</v>
      </c>
      <c r="NE25" s="145"/>
      <c r="NF25" s="119">
        <v>541645</v>
      </c>
      <c r="NG25" s="119">
        <v>242166</v>
      </c>
      <c r="NH25" s="119">
        <v>903257</v>
      </c>
      <c r="NI25" s="119">
        <v>301704</v>
      </c>
      <c r="NJ25" s="119">
        <v>311868</v>
      </c>
      <c r="NK25" s="120">
        <v>2300640</v>
      </c>
      <c r="NL25" s="320">
        <v>2300640</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512669</v>
      </c>
      <c r="OG25" s="120">
        <v>512669</v>
      </c>
      <c r="OH25" s="121">
        <v>512669</v>
      </c>
      <c r="OI25" s="142">
        <v>719263</v>
      </c>
      <c r="OJ25" s="119">
        <v>724224</v>
      </c>
      <c r="OK25" s="141">
        <v>1443487</v>
      </c>
      <c r="OL25" s="118">
        <v>0</v>
      </c>
      <c r="OM25" s="119">
        <v>5828848</v>
      </c>
      <c r="ON25" s="119">
        <v>6017116</v>
      </c>
      <c r="OO25" s="119">
        <v>7812592</v>
      </c>
      <c r="OP25" s="119">
        <v>7437502</v>
      </c>
      <c r="OQ25" s="119">
        <v>3610380</v>
      </c>
      <c r="OR25" s="120">
        <v>30706438</v>
      </c>
      <c r="OS25" s="143">
        <v>32149925</v>
      </c>
    </row>
    <row r="26" spans="2:409" ht="20.25" customHeight="1" x14ac:dyDescent="0.2">
      <c r="B26" s="126" t="s">
        <v>21</v>
      </c>
      <c r="C26" s="110">
        <v>250374</v>
      </c>
      <c r="D26" s="114">
        <v>532640</v>
      </c>
      <c r="E26" s="113">
        <v>783014</v>
      </c>
      <c r="F26" s="109">
        <v>0</v>
      </c>
      <c r="G26" s="114">
        <v>2746896</v>
      </c>
      <c r="H26" s="114">
        <v>3558046</v>
      </c>
      <c r="I26" s="114">
        <v>4555763</v>
      </c>
      <c r="J26" s="114">
        <v>6160361</v>
      </c>
      <c r="K26" s="114">
        <v>3334738</v>
      </c>
      <c r="L26" s="173">
        <v>20355804</v>
      </c>
      <c r="M26" s="116">
        <v>21138818</v>
      </c>
      <c r="N26" s="110">
        <v>145517</v>
      </c>
      <c r="O26" s="114">
        <v>167559</v>
      </c>
      <c r="P26" s="113">
        <v>313076</v>
      </c>
      <c r="Q26" s="110">
        <v>0</v>
      </c>
      <c r="R26" s="114">
        <v>904148</v>
      </c>
      <c r="S26" s="114">
        <v>1146644</v>
      </c>
      <c r="T26" s="114">
        <v>1285105</v>
      </c>
      <c r="U26" s="114">
        <v>2777419</v>
      </c>
      <c r="V26" s="114">
        <v>1907260</v>
      </c>
      <c r="W26" s="113">
        <v>8020576</v>
      </c>
      <c r="X26" s="116">
        <v>8333652</v>
      </c>
      <c r="Y26" s="110">
        <v>0</v>
      </c>
      <c r="Z26" s="114">
        <v>0</v>
      </c>
      <c r="AA26" s="113">
        <v>0</v>
      </c>
      <c r="AB26" s="110">
        <v>0</v>
      </c>
      <c r="AC26" s="114">
        <v>294714</v>
      </c>
      <c r="AD26" s="114">
        <v>283031</v>
      </c>
      <c r="AE26" s="114">
        <v>579096</v>
      </c>
      <c r="AF26" s="114">
        <v>1598771</v>
      </c>
      <c r="AG26" s="114">
        <v>1263219</v>
      </c>
      <c r="AH26" s="113">
        <v>4018831</v>
      </c>
      <c r="AI26" s="116">
        <v>4018831</v>
      </c>
      <c r="AJ26" s="110">
        <v>0</v>
      </c>
      <c r="AK26" s="114">
        <v>0</v>
      </c>
      <c r="AL26" s="113">
        <v>0</v>
      </c>
      <c r="AM26" s="110">
        <v>0</v>
      </c>
      <c r="AN26" s="114">
        <v>0</v>
      </c>
      <c r="AO26" s="114">
        <v>0</v>
      </c>
      <c r="AP26" s="114">
        <v>45136</v>
      </c>
      <c r="AQ26" s="114">
        <v>132110</v>
      </c>
      <c r="AR26" s="114">
        <v>162989</v>
      </c>
      <c r="AS26" s="113">
        <v>340235</v>
      </c>
      <c r="AT26" s="116">
        <v>340235</v>
      </c>
      <c r="AU26" s="110">
        <v>99549</v>
      </c>
      <c r="AV26" s="114">
        <v>112358</v>
      </c>
      <c r="AW26" s="113">
        <v>211907</v>
      </c>
      <c r="AX26" s="110">
        <v>0</v>
      </c>
      <c r="AY26" s="114">
        <v>484463</v>
      </c>
      <c r="AZ26" s="114">
        <v>597300</v>
      </c>
      <c r="BA26" s="114">
        <v>467953</v>
      </c>
      <c r="BB26" s="114">
        <v>705474</v>
      </c>
      <c r="BC26" s="114">
        <v>343388</v>
      </c>
      <c r="BD26" s="113">
        <v>2598578</v>
      </c>
      <c r="BE26" s="116">
        <v>2810485</v>
      </c>
      <c r="BF26" s="110">
        <v>0</v>
      </c>
      <c r="BG26" s="114">
        <v>20593</v>
      </c>
      <c r="BH26" s="112">
        <v>20593</v>
      </c>
      <c r="BI26" s="111">
        <v>0</v>
      </c>
      <c r="BJ26" s="114">
        <v>21707</v>
      </c>
      <c r="BK26" s="114">
        <v>77249</v>
      </c>
      <c r="BL26" s="114">
        <v>0</v>
      </c>
      <c r="BM26" s="114">
        <v>92280</v>
      </c>
      <c r="BN26" s="114">
        <v>0</v>
      </c>
      <c r="BO26" s="113">
        <v>191236</v>
      </c>
      <c r="BP26" s="116">
        <v>211829</v>
      </c>
      <c r="BQ26" s="110">
        <v>45968</v>
      </c>
      <c r="BR26" s="114">
        <v>34608</v>
      </c>
      <c r="BS26" s="113">
        <v>80576</v>
      </c>
      <c r="BT26" s="110">
        <v>0</v>
      </c>
      <c r="BU26" s="114">
        <v>103264</v>
      </c>
      <c r="BV26" s="114">
        <v>189064</v>
      </c>
      <c r="BW26" s="114">
        <v>192920</v>
      </c>
      <c r="BX26" s="114">
        <v>248784</v>
      </c>
      <c r="BY26" s="114">
        <v>137664</v>
      </c>
      <c r="BZ26" s="113">
        <v>871696</v>
      </c>
      <c r="CA26" s="116">
        <v>952272</v>
      </c>
      <c r="CB26" s="110">
        <v>40805</v>
      </c>
      <c r="CC26" s="114">
        <v>0</v>
      </c>
      <c r="CD26" s="113">
        <v>40805</v>
      </c>
      <c r="CE26" s="110">
        <v>0</v>
      </c>
      <c r="CF26" s="114">
        <v>743037</v>
      </c>
      <c r="CG26" s="114">
        <v>1410541</v>
      </c>
      <c r="CH26" s="114">
        <v>610492</v>
      </c>
      <c r="CI26" s="114">
        <v>404536</v>
      </c>
      <c r="CJ26" s="114">
        <v>376851</v>
      </c>
      <c r="CK26" s="113">
        <v>3545457</v>
      </c>
      <c r="CL26" s="116">
        <v>3586262</v>
      </c>
      <c r="CM26" s="110">
        <v>0</v>
      </c>
      <c r="CN26" s="114">
        <v>0</v>
      </c>
      <c r="CO26" s="113">
        <v>0</v>
      </c>
      <c r="CP26" s="111">
        <v>0</v>
      </c>
      <c r="CQ26" s="114">
        <v>427444</v>
      </c>
      <c r="CR26" s="114">
        <v>1021721</v>
      </c>
      <c r="CS26" s="114">
        <v>522100</v>
      </c>
      <c r="CT26" s="114">
        <v>271842</v>
      </c>
      <c r="CU26" s="114">
        <v>376851</v>
      </c>
      <c r="CV26" s="113">
        <v>2619958</v>
      </c>
      <c r="CW26" s="116">
        <v>2619958</v>
      </c>
      <c r="CX26" s="110">
        <v>40805</v>
      </c>
      <c r="CY26" s="114">
        <v>0</v>
      </c>
      <c r="CZ26" s="113">
        <v>40805</v>
      </c>
      <c r="DA26" s="110">
        <v>0</v>
      </c>
      <c r="DB26" s="114">
        <v>315593</v>
      </c>
      <c r="DC26" s="114">
        <v>388820</v>
      </c>
      <c r="DD26" s="114">
        <v>88392</v>
      </c>
      <c r="DE26" s="114">
        <v>132694</v>
      </c>
      <c r="DF26" s="114">
        <v>0</v>
      </c>
      <c r="DG26" s="113">
        <v>925499</v>
      </c>
      <c r="DH26" s="116">
        <v>966304</v>
      </c>
      <c r="DI26" s="110">
        <v>0</v>
      </c>
      <c r="DJ26" s="114">
        <v>0</v>
      </c>
      <c r="DK26" s="112">
        <v>0</v>
      </c>
      <c r="DL26" s="111">
        <v>0</v>
      </c>
      <c r="DM26" s="114">
        <v>148336</v>
      </c>
      <c r="DN26" s="114">
        <v>49684</v>
      </c>
      <c r="DO26" s="114">
        <v>903884</v>
      </c>
      <c r="DP26" s="114">
        <v>1634404</v>
      </c>
      <c r="DQ26" s="114">
        <v>265528</v>
      </c>
      <c r="DR26" s="113">
        <v>3001836</v>
      </c>
      <c r="DS26" s="116">
        <v>3001836</v>
      </c>
      <c r="DT26" s="110">
        <v>0</v>
      </c>
      <c r="DU26" s="114">
        <v>0</v>
      </c>
      <c r="DV26" s="113">
        <v>0</v>
      </c>
      <c r="DW26" s="110">
        <v>0</v>
      </c>
      <c r="DX26" s="114">
        <v>148336</v>
      </c>
      <c r="DY26" s="114">
        <v>49684</v>
      </c>
      <c r="DZ26" s="114">
        <v>903884</v>
      </c>
      <c r="EA26" s="114">
        <v>1477480</v>
      </c>
      <c r="EB26" s="114">
        <v>265528</v>
      </c>
      <c r="EC26" s="113">
        <v>2844912</v>
      </c>
      <c r="ED26" s="116">
        <v>2844912</v>
      </c>
      <c r="EE26" s="110">
        <v>0</v>
      </c>
      <c r="EF26" s="112">
        <v>0</v>
      </c>
      <c r="EG26" s="113">
        <v>0</v>
      </c>
      <c r="EH26" s="110">
        <v>0</v>
      </c>
      <c r="EI26" s="114">
        <v>0</v>
      </c>
      <c r="EJ26" s="114">
        <v>0</v>
      </c>
      <c r="EK26" s="114">
        <v>0</v>
      </c>
      <c r="EL26" s="114">
        <v>156924</v>
      </c>
      <c r="EM26" s="114">
        <v>0</v>
      </c>
      <c r="EN26" s="112">
        <v>156924</v>
      </c>
      <c r="EO26" s="116">
        <v>156924</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7280</v>
      </c>
      <c r="FM26" s="114">
        <v>274560</v>
      </c>
      <c r="FN26" s="113">
        <v>281840</v>
      </c>
      <c r="FO26" s="110">
        <v>0</v>
      </c>
      <c r="FP26" s="114">
        <v>94304</v>
      </c>
      <c r="FQ26" s="114">
        <v>389064</v>
      </c>
      <c r="FR26" s="114">
        <v>359888</v>
      </c>
      <c r="FS26" s="114">
        <v>524016</v>
      </c>
      <c r="FT26" s="114">
        <v>165392</v>
      </c>
      <c r="FU26" s="113">
        <v>1532664</v>
      </c>
      <c r="FV26" s="116">
        <v>1814504</v>
      </c>
      <c r="FW26" s="115">
        <v>7280</v>
      </c>
      <c r="FX26" s="114">
        <v>75360</v>
      </c>
      <c r="FY26" s="112">
        <v>82640</v>
      </c>
      <c r="FZ26" s="111">
        <v>0</v>
      </c>
      <c r="GA26" s="114">
        <v>94304</v>
      </c>
      <c r="GB26" s="114">
        <v>351224</v>
      </c>
      <c r="GC26" s="114">
        <v>359888</v>
      </c>
      <c r="GD26" s="114">
        <v>401216</v>
      </c>
      <c r="GE26" s="114">
        <v>137392</v>
      </c>
      <c r="GF26" s="113">
        <v>1344024</v>
      </c>
      <c r="GG26" s="318">
        <v>1426664</v>
      </c>
      <c r="GH26" s="115">
        <v>0</v>
      </c>
      <c r="GI26" s="114">
        <v>0</v>
      </c>
      <c r="GJ26" s="112">
        <v>0</v>
      </c>
      <c r="GK26" s="111">
        <v>0</v>
      </c>
      <c r="GL26" s="114">
        <v>0</v>
      </c>
      <c r="GM26" s="114">
        <v>37840</v>
      </c>
      <c r="GN26" s="114">
        <v>0</v>
      </c>
      <c r="GO26" s="114">
        <v>80000</v>
      </c>
      <c r="GP26" s="114">
        <v>0</v>
      </c>
      <c r="GQ26" s="113">
        <v>117840</v>
      </c>
      <c r="GR26" s="116">
        <v>117840</v>
      </c>
      <c r="GS26" s="110">
        <v>0</v>
      </c>
      <c r="GT26" s="114">
        <v>199200</v>
      </c>
      <c r="GU26" s="113">
        <v>199200</v>
      </c>
      <c r="GV26" s="110">
        <v>0</v>
      </c>
      <c r="GW26" s="114">
        <v>0</v>
      </c>
      <c r="GX26" s="114">
        <v>0</v>
      </c>
      <c r="GY26" s="114">
        <v>0</v>
      </c>
      <c r="GZ26" s="114">
        <v>42800</v>
      </c>
      <c r="HA26" s="114">
        <v>28000</v>
      </c>
      <c r="HB26" s="112">
        <v>70800</v>
      </c>
      <c r="HC26" s="116">
        <v>270000</v>
      </c>
      <c r="HD26" s="110">
        <v>56772</v>
      </c>
      <c r="HE26" s="114">
        <v>90521</v>
      </c>
      <c r="HF26" s="112">
        <v>147293</v>
      </c>
      <c r="HG26" s="111">
        <v>0</v>
      </c>
      <c r="HH26" s="114">
        <v>857071</v>
      </c>
      <c r="HI26" s="114">
        <v>562113</v>
      </c>
      <c r="HJ26" s="114">
        <v>1396394</v>
      </c>
      <c r="HK26" s="114">
        <v>819986</v>
      </c>
      <c r="HL26" s="114">
        <v>619707</v>
      </c>
      <c r="HM26" s="113">
        <v>4255271</v>
      </c>
      <c r="HN26" s="109">
        <v>4402564</v>
      </c>
      <c r="HO26" s="328"/>
      <c r="HP26" s="329"/>
      <c r="HQ26" s="330"/>
      <c r="HR26" s="331"/>
      <c r="HS26" s="329"/>
      <c r="HT26" s="329"/>
      <c r="HU26" s="329"/>
      <c r="HV26" s="329"/>
      <c r="HW26" s="329"/>
      <c r="HX26" s="332"/>
      <c r="HY26" s="333"/>
      <c r="HZ26" s="150">
        <v>0</v>
      </c>
      <c r="IA26" s="135">
        <v>0</v>
      </c>
      <c r="IB26" s="150">
        <v>0</v>
      </c>
      <c r="IC26" s="134">
        <v>0</v>
      </c>
      <c r="ID26" s="135">
        <v>490690</v>
      </c>
      <c r="IE26" s="136">
        <v>1276470</v>
      </c>
      <c r="IF26" s="137">
        <v>1003985</v>
      </c>
      <c r="IG26" s="135">
        <v>390951</v>
      </c>
      <c r="IH26" s="137">
        <v>0</v>
      </c>
      <c r="II26" s="138">
        <v>3162096</v>
      </c>
      <c r="IJ26" s="150">
        <v>3162096</v>
      </c>
      <c r="IK26" s="232">
        <v>0</v>
      </c>
      <c r="IL26" s="236">
        <v>0</v>
      </c>
      <c r="IM26" s="237">
        <v>0</v>
      </c>
      <c r="IN26" s="140"/>
      <c r="IO26" s="119">
        <v>0</v>
      </c>
      <c r="IP26" s="119">
        <v>209136</v>
      </c>
      <c r="IQ26" s="119">
        <v>0</v>
      </c>
      <c r="IR26" s="119">
        <v>0</v>
      </c>
      <c r="IS26" s="119">
        <v>0</v>
      </c>
      <c r="IT26" s="141">
        <v>209136</v>
      </c>
      <c r="IU26" s="320">
        <v>209136</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255800</v>
      </c>
      <c r="JL26" s="119">
        <v>324659</v>
      </c>
      <c r="JM26" s="119">
        <v>354483</v>
      </c>
      <c r="JN26" s="119">
        <v>133606</v>
      </c>
      <c r="JO26" s="119">
        <v>0</v>
      </c>
      <c r="JP26" s="120">
        <v>1068548</v>
      </c>
      <c r="JQ26" s="320">
        <v>1068548</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0</v>
      </c>
      <c r="KH26" s="119">
        <v>0</v>
      </c>
      <c r="KI26" s="119">
        <v>649502</v>
      </c>
      <c r="KJ26" s="119">
        <v>0</v>
      </c>
      <c r="KK26" s="119">
        <v>0</v>
      </c>
      <c r="KL26" s="120">
        <v>649502</v>
      </c>
      <c r="KM26" s="143">
        <v>649502</v>
      </c>
      <c r="KN26" s="232">
        <v>0</v>
      </c>
      <c r="KO26" s="236">
        <v>0</v>
      </c>
      <c r="KP26" s="237">
        <v>0</v>
      </c>
      <c r="KQ26" s="140"/>
      <c r="KR26" s="119">
        <v>234890</v>
      </c>
      <c r="KS26" s="119">
        <v>742675</v>
      </c>
      <c r="KT26" s="119">
        <v>0</v>
      </c>
      <c r="KU26" s="119">
        <v>257345</v>
      </c>
      <c r="KV26" s="119">
        <v>0</v>
      </c>
      <c r="KW26" s="120">
        <v>1234910</v>
      </c>
      <c r="KX26" s="320">
        <v>1234910</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39547</v>
      </c>
      <c r="ML26" s="119">
        <v>2162850</v>
      </c>
      <c r="MM26" s="119">
        <v>3131658</v>
      </c>
      <c r="MN26" s="119">
        <v>1608974</v>
      </c>
      <c r="MO26" s="120">
        <v>7143029</v>
      </c>
      <c r="MP26" s="143">
        <v>7143029</v>
      </c>
      <c r="MQ26" s="142">
        <v>0</v>
      </c>
      <c r="MR26" s="119">
        <v>0</v>
      </c>
      <c r="MS26" s="120">
        <v>0</v>
      </c>
      <c r="MT26" s="145"/>
      <c r="MU26" s="119">
        <v>0</v>
      </c>
      <c r="MV26" s="119">
        <v>0</v>
      </c>
      <c r="MW26" s="119">
        <v>1932374</v>
      </c>
      <c r="MX26" s="119">
        <v>2241701</v>
      </c>
      <c r="MY26" s="119">
        <v>1608974</v>
      </c>
      <c r="MZ26" s="120">
        <v>5783049</v>
      </c>
      <c r="NA26" s="143">
        <v>5783049</v>
      </c>
      <c r="NB26" s="142">
        <v>0</v>
      </c>
      <c r="NC26" s="119">
        <v>0</v>
      </c>
      <c r="ND26" s="120">
        <v>0</v>
      </c>
      <c r="NE26" s="145"/>
      <c r="NF26" s="119">
        <v>0</v>
      </c>
      <c r="NG26" s="119">
        <v>239547</v>
      </c>
      <c r="NH26" s="119">
        <v>230476</v>
      </c>
      <c r="NI26" s="119">
        <v>502409</v>
      </c>
      <c r="NJ26" s="119">
        <v>0</v>
      </c>
      <c r="NK26" s="120">
        <v>972432</v>
      </c>
      <c r="NL26" s="320">
        <v>972432</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387548</v>
      </c>
      <c r="OF26" s="119">
        <v>0</v>
      </c>
      <c r="OG26" s="120">
        <v>387548</v>
      </c>
      <c r="OH26" s="121">
        <v>387548</v>
      </c>
      <c r="OI26" s="142">
        <v>250374</v>
      </c>
      <c r="OJ26" s="119">
        <v>532640</v>
      </c>
      <c r="OK26" s="141">
        <v>783014</v>
      </c>
      <c r="OL26" s="118">
        <v>0</v>
      </c>
      <c r="OM26" s="119">
        <v>3237586</v>
      </c>
      <c r="ON26" s="119">
        <v>5074063</v>
      </c>
      <c r="OO26" s="119">
        <v>7722598</v>
      </c>
      <c r="OP26" s="119">
        <v>9682970</v>
      </c>
      <c r="OQ26" s="119">
        <v>4943712</v>
      </c>
      <c r="OR26" s="120">
        <v>30660929</v>
      </c>
      <c r="OS26" s="143">
        <v>31443943</v>
      </c>
    </row>
    <row r="27" spans="2:409" ht="20.25" customHeight="1" x14ac:dyDescent="0.2">
      <c r="B27" s="126" t="s">
        <v>22</v>
      </c>
      <c r="C27" s="110">
        <v>6400</v>
      </c>
      <c r="D27" s="114">
        <v>96128</v>
      </c>
      <c r="E27" s="113">
        <v>102528</v>
      </c>
      <c r="F27" s="109">
        <v>0</v>
      </c>
      <c r="G27" s="114">
        <v>863471</v>
      </c>
      <c r="H27" s="114">
        <v>1953937</v>
      </c>
      <c r="I27" s="114">
        <v>1066034</v>
      </c>
      <c r="J27" s="114">
        <v>1258293</v>
      </c>
      <c r="K27" s="114">
        <v>784294</v>
      </c>
      <c r="L27" s="173">
        <v>5926029</v>
      </c>
      <c r="M27" s="116">
        <v>6028557</v>
      </c>
      <c r="N27" s="110">
        <v>0</v>
      </c>
      <c r="O27" s="114">
        <v>34128</v>
      </c>
      <c r="P27" s="113">
        <v>34128</v>
      </c>
      <c r="Q27" s="110">
        <v>0</v>
      </c>
      <c r="R27" s="114">
        <v>336231</v>
      </c>
      <c r="S27" s="114">
        <v>480181</v>
      </c>
      <c r="T27" s="114">
        <v>138352</v>
      </c>
      <c r="U27" s="114">
        <v>425765</v>
      </c>
      <c r="V27" s="114">
        <v>352790</v>
      </c>
      <c r="W27" s="113">
        <v>1733319</v>
      </c>
      <c r="X27" s="116">
        <v>1767447</v>
      </c>
      <c r="Y27" s="110">
        <v>0</v>
      </c>
      <c r="Z27" s="114">
        <v>0</v>
      </c>
      <c r="AA27" s="113">
        <v>0</v>
      </c>
      <c r="AB27" s="110">
        <v>0</v>
      </c>
      <c r="AC27" s="114">
        <v>112126</v>
      </c>
      <c r="AD27" s="114">
        <v>259119</v>
      </c>
      <c r="AE27" s="114">
        <v>16944</v>
      </c>
      <c r="AF27" s="114">
        <v>226304</v>
      </c>
      <c r="AG27" s="114">
        <v>340318</v>
      </c>
      <c r="AH27" s="113">
        <v>954811</v>
      </c>
      <c r="AI27" s="116">
        <v>954811</v>
      </c>
      <c r="AJ27" s="110">
        <v>0</v>
      </c>
      <c r="AK27" s="114">
        <v>0</v>
      </c>
      <c r="AL27" s="113">
        <v>0</v>
      </c>
      <c r="AM27" s="110">
        <v>0</v>
      </c>
      <c r="AN27" s="114">
        <v>0</v>
      </c>
      <c r="AO27" s="114">
        <v>0</v>
      </c>
      <c r="AP27" s="114">
        <v>0</v>
      </c>
      <c r="AQ27" s="114">
        <v>97344</v>
      </c>
      <c r="AR27" s="114">
        <v>0</v>
      </c>
      <c r="AS27" s="113">
        <v>97344</v>
      </c>
      <c r="AT27" s="116">
        <v>97344</v>
      </c>
      <c r="AU27" s="110">
        <v>0</v>
      </c>
      <c r="AV27" s="114">
        <v>34128</v>
      </c>
      <c r="AW27" s="113">
        <v>34128</v>
      </c>
      <c r="AX27" s="110">
        <v>0</v>
      </c>
      <c r="AY27" s="114">
        <v>155585</v>
      </c>
      <c r="AZ27" s="114">
        <v>67100</v>
      </c>
      <c r="BA27" s="114">
        <v>76648</v>
      </c>
      <c r="BB27" s="114">
        <v>69765</v>
      </c>
      <c r="BC27" s="114">
        <v>0</v>
      </c>
      <c r="BD27" s="113">
        <v>369098</v>
      </c>
      <c r="BE27" s="116">
        <v>403226</v>
      </c>
      <c r="BF27" s="110">
        <v>0</v>
      </c>
      <c r="BG27" s="114">
        <v>0</v>
      </c>
      <c r="BH27" s="112">
        <v>0</v>
      </c>
      <c r="BI27" s="111">
        <v>0</v>
      </c>
      <c r="BJ27" s="114">
        <v>53128</v>
      </c>
      <c r="BK27" s="114">
        <v>70642</v>
      </c>
      <c r="BL27" s="114">
        <v>0</v>
      </c>
      <c r="BM27" s="114">
        <v>0</v>
      </c>
      <c r="BN27" s="114">
        <v>0</v>
      </c>
      <c r="BO27" s="113">
        <v>123770</v>
      </c>
      <c r="BP27" s="116">
        <v>123770</v>
      </c>
      <c r="BQ27" s="110">
        <v>0</v>
      </c>
      <c r="BR27" s="114">
        <v>0</v>
      </c>
      <c r="BS27" s="113">
        <v>0</v>
      </c>
      <c r="BT27" s="110">
        <v>0</v>
      </c>
      <c r="BU27" s="114">
        <v>15392</v>
      </c>
      <c r="BV27" s="114">
        <v>83320</v>
      </c>
      <c r="BW27" s="114">
        <v>44760</v>
      </c>
      <c r="BX27" s="114">
        <v>32352</v>
      </c>
      <c r="BY27" s="114">
        <v>12472</v>
      </c>
      <c r="BZ27" s="113">
        <v>188296</v>
      </c>
      <c r="CA27" s="116">
        <v>188296</v>
      </c>
      <c r="CB27" s="110">
        <v>0</v>
      </c>
      <c r="CC27" s="114">
        <v>0</v>
      </c>
      <c r="CD27" s="113">
        <v>0</v>
      </c>
      <c r="CE27" s="110">
        <v>0</v>
      </c>
      <c r="CF27" s="114">
        <v>282459</v>
      </c>
      <c r="CG27" s="114">
        <v>938712</v>
      </c>
      <c r="CH27" s="114">
        <v>317578</v>
      </c>
      <c r="CI27" s="114">
        <v>43512</v>
      </c>
      <c r="CJ27" s="114">
        <v>349504</v>
      </c>
      <c r="CK27" s="113">
        <v>1931765</v>
      </c>
      <c r="CL27" s="116">
        <v>1931765</v>
      </c>
      <c r="CM27" s="110">
        <v>0</v>
      </c>
      <c r="CN27" s="114">
        <v>0</v>
      </c>
      <c r="CO27" s="113">
        <v>0</v>
      </c>
      <c r="CP27" s="111">
        <v>0</v>
      </c>
      <c r="CQ27" s="114">
        <v>165227</v>
      </c>
      <c r="CR27" s="114">
        <v>894040</v>
      </c>
      <c r="CS27" s="114">
        <v>270368</v>
      </c>
      <c r="CT27" s="114">
        <v>9968</v>
      </c>
      <c r="CU27" s="114">
        <v>265744</v>
      </c>
      <c r="CV27" s="113">
        <v>1605347</v>
      </c>
      <c r="CW27" s="116">
        <v>1605347</v>
      </c>
      <c r="CX27" s="110">
        <v>0</v>
      </c>
      <c r="CY27" s="114">
        <v>0</v>
      </c>
      <c r="CZ27" s="113">
        <v>0</v>
      </c>
      <c r="DA27" s="110">
        <v>0</v>
      </c>
      <c r="DB27" s="114">
        <v>117232</v>
      </c>
      <c r="DC27" s="114">
        <v>44672</v>
      </c>
      <c r="DD27" s="114">
        <v>47210</v>
      </c>
      <c r="DE27" s="114">
        <v>33544</v>
      </c>
      <c r="DF27" s="114">
        <v>83760</v>
      </c>
      <c r="DG27" s="113">
        <v>326418</v>
      </c>
      <c r="DH27" s="116">
        <v>326418</v>
      </c>
      <c r="DI27" s="110">
        <v>0</v>
      </c>
      <c r="DJ27" s="114">
        <v>0</v>
      </c>
      <c r="DK27" s="112">
        <v>0</v>
      </c>
      <c r="DL27" s="111">
        <v>0</v>
      </c>
      <c r="DM27" s="114">
        <v>0</v>
      </c>
      <c r="DN27" s="114">
        <v>24636</v>
      </c>
      <c r="DO27" s="114">
        <v>267824</v>
      </c>
      <c r="DP27" s="114">
        <v>226432</v>
      </c>
      <c r="DQ27" s="114">
        <v>0</v>
      </c>
      <c r="DR27" s="113">
        <v>518892</v>
      </c>
      <c r="DS27" s="116">
        <v>518892</v>
      </c>
      <c r="DT27" s="110">
        <v>0</v>
      </c>
      <c r="DU27" s="114">
        <v>0</v>
      </c>
      <c r="DV27" s="113">
        <v>0</v>
      </c>
      <c r="DW27" s="110">
        <v>0</v>
      </c>
      <c r="DX27" s="114">
        <v>0</v>
      </c>
      <c r="DY27" s="114">
        <v>24636</v>
      </c>
      <c r="DZ27" s="114">
        <v>267824</v>
      </c>
      <c r="EA27" s="114">
        <v>226432</v>
      </c>
      <c r="EB27" s="114">
        <v>0</v>
      </c>
      <c r="EC27" s="113">
        <v>518892</v>
      </c>
      <c r="ED27" s="116">
        <v>518892</v>
      </c>
      <c r="EE27" s="110">
        <v>0</v>
      </c>
      <c r="EF27" s="112">
        <v>0</v>
      </c>
      <c r="EG27" s="113">
        <v>0</v>
      </c>
      <c r="EH27" s="110">
        <v>0</v>
      </c>
      <c r="EI27" s="114">
        <v>0</v>
      </c>
      <c r="EJ27" s="114">
        <v>0</v>
      </c>
      <c r="EK27" s="114">
        <v>0</v>
      </c>
      <c r="EL27" s="114">
        <v>0</v>
      </c>
      <c r="EM27" s="114">
        <v>0</v>
      </c>
      <c r="EN27" s="112">
        <v>0</v>
      </c>
      <c r="EO27" s="116">
        <v>0</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6400</v>
      </c>
      <c r="FM27" s="114">
        <v>62000</v>
      </c>
      <c r="FN27" s="113">
        <v>68400</v>
      </c>
      <c r="FO27" s="110">
        <v>0</v>
      </c>
      <c r="FP27" s="114">
        <v>88304</v>
      </c>
      <c r="FQ27" s="114">
        <v>171712</v>
      </c>
      <c r="FR27" s="114">
        <v>154112</v>
      </c>
      <c r="FS27" s="114">
        <v>151424</v>
      </c>
      <c r="FT27" s="114">
        <v>82000</v>
      </c>
      <c r="FU27" s="113">
        <v>647552</v>
      </c>
      <c r="FV27" s="116">
        <v>715952</v>
      </c>
      <c r="FW27" s="115">
        <v>6400</v>
      </c>
      <c r="FX27" s="114">
        <v>62000</v>
      </c>
      <c r="FY27" s="112">
        <v>68400</v>
      </c>
      <c r="FZ27" s="111">
        <v>0</v>
      </c>
      <c r="GA27" s="114">
        <v>55568</v>
      </c>
      <c r="GB27" s="114">
        <v>145488</v>
      </c>
      <c r="GC27" s="114">
        <v>154112</v>
      </c>
      <c r="GD27" s="114">
        <v>151424</v>
      </c>
      <c r="GE27" s="114">
        <v>82000</v>
      </c>
      <c r="GF27" s="113">
        <v>588592</v>
      </c>
      <c r="GG27" s="318">
        <v>656992</v>
      </c>
      <c r="GH27" s="115">
        <v>0</v>
      </c>
      <c r="GI27" s="114">
        <v>0</v>
      </c>
      <c r="GJ27" s="112">
        <v>0</v>
      </c>
      <c r="GK27" s="111">
        <v>0</v>
      </c>
      <c r="GL27" s="114">
        <v>32736</v>
      </c>
      <c r="GM27" s="114">
        <v>26224</v>
      </c>
      <c r="GN27" s="114">
        <v>0</v>
      </c>
      <c r="GO27" s="114">
        <v>0</v>
      </c>
      <c r="GP27" s="114">
        <v>0</v>
      </c>
      <c r="GQ27" s="113">
        <v>58960</v>
      </c>
      <c r="GR27" s="116">
        <v>58960</v>
      </c>
      <c r="GS27" s="110">
        <v>0</v>
      </c>
      <c r="GT27" s="114">
        <v>0</v>
      </c>
      <c r="GU27" s="113">
        <v>0</v>
      </c>
      <c r="GV27" s="110">
        <v>0</v>
      </c>
      <c r="GW27" s="114">
        <v>0</v>
      </c>
      <c r="GX27" s="114">
        <v>0</v>
      </c>
      <c r="GY27" s="114">
        <v>0</v>
      </c>
      <c r="GZ27" s="114">
        <v>0</v>
      </c>
      <c r="HA27" s="114">
        <v>0</v>
      </c>
      <c r="HB27" s="112">
        <v>0</v>
      </c>
      <c r="HC27" s="116">
        <v>0</v>
      </c>
      <c r="HD27" s="110">
        <v>0</v>
      </c>
      <c r="HE27" s="114">
        <v>0</v>
      </c>
      <c r="HF27" s="112">
        <v>0</v>
      </c>
      <c r="HG27" s="111">
        <v>0</v>
      </c>
      <c r="HH27" s="114">
        <v>156477</v>
      </c>
      <c r="HI27" s="114">
        <v>338696</v>
      </c>
      <c r="HJ27" s="114">
        <v>188168</v>
      </c>
      <c r="HK27" s="114">
        <v>411160</v>
      </c>
      <c r="HL27" s="114">
        <v>0</v>
      </c>
      <c r="HM27" s="113">
        <v>1094501</v>
      </c>
      <c r="HN27" s="109">
        <v>1094501</v>
      </c>
      <c r="HO27" s="328"/>
      <c r="HP27" s="329"/>
      <c r="HQ27" s="330"/>
      <c r="HR27" s="331"/>
      <c r="HS27" s="329"/>
      <c r="HT27" s="329"/>
      <c r="HU27" s="329"/>
      <c r="HV27" s="329"/>
      <c r="HW27" s="329"/>
      <c r="HX27" s="332"/>
      <c r="HY27" s="333"/>
      <c r="HZ27" s="131">
        <v>0</v>
      </c>
      <c r="IA27" s="132">
        <v>72096</v>
      </c>
      <c r="IB27" s="133">
        <v>72096</v>
      </c>
      <c r="IC27" s="146">
        <v>0</v>
      </c>
      <c r="ID27" s="132">
        <v>709207</v>
      </c>
      <c r="IE27" s="147">
        <v>1187152</v>
      </c>
      <c r="IF27" s="133">
        <v>224490</v>
      </c>
      <c r="IG27" s="132">
        <v>1199016</v>
      </c>
      <c r="IH27" s="133">
        <v>0</v>
      </c>
      <c r="II27" s="148">
        <v>3319865</v>
      </c>
      <c r="IJ27" s="139">
        <v>3391961</v>
      </c>
      <c r="IK27" s="232">
        <v>0</v>
      </c>
      <c r="IL27" s="236">
        <v>0</v>
      </c>
      <c r="IM27" s="237">
        <v>0</v>
      </c>
      <c r="IN27" s="140"/>
      <c r="IO27" s="119">
        <v>0</v>
      </c>
      <c r="IP27" s="119">
        <v>0</v>
      </c>
      <c r="IQ27" s="119">
        <v>159696</v>
      </c>
      <c r="IR27" s="119">
        <v>0</v>
      </c>
      <c r="IS27" s="119">
        <v>0</v>
      </c>
      <c r="IT27" s="141">
        <v>159696</v>
      </c>
      <c r="IU27" s="320">
        <v>159696</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69512</v>
      </c>
      <c r="JL27" s="119">
        <v>277720</v>
      </c>
      <c r="JM27" s="119">
        <v>64794</v>
      </c>
      <c r="JN27" s="119">
        <v>278144</v>
      </c>
      <c r="JO27" s="119">
        <v>0</v>
      </c>
      <c r="JP27" s="120">
        <v>690170</v>
      </c>
      <c r="JQ27" s="320">
        <v>690170</v>
      </c>
      <c r="JR27" s="142">
        <v>0</v>
      </c>
      <c r="JS27" s="119">
        <v>0</v>
      </c>
      <c r="JT27" s="141">
        <v>0</v>
      </c>
      <c r="JU27" s="118">
        <v>0</v>
      </c>
      <c r="JV27" s="119">
        <v>7920</v>
      </c>
      <c r="JW27" s="119">
        <v>0</v>
      </c>
      <c r="JX27" s="119">
        <v>0</v>
      </c>
      <c r="JY27" s="119">
        <v>140656</v>
      </c>
      <c r="JZ27" s="119">
        <v>0</v>
      </c>
      <c r="KA27" s="120">
        <v>148576</v>
      </c>
      <c r="KB27" s="320">
        <v>148576</v>
      </c>
      <c r="KC27" s="234">
        <v>0</v>
      </c>
      <c r="KD27" s="230">
        <v>72096</v>
      </c>
      <c r="KE27" s="120">
        <v>72096</v>
      </c>
      <c r="KF27" s="118">
        <v>0</v>
      </c>
      <c r="KG27" s="119">
        <v>405840</v>
      </c>
      <c r="KH27" s="119">
        <v>440576</v>
      </c>
      <c r="KI27" s="119">
        <v>0</v>
      </c>
      <c r="KJ27" s="119">
        <v>0</v>
      </c>
      <c r="KK27" s="119">
        <v>0</v>
      </c>
      <c r="KL27" s="120">
        <v>846416</v>
      </c>
      <c r="KM27" s="143">
        <v>918512</v>
      </c>
      <c r="KN27" s="232">
        <v>0</v>
      </c>
      <c r="KO27" s="236">
        <v>0</v>
      </c>
      <c r="KP27" s="237">
        <v>0</v>
      </c>
      <c r="KQ27" s="140"/>
      <c r="KR27" s="119">
        <v>225935</v>
      </c>
      <c r="KS27" s="119">
        <v>468856</v>
      </c>
      <c r="KT27" s="119">
        <v>0</v>
      </c>
      <c r="KU27" s="119">
        <v>0</v>
      </c>
      <c r="KV27" s="119">
        <v>0</v>
      </c>
      <c r="KW27" s="120">
        <v>694791</v>
      </c>
      <c r="KX27" s="320">
        <v>694791</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780216</v>
      </c>
      <c r="LR27" s="119">
        <v>0</v>
      </c>
      <c r="LS27" s="120">
        <v>780216</v>
      </c>
      <c r="LT27" s="320">
        <v>78021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0</v>
      </c>
      <c r="ML27" s="119">
        <v>1104771</v>
      </c>
      <c r="MM27" s="119">
        <v>1113438</v>
      </c>
      <c r="MN27" s="119">
        <v>236873</v>
      </c>
      <c r="MO27" s="120">
        <v>2455082</v>
      </c>
      <c r="MP27" s="143">
        <v>2455082</v>
      </c>
      <c r="MQ27" s="142">
        <v>0</v>
      </c>
      <c r="MR27" s="119">
        <v>0</v>
      </c>
      <c r="MS27" s="120">
        <v>0</v>
      </c>
      <c r="MT27" s="145"/>
      <c r="MU27" s="119">
        <v>0</v>
      </c>
      <c r="MV27" s="119">
        <v>0</v>
      </c>
      <c r="MW27" s="119">
        <v>480096</v>
      </c>
      <c r="MX27" s="119">
        <v>452286</v>
      </c>
      <c r="MY27" s="119">
        <v>236873</v>
      </c>
      <c r="MZ27" s="120">
        <v>1169255</v>
      </c>
      <c r="NA27" s="143">
        <v>1169255</v>
      </c>
      <c r="NB27" s="142">
        <v>0</v>
      </c>
      <c r="NC27" s="119">
        <v>0</v>
      </c>
      <c r="ND27" s="120">
        <v>0</v>
      </c>
      <c r="NE27" s="145"/>
      <c r="NF27" s="119">
        <v>0</v>
      </c>
      <c r="NG27" s="119">
        <v>0</v>
      </c>
      <c r="NH27" s="119">
        <v>624675</v>
      </c>
      <c r="NI27" s="119">
        <v>661152</v>
      </c>
      <c r="NJ27" s="119">
        <v>0</v>
      </c>
      <c r="NK27" s="120">
        <v>1285827</v>
      </c>
      <c r="NL27" s="320">
        <v>1285827</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6400</v>
      </c>
      <c r="OJ27" s="119">
        <v>168224</v>
      </c>
      <c r="OK27" s="141">
        <v>174624</v>
      </c>
      <c r="OL27" s="118">
        <v>0</v>
      </c>
      <c r="OM27" s="119">
        <v>1572678</v>
      </c>
      <c r="ON27" s="119">
        <v>3141089</v>
      </c>
      <c r="OO27" s="119">
        <v>2395295</v>
      </c>
      <c r="OP27" s="119">
        <v>3570747</v>
      </c>
      <c r="OQ27" s="119">
        <v>1021167</v>
      </c>
      <c r="OR27" s="120">
        <v>11700976</v>
      </c>
      <c r="OS27" s="143">
        <v>11875600</v>
      </c>
    </row>
    <row r="28" spans="2:409" ht="20.25" customHeight="1" x14ac:dyDescent="0.2">
      <c r="B28" s="126" t="s">
        <v>23</v>
      </c>
      <c r="C28" s="110">
        <v>245894</v>
      </c>
      <c r="D28" s="114">
        <v>220300</v>
      </c>
      <c r="E28" s="113">
        <v>466194</v>
      </c>
      <c r="F28" s="109">
        <v>0</v>
      </c>
      <c r="G28" s="114">
        <v>2781138</v>
      </c>
      <c r="H28" s="114">
        <v>2984161</v>
      </c>
      <c r="I28" s="114">
        <v>3105151</v>
      </c>
      <c r="J28" s="114">
        <v>1929009</v>
      </c>
      <c r="K28" s="114">
        <v>902530</v>
      </c>
      <c r="L28" s="173">
        <v>11701989</v>
      </c>
      <c r="M28" s="116">
        <v>12168183</v>
      </c>
      <c r="N28" s="110">
        <v>132159</v>
      </c>
      <c r="O28" s="114">
        <v>108971</v>
      </c>
      <c r="P28" s="113">
        <v>241130</v>
      </c>
      <c r="Q28" s="110">
        <v>0</v>
      </c>
      <c r="R28" s="114">
        <v>389368</v>
      </c>
      <c r="S28" s="114">
        <v>1048589</v>
      </c>
      <c r="T28" s="114">
        <v>654797</v>
      </c>
      <c r="U28" s="114">
        <v>439846</v>
      </c>
      <c r="V28" s="114">
        <v>203582</v>
      </c>
      <c r="W28" s="113">
        <v>2736182</v>
      </c>
      <c r="X28" s="116">
        <v>2977312</v>
      </c>
      <c r="Y28" s="110">
        <v>0</v>
      </c>
      <c r="Z28" s="114">
        <v>0</v>
      </c>
      <c r="AA28" s="113">
        <v>0</v>
      </c>
      <c r="AB28" s="110">
        <v>0</v>
      </c>
      <c r="AC28" s="114">
        <v>67887</v>
      </c>
      <c r="AD28" s="114">
        <v>459767</v>
      </c>
      <c r="AE28" s="114">
        <v>350278</v>
      </c>
      <c r="AF28" s="114">
        <v>312061</v>
      </c>
      <c r="AG28" s="114">
        <v>6017</v>
      </c>
      <c r="AH28" s="113">
        <v>1196010</v>
      </c>
      <c r="AI28" s="116">
        <v>1196010</v>
      </c>
      <c r="AJ28" s="110">
        <v>0</v>
      </c>
      <c r="AK28" s="114">
        <v>0</v>
      </c>
      <c r="AL28" s="113">
        <v>0</v>
      </c>
      <c r="AM28" s="110">
        <v>0</v>
      </c>
      <c r="AN28" s="114">
        <v>0</v>
      </c>
      <c r="AO28" s="114">
        <v>46897</v>
      </c>
      <c r="AP28" s="114">
        <v>0</v>
      </c>
      <c r="AQ28" s="114">
        <v>0</v>
      </c>
      <c r="AR28" s="114">
        <v>0</v>
      </c>
      <c r="AS28" s="113">
        <v>46897</v>
      </c>
      <c r="AT28" s="116">
        <v>46897</v>
      </c>
      <c r="AU28" s="110">
        <v>56575</v>
      </c>
      <c r="AV28" s="114">
        <v>102099</v>
      </c>
      <c r="AW28" s="113">
        <v>158674</v>
      </c>
      <c r="AX28" s="110">
        <v>0</v>
      </c>
      <c r="AY28" s="114">
        <v>122449</v>
      </c>
      <c r="AZ28" s="114">
        <v>415555</v>
      </c>
      <c r="BA28" s="114">
        <v>206287</v>
      </c>
      <c r="BB28" s="114">
        <v>24361</v>
      </c>
      <c r="BC28" s="114">
        <v>137589</v>
      </c>
      <c r="BD28" s="113">
        <v>906241</v>
      </c>
      <c r="BE28" s="116">
        <v>1064915</v>
      </c>
      <c r="BF28" s="110">
        <v>0</v>
      </c>
      <c r="BG28" s="114">
        <v>0</v>
      </c>
      <c r="BH28" s="112">
        <v>0</v>
      </c>
      <c r="BI28" s="111">
        <v>0</v>
      </c>
      <c r="BJ28" s="114">
        <v>27416</v>
      </c>
      <c r="BK28" s="114">
        <v>5338</v>
      </c>
      <c r="BL28" s="114">
        <v>0</v>
      </c>
      <c r="BM28" s="114">
        <v>0</v>
      </c>
      <c r="BN28" s="114">
        <v>0</v>
      </c>
      <c r="BO28" s="113">
        <v>32754</v>
      </c>
      <c r="BP28" s="116">
        <v>32754</v>
      </c>
      <c r="BQ28" s="110">
        <v>75584</v>
      </c>
      <c r="BR28" s="114">
        <v>6872</v>
      </c>
      <c r="BS28" s="113">
        <v>82456</v>
      </c>
      <c r="BT28" s="110">
        <v>0</v>
      </c>
      <c r="BU28" s="114">
        <v>171616</v>
      </c>
      <c r="BV28" s="114">
        <v>121032</v>
      </c>
      <c r="BW28" s="114">
        <v>98232</v>
      </c>
      <c r="BX28" s="114">
        <v>103424</v>
      </c>
      <c r="BY28" s="114">
        <v>59976</v>
      </c>
      <c r="BZ28" s="113">
        <v>554280</v>
      </c>
      <c r="CA28" s="116">
        <v>636736</v>
      </c>
      <c r="CB28" s="110">
        <v>0</v>
      </c>
      <c r="CC28" s="114">
        <v>0</v>
      </c>
      <c r="CD28" s="113">
        <v>0</v>
      </c>
      <c r="CE28" s="110">
        <v>0</v>
      </c>
      <c r="CF28" s="114">
        <v>928441</v>
      </c>
      <c r="CG28" s="114">
        <v>1105569</v>
      </c>
      <c r="CH28" s="114">
        <v>1352621</v>
      </c>
      <c r="CI28" s="114">
        <v>721211</v>
      </c>
      <c r="CJ28" s="114">
        <v>301597</v>
      </c>
      <c r="CK28" s="113">
        <v>4409439</v>
      </c>
      <c r="CL28" s="116">
        <v>4409439</v>
      </c>
      <c r="CM28" s="110">
        <v>0</v>
      </c>
      <c r="CN28" s="114">
        <v>0</v>
      </c>
      <c r="CO28" s="113">
        <v>0</v>
      </c>
      <c r="CP28" s="111">
        <v>0</v>
      </c>
      <c r="CQ28" s="114">
        <v>732155</v>
      </c>
      <c r="CR28" s="114">
        <v>776558</v>
      </c>
      <c r="CS28" s="114">
        <v>1043249</v>
      </c>
      <c r="CT28" s="114">
        <v>439864</v>
      </c>
      <c r="CU28" s="114">
        <v>0</v>
      </c>
      <c r="CV28" s="113">
        <v>2991826</v>
      </c>
      <c r="CW28" s="116">
        <v>2991826</v>
      </c>
      <c r="CX28" s="110">
        <v>0</v>
      </c>
      <c r="CY28" s="114">
        <v>0</v>
      </c>
      <c r="CZ28" s="113">
        <v>0</v>
      </c>
      <c r="DA28" s="110">
        <v>0</v>
      </c>
      <c r="DB28" s="114">
        <v>196286</v>
      </c>
      <c r="DC28" s="114">
        <v>329011</v>
      </c>
      <c r="DD28" s="114">
        <v>309372</v>
      </c>
      <c r="DE28" s="114">
        <v>281347</v>
      </c>
      <c r="DF28" s="114">
        <v>301597</v>
      </c>
      <c r="DG28" s="113">
        <v>1417613</v>
      </c>
      <c r="DH28" s="116">
        <v>1417613</v>
      </c>
      <c r="DI28" s="110">
        <v>0</v>
      </c>
      <c r="DJ28" s="114">
        <v>0</v>
      </c>
      <c r="DK28" s="112">
        <v>0</v>
      </c>
      <c r="DL28" s="111">
        <v>0</v>
      </c>
      <c r="DM28" s="114">
        <v>90434</v>
      </c>
      <c r="DN28" s="114">
        <v>78610</v>
      </c>
      <c r="DO28" s="114">
        <v>508376</v>
      </c>
      <c r="DP28" s="114">
        <v>239478</v>
      </c>
      <c r="DQ28" s="114">
        <v>95913</v>
      </c>
      <c r="DR28" s="113">
        <v>1012811</v>
      </c>
      <c r="DS28" s="116">
        <v>1012811</v>
      </c>
      <c r="DT28" s="110">
        <v>0</v>
      </c>
      <c r="DU28" s="114">
        <v>0</v>
      </c>
      <c r="DV28" s="113">
        <v>0</v>
      </c>
      <c r="DW28" s="110">
        <v>0</v>
      </c>
      <c r="DX28" s="114">
        <v>56936</v>
      </c>
      <c r="DY28" s="114">
        <v>78610</v>
      </c>
      <c r="DZ28" s="114">
        <v>508376</v>
      </c>
      <c r="EA28" s="114">
        <v>239478</v>
      </c>
      <c r="EB28" s="114">
        <v>0</v>
      </c>
      <c r="EC28" s="113">
        <v>883400</v>
      </c>
      <c r="ED28" s="116">
        <v>883400</v>
      </c>
      <c r="EE28" s="110">
        <v>0</v>
      </c>
      <c r="EF28" s="112">
        <v>0</v>
      </c>
      <c r="EG28" s="113">
        <v>0</v>
      </c>
      <c r="EH28" s="110">
        <v>0</v>
      </c>
      <c r="EI28" s="114">
        <v>33498</v>
      </c>
      <c r="EJ28" s="114">
        <v>0</v>
      </c>
      <c r="EK28" s="114">
        <v>0</v>
      </c>
      <c r="EL28" s="114">
        <v>0</v>
      </c>
      <c r="EM28" s="114">
        <v>95913</v>
      </c>
      <c r="EN28" s="112">
        <v>129411</v>
      </c>
      <c r="EO28" s="116">
        <v>129411</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6320</v>
      </c>
      <c r="FM28" s="114">
        <v>18224</v>
      </c>
      <c r="FN28" s="113">
        <v>24544</v>
      </c>
      <c r="FO28" s="110">
        <v>0</v>
      </c>
      <c r="FP28" s="114">
        <v>246136</v>
      </c>
      <c r="FQ28" s="114">
        <v>399096</v>
      </c>
      <c r="FR28" s="114">
        <v>194168</v>
      </c>
      <c r="FS28" s="114">
        <v>95512</v>
      </c>
      <c r="FT28" s="114">
        <v>64432</v>
      </c>
      <c r="FU28" s="113">
        <v>999344</v>
      </c>
      <c r="FV28" s="116">
        <v>1023888</v>
      </c>
      <c r="FW28" s="115">
        <v>6320</v>
      </c>
      <c r="FX28" s="114">
        <v>18224</v>
      </c>
      <c r="FY28" s="112">
        <v>24544</v>
      </c>
      <c r="FZ28" s="111">
        <v>0</v>
      </c>
      <c r="GA28" s="114">
        <v>72536</v>
      </c>
      <c r="GB28" s="114">
        <v>343896</v>
      </c>
      <c r="GC28" s="114">
        <v>194168</v>
      </c>
      <c r="GD28" s="114">
        <v>95512</v>
      </c>
      <c r="GE28" s="114">
        <v>64432</v>
      </c>
      <c r="GF28" s="113">
        <v>770544</v>
      </c>
      <c r="GG28" s="318">
        <v>795088</v>
      </c>
      <c r="GH28" s="115">
        <v>0</v>
      </c>
      <c r="GI28" s="114">
        <v>0</v>
      </c>
      <c r="GJ28" s="112">
        <v>0</v>
      </c>
      <c r="GK28" s="111">
        <v>0</v>
      </c>
      <c r="GL28" s="114">
        <v>13600</v>
      </c>
      <c r="GM28" s="114">
        <v>55200</v>
      </c>
      <c r="GN28" s="114">
        <v>0</v>
      </c>
      <c r="GO28" s="114">
        <v>0</v>
      </c>
      <c r="GP28" s="114">
        <v>0</v>
      </c>
      <c r="GQ28" s="113">
        <v>68800</v>
      </c>
      <c r="GR28" s="116">
        <v>68800</v>
      </c>
      <c r="GS28" s="110">
        <v>0</v>
      </c>
      <c r="GT28" s="114">
        <v>0</v>
      </c>
      <c r="GU28" s="113">
        <v>0</v>
      </c>
      <c r="GV28" s="110">
        <v>0</v>
      </c>
      <c r="GW28" s="114">
        <v>160000</v>
      </c>
      <c r="GX28" s="114">
        <v>0</v>
      </c>
      <c r="GY28" s="114">
        <v>0</v>
      </c>
      <c r="GZ28" s="114">
        <v>0</v>
      </c>
      <c r="HA28" s="114">
        <v>0</v>
      </c>
      <c r="HB28" s="112">
        <v>160000</v>
      </c>
      <c r="HC28" s="116">
        <v>160000</v>
      </c>
      <c r="HD28" s="110">
        <v>107415</v>
      </c>
      <c r="HE28" s="114">
        <v>93105</v>
      </c>
      <c r="HF28" s="112">
        <v>200520</v>
      </c>
      <c r="HG28" s="111">
        <v>0</v>
      </c>
      <c r="HH28" s="114">
        <v>1126759</v>
      </c>
      <c r="HI28" s="114">
        <v>352297</v>
      </c>
      <c r="HJ28" s="114">
        <v>395189</v>
      </c>
      <c r="HK28" s="114">
        <v>432962</v>
      </c>
      <c r="HL28" s="114">
        <v>237006</v>
      </c>
      <c r="HM28" s="113">
        <v>2544213</v>
      </c>
      <c r="HN28" s="109">
        <v>2744733</v>
      </c>
      <c r="HO28" s="328"/>
      <c r="HP28" s="329"/>
      <c r="HQ28" s="330"/>
      <c r="HR28" s="331"/>
      <c r="HS28" s="329"/>
      <c r="HT28" s="329"/>
      <c r="HU28" s="329"/>
      <c r="HV28" s="329"/>
      <c r="HW28" s="329"/>
      <c r="HX28" s="332"/>
      <c r="HY28" s="333"/>
      <c r="HZ28" s="150">
        <v>0</v>
      </c>
      <c r="IA28" s="135">
        <v>0</v>
      </c>
      <c r="IB28" s="150">
        <v>0</v>
      </c>
      <c r="IC28" s="134">
        <v>0</v>
      </c>
      <c r="ID28" s="135">
        <v>622340</v>
      </c>
      <c r="IE28" s="136">
        <v>273872</v>
      </c>
      <c r="IF28" s="137">
        <v>521327</v>
      </c>
      <c r="IG28" s="135">
        <v>1057554</v>
      </c>
      <c r="IH28" s="137">
        <v>0</v>
      </c>
      <c r="II28" s="138">
        <v>2475093</v>
      </c>
      <c r="IJ28" s="150">
        <v>2475093</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151540</v>
      </c>
      <c r="JL28" s="119">
        <v>30739</v>
      </c>
      <c r="JM28" s="119">
        <v>11076</v>
      </c>
      <c r="JN28" s="119">
        <v>277879</v>
      </c>
      <c r="JO28" s="119">
        <v>0</v>
      </c>
      <c r="JP28" s="120">
        <v>471234</v>
      </c>
      <c r="JQ28" s="320">
        <v>471234</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470800</v>
      </c>
      <c r="KS28" s="119">
        <v>243133</v>
      </c>
      <c r="KT28" s="119">
        <v>510251</v>
      </c>
      <c r="KU28" s="119">
        <v>779675</v>
      </c>
      <c r="KV28" s="119">
        <v>0</v>
      </c>
      <c r="KW28" s="120">
        <v>2003859</v>
      </c>
      <c r="KX28" s="320">
        <v>2003859</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662756</v>
      </c>
      <c r="MK28" s="119">
        <v>272318</v>
      </c>
      <c r="ML28" s="119">
        <v>836411</v>
      </c>
      <c r="MM28" s="119">
        <v>1562194</v>
      </c>
      <c r="MN28" s="119">
        <v>328264</v>
      </c>
      <c r="MO28" s="120">
        <v>3661943</v>
      </c>
      <c r="MP28" s="143">
        <v>3661943</v>
      </c>
      <c r="MQ28" s="142">
        <v>0</v>
      </c>
      <c r="MR28" s="119">
        <v>0</v>
      </c>
      <c r="MS28" s="120">
        <v>0</v>
      </c>
      <c r="MT28" s="145"/>
      <c r="MU28" s="119">
        <v>222752</v>
      </c>
      <c r="MV28" s="119">
        <v>0</v>
      </c>
      <c r="MW28" s="119">
        <v>256074</v>
      </c>
      <c r="MX28" s="119">
        <v>1014771</v>
      </c>
      <c r="MY28" s="119">
        <v>22608</v>
      </c>
      <c r="MZ28" s="120">
        <v>1516205</v>
      </c>
      <c r="NA28" s="143">
        <v>1516205</v>
      </c>
      <c r="NB28" s="142">
        <v>0</v>
      </c>
      <c r="NC28" s="119">
        <v>0</v>
      </c>
      <c r="ND28" s="120">
        <v>0</v>
      </c>
      <c r="NE28" s="145"/>
      <c r="NF28" s="119">
        <v>440004</v>
      </c>
      <c r="NG28" s="119">
        <v>272318</v>
      </c>
      <c r="NH28" s="119">
        <v>580337</v>
      </c>
      <c r="NI28" s="119">
        <v>547423</v>
      </c>
      <c r="NJ28" s="119">
        <v>305656</v>
      </c>
      <c r="NK28" s="120">
        <v>2145738</v>
      </c>
      <c r="NL28" s="320">
        <v>2145738</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245894</v>
      </c>
      <c r="OJ28" s="119">
        <v>220300</v>
      </c>
      <c r="OK28" s="141">
        <v>466194</v>
      </c>
      <c r="OL28" s="118">
        <v>0</v>
      </c>
      <c r="OM28" s="119">
        <v>4066234</v>
      </c>
      <c r="ON28" s="119">
        <v>3530351</v>
      </c>
      <c r="OO28" s="119">
        <v>4462889</v>
      </c>
      <c r="OP28" s="119">
        <v>4548757</v>
      </c>
      <c r="OQ28" s="119">
        <v>1230794</v>
      </c>
      <c r="OR28" s="120">
        <v>17839025</v>
      </c>
      <c r="OS28" s="143">
        <v>18305219</v>
      </c>
    </row>
    <row r="29" spans="2:409" ht="20.25" customHeight="1" x14ac:dyDescent="0.2">
      <c r="B29" s="126" t="s">
        <v>24</v>
      </c>
      <c r="C29" s="110">
        <v>546833</v>
      </c>
      <c r="D29" s="114">
        <v>238834</v>
      </c>
      <c r="E29" s="113">
        <v>785667</v>
      </c>
      <c r="F29" s="109">
        <v>0</v>
      </c>
      <c r="G29" s="114">
        <v>2704133</v>
      </c>
      <c r="H29" s="114">
        <v>2226218</v>
      </c>
      <c r="I29" s="114">
        <v>1926550</v>
      </c>
      <c r="J29" s="114">
        <v>765851</v>
      </c>
      <c r="K29" s="114">
        <v>997923</v>
      </c>
      <c r="L29" s="173">
        <v>8620675</v>
      </c>
      <c r="M29" s="116">
        <v>9406342</v>
      </c>
      <c r="N29" s="110">
        <v>82846</v>
      </c>
      <c r="O29" s="114">
        <v>71303</v>
      </c>
      <c r="P29" s="113">
        <v>154149</v>
      </c>
      <c r="Q29" s="110">
        <v>0</v>
      </c>
      <c r="R29" s="114">
        <v>1066835</v>
      </c>
      <c r="S29" s="114">
        <v>657762</v>
      </c>
      <c r="T29" s="114">
        <v>580172</v>
      </c>
      <c r="U29" s="114">
        <v>301982</v>
      </c>
      <c r="V29" s="114">
        <v>606128</v>
      </c>
      <c r="W29" s="113">
        <v>3212879</v>
      </c>
      <c r="X29" s="116">
        <v>3367028</v>
      </c>
      <c r="Y29" s="110">
        <v>0</v>
      </c>
      <c r="Z29" s="114">
        <v>0</v>
      </c>
      <c r="AA29" s="113">
        <v>0</v>
      </c>
      <c r="AB29" s="110">
        <v>0</v>
      </c>
      <c r="AC29" s="114">
        <v>328164</v>
      </c>
      <c r="AD29" s="114">
        <v>294535</v>
      </c>
      <c r="AE29" s="114">
        <v>169576</v>
      </c>
      <c r="AF29" s="114">
        <v>85141</v>
      </c>
      <c r="AG29" s="114">
        <v>217089</v>
      </c>
      <c r="AH29" s="113">
        <v>1094505</v>
      </c>
      <c r="AI29" s="116">
        <v>1094505</v>
      </c>
      <c r="AJ29" s="110">
        <v>0</v>
      </c>
      <c r="AK29" s="114">
        <v>0</v>
      </c>
      <c r="AL29" s="113">
        <v>0</v>
      </c>
      <c r="AM29" s="110">
        <v>0</v>
      </c>
      <c r="AN29" s="114">
        <v>0</v>
      </c>
      <c r="AO29" s="114">
        <v>0</v>
      </c>
      <c r="AP29" s="114">
        <v>0</v>
      </c>
      <c r="AQ29" s="114">
        <v>84715</v>
      </c>
      <c r="AR29" s="114">
        <v>140194</v>
      </c>
      <c r="AS29" s="113">
        <v>224909</v>
      </c>
      <c r="AT29" s="116">
        <v>224909</v>
      </c>
      <c r="AU29" s="110">
        <v>41230</v>
      </c>
      <c r="AV29" s="114">
        <v>24383</v>
      </c>
      <c r="AW29" s="113">
        <v>65613</v>
      </c>
      <c r="AX29" s="110">
        <v>0</v>
      </c>
      <c r="AY29" s="114">
        <v>525996</v>
      </c>
      <c r="AZ29" s="114">
        <v>171354</v>
      </c>
      <c r="BA29" s="114">
        <v>278940</v>
      </c>
      <c r="BB29" s="114">
        <v>74890</v>
      </c>
      <c r="BC29" s="114">
        <v>173413</v>
      </c>
      <c r="BD29" s="113">
        <v>1224593</v>
      </c>
      <c r="BE29" s="116">
        <v>1290206</v>
      </c>
      <c r="BF29" s="110">
        <v>0</v>
      </c>
      <c r="BG29" s="114">
        <v>0</v>
      </c>
      <c r="BH29" s="112">
        <v>0</v>
      </c>
      <c r="BI29" s="111">
        <v>0</v>
      </c>
      <c r="BJ29" s="114">
        <v>67131</v>
      </c>
      <c r="BK29" s="114">
        <v>80257</v>
      </c>
      <c r="BL29" s="114">
        <v>0</v>
      </c>
      <c r="BM29" s="114">
        <v>12372</v>
      </c>
      <c r="BN29" s="114">
        <v>0</v>
      </c>
      <c r="BO29" s="113">
        <v>159760</v>
      </c>
      <c r="BP29" s="116">
        <v>159760</v>
      </c>
      <c r="BQ29" s="110">
        <v>41616</v>
      </c>
      <c r="BR29" s="114">
        <v>46920</v>
      </c>
      <c r="BS29" s="113">
        <v>88536</v>
      </c>
      <c r="BT29" s="110">
        <v>0</v>
      </c>
      <c r="BU29" s="114">
        <v>145544</v>
      </c>
      <c r="BV29" s="114">
        <v>111616</v>
      </c>
      <c r="BW29" s="114">
        <v>131656</v>
      </c>
      <c r="BX29" s="114">
        <v>44864</v>
      </c>
      <c r="BY29" s="114">
        <v>75432</v>
      </c>
      <c r="BZ29" s="113">
        <v>509112</v>
      </c>
      <c r="CA29" s="116">
        <v>597648</v>
      </c>
      <c r="CB29" s="110">
        <v>263619</v>
      </c>
      <c r="CC29" s="114">
        <v>74094</v>
      </c>
      <c r="CD29" s="113">
        <v>337713</v>
      </c>
      <c r="CE29" s="110">
        <v>0</v>
      </c>
      <c r="CF29" s="114">
        <v>643082</v>
      </c>
      <c r="CG29" s="114">
        <v>718392</v>
      </c>
      <c r="CH29" s="114">
        <v>675981</v>
      </c>
      <c r="CI29" s="114">
        <v>119058</v>
      </c>
      <c r="CJ29" s="114">
        <v>0</v>
      </c>
      <c r="CK29" s="113">
        <v>2156513</v>
      </c>
      <c r="CL29" s="116">
        <v>2494226</v>
      </c>
      <c r="CM29" s="110">
        <v>0</v>
      </c>
      <c r="CN29" s="114">
        <v>0</v>
      </c>
      <c r="CO29" s="113">
        <v>0</v>
      </c>
      <c r="CP29" s="111">
        <v>0</v>
      </c>
      <c r="CQ29" s="114">
        <v>624638</v>
      </c>
      <c r="CR29" s="114">
        <v>408740</v>
      </c>
      <c r="CS29" s="114">
        <v>569542</v>
      </c>
      <c r="CT29" s="114">
        <v>9900</v>
      </c>
      <c r="CU29" s="114">
        <v>0</v>
      </c>
      <c r="CV29" s="113">
        <v>1612820</v>
      </c>
      <c r="CW29" s="116">
        <v>1612820</v>
      </c>
      <c r="CX29" s="110">
        <v>263619</v>
      </c>
      <c r="CY29" s="114">
        <v>74094</v>
      </c>
      <c r="CZ29" s="113">
        <v>337713</v>
      </c>
      <c r="DA29" s="110">
        <v>0</v>
      </c>
      <c r="DB29" s="114">
        <v>18444</v>
      </c>
      <c r="DC29" s="114">
        <v>309652</v>
      </c>
      <c r="DD29" s="114">
        <v>106439</v>
      </c>
      <c r="DE29" s="114">
        <v>109158</v>
      </c>
      <c r="DF29" s="114">
        <v>0</v>
      </c>
      <c r="DG29" s="113">
        <v>543693</v>
      </c>
      <c r="DH29" s="116">
        <v>881406</v>
      </c>
      <c r="DI29" s="110">
        <v>0</v>
      </c>
      <c r="DJ29" s="114">
        <v>0</v>
      </c>
      <c r="DK29" s="112">
        <v>0</v>
      </c>
      <c r="DL29" s="111">
        <v>0</v>
      </c>
      <c r="DM29" s="114">
        <v>85298</v>
      </c>
      <c r="DN29" s="114">
        <v>0</v>
      </c>
      <c r="DO29" s="114">
        <v>25218</v>
      </c>
      <c r="DP29" s="114">
        <v>0</v>
      </c>
      <c r="DQ29" s="114">
        <v>136917</v>
      </c>
      <c r="DR29" s="113">
        <v>247433</v>
      </c>
      <c r="DS29" s="116">
        <v>247433</v>
      </c>
      <c r="DT29" s="110">
        <v>0</v>
      </c>
      <c r="DU29" s="114">
        <v>0</v>
      </c>
      <c r="DV29" s="113">
        <v>0</v>
      </c>
      <c r="DW29" s="110">
        <v>0</v>
      </c>
      <c r="DX29" s="114">
        <v>85298</v>
      </c>
      <c r="DY29" s="114">
        <v>0</v>
      </c>
      <c r="DZ29" s="114">
        <v>25218</v>
      </c>
      <c r="EA29" s="114">
        <v>0</v>
      </c>
      <c r="EB29" s="114">
        <v>136917</v>
      </c>
      <c r="EC29" s="113">
        <v>247433</v>
      </c>
      <c r="ED29" s="116">
        <v>247433</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40280</v>
      </c>
      <c r="FM29" s="114">
        <v>3760</v>
      </c>
      <c r="FN29" s="113">
        <v>44040</v>
      </c>
      <c r="FO29" s="110">
        <v>0</v>
      </c>
      <c r="FP29" s="114">
        <v>101968</v>
      </c>
      <c r="FQ29" s="114">
        <v>306376</v>
      </c>
      <c r="FR29" s="114">
        <v>214488</v>
      </c>
      <c r="FS29" s="114">
        <v>130704</v>
      </c>
      <c r="FT29" s="114">
        <v>27000</v>
      </c>
      <c r="FU29" s="113">
        <v>780536</v>
      </c>
      <c r="FV29" s="116">
        <v>824576</v>
      </c>
      <c r="FW29" s="115">
        <v>28400</v>
      </c>
      <c r="FX29" s="114">
        <v>3760</v>
      </c>
      <c r="FY29" s="112">
        <v>32160</v>
      </c>
      <c r="FZ29" s="111">
        <v>0</v>
      </c>
      <c r="GA29" s="114">
        <v>101968</v>
      </c>
      <c r="GB29" s="114">
        <v>146376</v>
      </c>
      <c r="GC29" s="114">
        <v>141008</v>
      </c>
      <c r="GD29" s="114">
        <v>130704</v>
      </c>
      <c r="GE29" s="114">
        <v>27000</v>
      </c>
      <c r="GF29" s="113">
        <v>547056</v>
      </c>
      <c r="GG29" s="318">
        <v>579216</v>
      </c>
      <c r="GH29" s="115">
        <v>11880</v>
      </c>
      <c r="GI29" s="114">
        <v>0</v>
      </c>
      <c r="GJ29" s="112">
        <v>11880</v>
      </c>
      <c r="GK29" s="111">
        <v>0</v>
      </c>
      <c r="GL29" s="114">
        <v>0</v>
      </c>
      <c r="GM29" s="114">
        <v>0</v>
      </c>
      <c r="GN29" s="114">
        <v>11880</v>
      </c>
      <c r="GO29" s="114">
        <v>0</v>
      </c>
      <c r="GP29" s="114">
        <v>0</v>
      </c>
      <c r="GQ29" s="113">
        <v>11880</v>
      </c>
      <c r="GR29" s="116">
        <v>23760</v>
      </c>
      <c r="GS29" s="110">
        <v>0</v>
      </c>
      <c r="GT29" s="114">
        <v>0</v>
      </c>
      <c r="GU29" s="113">
        <v>0</v>
      </c>
      <c r="GV29" s="110">
        <v>0</v>
      </c>
      <c r="GW29" s="114">
        <v>0</v>
      </c>
      <c r="GX29" s="114">
        <v>160000</v>
      </c>
      <c r="GY29" s="114">
        <v>61600</v>
      </c>
      <c r="GZ29" s="114">
        <v>0</v>
      </c>
      <c r="HA29" s="114">
        <v>0</v>
      </c>
      <c r="HB29" s="112">
        <v>221600</v>
      </c>
      <c r="HC29" s="116">
        <v>221600</v>
      </c>
      <c r="HD29" s="110">
        <v>160088</v>
      </c>
      <c r="HE29" s="114">
        <v>89677</v>
      </c>
      <c r="HF29" s="112">
        <v>249765</v>
      </c>
      <c r="HG29" s="111">
        <v>0</v>
      </c>
      <c r="HH29" s="114">
        <v>806950</v>
      </c>
      <c r="HI29" s="114">
        <v>543688</v>
      </c>
      <c r="HJ29" s="114">
        <v>430691</v>
      </c>
      <c r="HK29" s="114">
        <v>214107</v>
      </c>
      <c r="HL29" s="114">
        <v>227878</v>
      </c>
      <c r="HM29" s="113">
        <v>2223314</v>
      </c>
      <c r="HN29" s="109">
        <v>2473079</v>
      </c>
      <c r="HO29" s="328"/>
      <c r="HP29" s="329"/>
      <c r="HQ29" s="330"/>
      <c r="HR29" s="331"/>
      <c r="HS29" s="329"/>
      <c r="HT29" s="329"/>
      <c r="HU29" s="329"/>
      <c r="HV29" s="329"/>
      <c r="HW29" s="329"/>
      <c r="HX29" s="332"/>
      <c r="HY29" s="333"/>
      <c r="HZ29" s="131">
        <v>0</v>
      </c>
      <c r="IA29" s="132">
        <v>0</v>
      </c>
      <c r="IB29" s="133">
        <v>0</v>
      </c>
      <c r="IC29" s="146">
        <v>0</v>
      </c>
      <c r="ID29" s="132">
        <v>228965</v>
      </c>
      <c r="IE29" s="147">
        <v>166792</v>
      </c>
      <c r="IF29" s="133">
        <v>1034649</v>
      </c>
      <c r="IG29" s="132">
        <v>0</v>
      </c>
      <c r="IH29" s="133">
        <v>246652</v>
      </c>
      <c r="II29" s="148">
        <v>1677058</v>
      </c>
      <c r="IJ29" s="139">
        <v>1677058</v>
      </c>
      <c r="IK29" s="232">
        <v>0</v>
      </c>
      <c r="IL29" s="236">
        <v>0</v>
      </c>
      <c r="IM29" s="237">
        <v>0</v>
      </c>
      <c r="IN29" s="140"/>
      <c r="IO29" s="119">
        <v>0</v>
      </c>
      <c r="IP29" s="119">
        <v>0</v>
      </c>
      <c r="IQ29" s="119">
        <v>153799</v>
      </c>
      <c r="IR29" s="119">
        <v>0</v>
      </c>
      <c r="IS29" s="119">
        <v>0</v>
      </c>
      <c r="IT29" s="141">
        <v>153799</v>
      </c>
      <c r="IU29" s="320">
        <v>153799</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20584</v>
      </c>
      <c r="JL29" s="119">
        <v>0</v>
      </c>
      <c r="JM29" s="119">
        <v>260435</v>
      </c>
      <c r="JN29" s="119">
        <v>0</v>
      </c>
      <c r="JO29" s="119">
        <v>0</v>
      </c>
      <c r="JP29" s="120">
        <v>381019</v>
      </c>
      <c r="JQ29" s="320">
        <v>381019</v>
      </c>
      <c r="JR29" s="142">
        <v>0</v>
      </c>
      <c r="JS29" s="119">
        <v>0</v>
      </c>
      <c r="JT29" s="141">
        <v>0</v>
      </c>
      <c r="JU29" s="118">
        <v>0</v>
      </c>
      <c r="JV29" s="119">
        <v>0</v>
      </c>
      <c r="JW29" s="119">
        <v>0</v>
      </c>
      <c r="JX29" s="119">
        <v>146189</v>
      </c>
      <c r="JY29" s="119">
        <v>0</v>
      </c>
      <c r="JZ29" s="119">
        <v>0</v>
      </c>
      <c r="KA29" s="120">
        <v>146189</v>
      </c>
      <c r="KB29" s="320">
        <v>146189</v>
      </c>
      <c r="KC29" s="234">
        <v>0</v>
      </c>
      <c r="KD29" s="230">
        <v>0</v>
      </c>
      <c r="KE29" s="120">
        <v>0</v>
      </c>
      <c r="KF29" s="118">
        <v>0</v>
      </c>
      <c r="KG29" s="119">
        <v>108381</v>
      </c>
      <c r="KH29" s="119">
        <v>166792</v>
      </c>
      <c r="KI29" s="119">
        <v>0</v>
      </c>
      <c r="KJ29" s="119">
        <v>0</v>
      </c>
      <c r="KK29" s="119">
        <v>0</v>
      </c>
      <c r="KL29" s="120">
        <v>275173</v>
      </c>
      <c r="KM29" s="143">
        <v>275173</v>
      </c>
      <c r="KN29" s="232">
        <v>0</v>
      </c>
      <c r="KO29" s="236">
        <v>0</v>
      </c>
      <c r="KP29" s="237">
        <v>0</v>
      </c>
      <c r="KQ29" s="140"/>
      <c r="KR29" s="119">
        <v>0</v>
      </c>
      <c r="KS29" s="119">
        <v>0</v>
      </c>
      <c r="KT29" s="119">
        <v>474226</v>
      </c>
      <c r="KU29" s="119">
        <v>0</v>
      </c>
      <c r="KV29" s="119">
        <v>246652</v>
      </c>
      <c r="KW29" s="120">
        <v>720878</v>
      </c>
      <c r="KX29" s="320">
        <v>720878</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195222</v>
      </c>
      <c r="MK29" s="119">
        <v>0</v>
      </c>
      <c r="ML29" s="119">
        <v>834221</v>
      </c>
      <c r="MM29" s="119">
        <v>1924542</v>
      </c>
      <c r="MN29" s="119">
        <v>538626</v>
      </c>
      <c r="MO29" s="120">
        <v>3492611</v>
      </c>
      <c r="MP29" s="143">
        <v>3492611</v>
      </c>
      <c r="MQ29" s="142">
        <v>0</v>
      </c>
      <c r="MR29" s="119">
        <v>0</v>
      </c>
      <c r="MS29" s="120">
        <v>0</v>
      </c>
      <c r="MT29" s="145"/>
      <c r="MU29" s="119">
        <v>0</v>
      </c>
      <c r="MV29" s="119">
        <v>0</v>
      </c>
      <c r="MW29" s="119">
        <v>0</v>
      </c>
      <c r="MX29" s="119">
        <v>1270395</v>
      </c>
      <c r="MY29" s="119">
        <v>538626</v>
      </c>
      <c r="MZ29" s="120">
        <v>1809021</v>
      </c>
      <c r="NA29" s="143">
        <v>1809021</v>
      </c>
      <c r="NB29" s="142">
        <v>0</v>
      </c>
      <c r="NC29" s="119">
        <v>0</v>
      </c>
      <c r="ND29" s="120">
        <v>0</v>
      </c>
      <c r="NE29" s="145"/>
      <c r="NF29" s="119">
        <v>195222</v>
      </c>
      <c r="NG29" s="119">
        <v>0</v>
      </c>
      <c r="NH29" s="119">
        <v>834221</v>
      </c>
      <c r="NI29" s="119">
        <v>654147</v>
      </c>
      <c r="NJ29" s="119">
        <v>0</v>
      </c>
      <c r="NK29" s="120">
        <v>1683590</v>
      </c>
      <c r="NL29" s="320">
        <v>1683590</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546833</v>
      </c>
      <c r="OJ29" s="119">
        <v>238834</v>
      </c>
      <c r="OK29" s="141">
        <v>785667</v>
      </c>
      <c r="OL29" s="118">
        <v>0</v>
      </c>
      <c r="OM29" s="119">
        <v>3128320</v>
      </c>
      <c r="ON29" s="119">
        <v>2393010</v>
      </c>
      <c r="OO29" s="119">
        <v>3795420</v>
      </c>
      <c r="OP29" s="119">
        <v>2690393</v>
      </c>
      <c r="OQ29" s="119">
        <v>1783201</v>
      </c>
      <c r="OR29" s="120">
        <v>13790344</v>
      </c>
      <c r="OS29" s="143">
        <v>14576011</v>
      </c>
    </row>
    <row r="30" spans="2:409" ht="20.25" customHeight="1" x14ac:dyDescent="0.2">
      <c r="B30" s="126" t="s">
        <v>25</v>
      </c>
      <c r="C30" s="110">
        <v>91309</v>
      </c>
      <c r="D30" s="114">
        <v>223334</v>
      </c>
      <c r="E30" s="113">
        <v>314643</v>
      </c>
      <c r="F30" s="109">
        <v>0</v>
      </c>
      <c r="G30" s="114">
        <v>1798440</v>
      </c>
      <c r="H30" s="114">
        <v>622961</v>
      </c>
      <c r="I30" s="114">
        <v>1153088</v>
      </c>
      <c r="J30" s="114">
        <v>1285873</v>
      </c>
      <c r="K30" s="114">
        <v>241423</v>
      </c>
      <c r="L30" s="173">
        <v>5101785</v>
      </c>
      <c r="M30" s="116">
        <v>5416428</v>
      </c>
      <c r="N30" s="110">
        <v>27117</v>
      </c>
      <c r="O30" s="114">
        <v>43769</v>
      </c>
      <c r="P30" s="113">
        <v>70886</v>
      </c>
      <c r="Q30" s="110">
        <v>0</v>
      </c>
      <c r="R30" s="114">
        <v>240924</v>
      </c>
      <c r="S30" s="114">
        <v>131381</v>
      </c>
      <c r="T30" s="114">
        <v>405737</v>
      </c>
      <c r="U30" s="114">
        <v>87659</v>
      </c>
      <c r="V30" s="114">
        <v>196047</v>
      </c>
      <c r="W30" s="113">
        <v>1061748</v>
      </c>
      <c r="X30" s="116">
        <v>1132634</v>
      </c>
      <c r="Y30" s="110">
        <v>0</v>
      </c>
      <c r="Z30" s="114">
        <v>0</v>
      </c>
      <c r="AA30" s="113">
        <v>0</v>
      </c>
      <c r="AB30" s="110">
        <v>0</v>
      </c>
      <c r="AC30" s="114">
        <v>108912</v>
      </c>
      <c r="AD30" s="114">
        <v>77586</v>
      </c>
      <c r="AE30" s="114">
        <v>208023</v>
      </c>
      <c r="AF30" s="114">
        <v>0</v>
      </c>
      <c r="AG30" s="114">
        <v>0</v>
      </c>
      <c r="AH30" s="113">
        <v>394521</v>
      </c>
      <c r="AI30" s="116">
        <v>394521</v>
      </c>
      <c r="AJ30" s="110">
        <v>0</v>
      </c>
      <c r="AK30" s="114">
        <v>0</v>
      </c>
      <c r="AL30" s="113">
        <v>0</v>
      </c>
      <c r="AM30" s="110">
        <v>0</v>
      </c>
      <c r="AN30" s="114">
        <v>0</v>
      </c>
      <c r="AO30" s="114">
        <v>0</v>
      </c>
      <c r="AP30" s="114">
        <v>81128</v>
      </c>
      <c r="AQ30" s="114">
        <v>0</v>
      </c>
      <c r="AR30" s="114">
        <v>102702</v>
      </c>
      <c r="AS30" s="113">
        <v>183830</v>
      </c>
      <c r="AT30" s="116">
        <v>183830</v>
      </c>
      <c r="AU30" s="110">
        <v>27117</v>
      </c>
      <c r="AV30" s="114">
        <v>0</v>
      </c>
      <c r="AW30" s="113">
        <v>27117</v>
      </c>
      <c r="AX30" s="110">
        <v>0</v>
      </c>
      <c r="AY30" s="114">
        <v>69180</v>
      </c>
      <c r="AZ30" s="114">
        <v>53795</v>
      </c>
      <c r="BA30" s="114">
        <v>72690</v>
      </c>
      <c r="BB30" s="114">
        <v>56819</v>
      </c>
      <c r="BC30" s="114">
        <v>45162</v>
      </c>
      <c r="BD30" s="113">
        <v>297646</v>
      </c>
      <c r="BE30" s="116">
        <v>324763</v>
      </c>
      <c r="BF30" s="110">
        <v>0</v>
      </c>
      <c r="BG30" s="114">
        <v>31193</v>
      </c>
      <c r="BH30" s="112">
        <v>31193</v>
      </c>
      <c r="BI30" s="111">
        <v>0</v>
      </c>
      <c r="BJ30" s="114">
        <v>0</v>
      </c>
      <c r="BK30" s="114">
        <v>0</v>
      </c>
      <c r="BL30" s="114">
        <v>16280</v>
      </c>
      <c r="BM30" s="114">
        <v>0</v>
      </c>
      <c r="BN30" s="114">
        <v>43415</v>
      </c>
      <c r="BO30" s="113">
        <v>59695</v>
      </c>
      <c r="BP30" s="116">
        <v>90888</v>
      </c>
      <c r="BQ30" s="110">
        <v>0</v>
      </c>
      <c r="BR30" s="114">
        <v>12576</v>
      </c>
      <c r="BS30" s="113">
        <v>12576</v>
      </c>
      <c r="BT30" s="110">
        <v>0</v>
      </c>
      <c r="BU30" s="114">
        <v>62832</v>
      </c>
      <c r="BV30" s="114">
        <v>0</v>
      </c>
      <c r="BW30" s="114">
        <v>27616</v>
      </c>
      <c r="BX30" s="114">
        <v>30840</v>
      </c>
      <c r="BY30" s="114">
        <v>4768</v>
      </c>
      <c r="BZ30" s="113">
        <v>126056</v>
      </c>
      <c r="CA30" s="116">
        <v>138632</v>
      </c>
      <c r="CB30" s="110">
        <v>58688</v>
      </c>
      <c r="CC30" s="114">
        <v>0</v>
      </c>
      <c r="CD30" s="113">
        <v>58688</v>
      </c>
      <c r="CE30" s="110">
        <v>0</v>
      </c>
      <c r="CF30" s="114">
        <v>655804</v>
      </c>
      <c r="CG30" s="114">
        <v>422780</v>
      </c>
      <c r="CH30" s="114">
        <v>360856</v>
      </c>
      <c r="CI30" s="114">
        <v>507310</v>
      </c>
      <c r="CJ30" s="114">
        <v>0</v>
      </c>
      <c r="CK30" s="113">
        <v>1946750</v>
      </c>
      <c r="CL30" s="116">
        <v>2005438</v>
      </c>
      <c r="CM30" s="110">
        <v>0</v>
      </c>
      <c r="CN30" s="114">
        <v>0</v>
      </c>
      <c r="CO30" s="113">
        <v>0</v>
      </c>
      <c r="CP30" s="111">
        <v>0</v>
      </c>
      <c r="CQ30" s="114">
        <v>539079</v>
      </c>
      <c r="CR30" s="114">
        <v>104164</v>
      </c>
      <c r="CS30" s="114">
        <v>203597</v>
      </c>
      <c r="CT30" s="114">
        <v>424227</v>
      </c>
      <c r="CU30" s="114">
        <v>0</v>
      </c>
      <c r="CV30" s="113">
        <v>1271067</v>
      </c>
      <c r="CW30" s="116">
        <v>1271067</v>
      </c>
      <c r="CX30" s="110">
        <v>58688</v>
      </c>
      <c r="CY30" s="114">
        <v>0</v>
      </c>
      <c r="CZ30" s="113">
        <v>58688</v>
      </c>
      <c r="DA30" s="110">
        <v>0</v>
      </c>
      <c r="DB30" s="114">
        <v>116725</v>
      </c>
      <c r="DC30" s="114">
        <v>318616</v>
      </c>
      <c r="DD30" s="114">
        <v>157259</v>
      </c>
      <c r="DE30" s="114">
        <v>83083</v>
      </c>
      <c r="DF30" s="114">
        <v>0</v>
      </c>
      <c r="DG30" s="113">
        <v>675683</v>
      </c>
      <c r="DH30" s="116">
        <v>734371</v>
      </c>
      <c r="DI30" s="110">
        <v>0</v>
      </c>
      <c r="DJ30" s="114">
        <v>0</v>
      </c>
      <c r="DK30" s="112">
        <v>0</v>
      </c>
      <c r="DL30" s="111">
        <v>0</v>
      </c>
      <c r="DM30" s="114">
        <v>68058</v>
      </c>
      <c r="DN30" s="114">
        <v>0</v>
      </c>
      <c r="DO30" s="114">
        <v>86619</v>
      </c>
      <c r="DP30" s="114">
        <v>69494</v>
      </c>
      <c r="DQ30" s="114">
        <v>0</v>
      </c>
      <c r="DR30" s="113">
        <v>224171</v>
      </c>
      <c r="DS30" s="116">
        <v>224171</v>
      </c>
      <c r="DT30" s="110">
        <v>0</v>
      </c>
      <c r="DU30" s="114">
        <v>0</v>
      </c>
      <c r="DV30" s="113">
        <v>0</v>
      </c>
      <c r="DW30" s="110">
        <v>0</v>
      </c>
      <c r="DX30" s="114">
        <v>68058</v>
      </c>
      <c r="DY30" s="114">
        <v>0</v>
      </c>
      <c r="DZ30" s="114">
        <v>86619</v>
      </c>
      <c r="EA30" s="114">
        <v>69494</v>
      </c>
      <c r="EB30" s="114">
        <v>0</v>
      </c>
      <c r="EC30" s="113">
        <v>224171</v>
      </c>
      <c r="ED30" s="116">
        <v>224171</v>
      </c>
      <c r="EE30" s="110">
        <v>0</v>
      </c>
      <c r="EF30" s="112">
        <v>0</v>
      </c>
      <c r="EG30" s="113">
        <v>0</v>
      </c>
      <c r="EH30" s="110">
        <v>0</v>
      </c>
      <c r="EI30" s="114">
        <v>0</v>
      </c>
      <c r="EJ30" s="114">
        <v>0</v>
      </c>
      <c r="EK30" s="114">
        <v>0</v>
      </c>
      <c r="EL30" s="114">
        <v>0</v>
      </c>
      <c r="EM30" s="114">
        <v>0</v>
      </c>
      <c r="EN30" s="112">
        <v>0</v>
      </c>
      <c r="EO30" s="116">
        <v>0</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5504</v>
      </c>
      <c r="FM30" s="114">
        <v>88960</v>
      </c>
      <c r="FN30" s="113">
        <v>94464</v>
      </c>
      <c r="FO30" s="110">
        <v>0</v>
      </c>
      <c r="FP30" s="114">
        <v>59328</v>
      </c>
      <c r="FQ30" s="114">
        <v>68800</v>
      </c>
      <c r="FR30" s="114">
        <v>96904</v>
      </c>
      <c r="FS30" s="114">
        <v>94816</v>
      </c>
      <c r="FT30" s="114">
        <v>45376</v>
      </c>
      <c r="FU30" s="113">
        <v>365224</v>
      </c>
      <c r="FV30" s="116">
        <v>459688</v>
      </c>
      <c r="FW30" s="115">
        <v>5504</v>
      </c>
      <c r="FX30" s="114">
        <v>38080</v>
      </c>
      <c r="FY30" s="112">
        <v>43584</v>
      </c>
      <c r="FZ30" s="111">
        <v>0</v>
      </c>
      <c r="GA30" s="114">
        <v>59328</v>
      </c>
      <c r="GB30" s="114">
        <v>68800</v>
      </c>
      <c r="GC30" s="114">
        <v>96904</v>
      </c>
      <c r="GD30" s="114">
        <v>62336</v>
      </c>
      <c r="GE30" s="114">
        <v>45376</v>
      </c>
      <c r="GF30" s="113">
        <v>332744</v>
      </c>
      <c r="GG30" s="318">
        <v>376328</v>
      </c>
      <c r="GH30" s="115">
        <v>0</v>
      </c>
      <c r="GI30" s="114">
        <v>0</v>
      </c>
      <c r="GJ30" s="112">
        <v>0</v>
      </c>
      <c r="GK30" s="111">
        <v>0</v>
      </c>
      <c r="GL30" s="114">
        <v>0</v>
      </c>
      <c r="GM30" s="114">
        <v>0</v>
      </c>
      <c r="GN30" s="114">
        <v>0</v>
      </c>
      <c r="GO30" s="114">
        <v>0</v>
      </c>
      <c r="GP30" s="114">
        <v>0</v>
      </c>
      <c r="GQ30" s="113">
        <v>0</v>
      </c>
      <c r="GR30" s="116">
        <v>0</v>
      </c>
      <c r="GS30" s="110">
        <v>0</v>
      </c>
      <c r="GT30" s="114">
        <v>50880</v>
      </c>
      <c r="GU30" s="113">
        <v>50880</v>
      </c>
      <c r="GV30" s="110">
        <v>0</v>
      </c>
      <c r="GW30" s="114">
        <v>0</v>
      </c>
      <c r="GX30" s="114">
        <v>0</v>
      </c>
      <c r="GY30" s="114">
        <v>0</v>
      </c>
      <c r="GZ30" s="114">
        <v>32480</v>
      </c>
      <c r="HA30" s="114">
        <v>0</v>
      </c>
      <c r="HB30" s="112">
        <v>32480</v>
      </c>
      <c r="HC30" s="116">
        <v>83360</v>
      </c>
      <c r="HD30" s="110">
        <v>0</v>
      </c>
      <c r="HE30" s="114">
        <v>90605</v>
      </c>
      <c r="HF30" s="112">
        <v>90605</v>
      </c>
      <c r="HG30" s="111">
        <v>0</v>
      </c>
      <c r="HH30" s="114">
        <v>774326</v>
      </c>
      <c r="HI30" s="114">
        <v>0</v>
      </c>
      <c r="HJ30" s="114">
        <v>202972</v>
      </c>
      <c r="HK30" s="114">
        <v>526594</v>
      </c>
      <c r="HL30" s="114">
        <v>0</v>
      </c>
      <c r="HM30" s="113">
        <v>1503892</v>
      </c>
      <c r="HN30" s="109">
        <v>1594497</v>
      </c>
      <c r="HO30" s="328"/>
      <c r="HP30" s="329"/>
      <c r="HQ30" s="330"/>
      <c r="HR30" s="331"/>
      <c r="HS30" s="329"/>
      <c r="HT30" s="329"/>
      <c r="HU30" s="329"/>
      <c r="HV30" s="329"/>
      <c r="HW30" s="329"/>
      <c r="HX30" s="332"/>
      <c r="HY30" s="333"/>
      <c r="HZ30" s="150">
        <v>49644</v>
      </c>
      <c r="IA30" s="135">
        <v>0</v>
      </c>
      <c r="IB30" s="150">
        <v>49644</v>
      </c>
      <c r="IC30" s="134">
        <v>0</v>
      </c>
      <c r="ID30" s="135">
        <v>272548</v>
      </c>
      <c r="IE30" s="136">
        <v>0</v>
      </c>
      <c r="IF30" s="137">
        <v>0</v>
      </c>
      <c r="IG30" s="135">
        <v>0</v>
      </c>
      <c r="IH30" s="137">
        <v>0</v>
      </c>
      <c r="II30" s="138">
        <v>272548</v>
      </c>
      <c r="IJ30" s="150">
        <v>322192</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272548</v>
      </c>
      <c r="JL30" s="119">
        <v>0</v>
      </c>
      <c r="JM30" s="119">
        <v>0</v>
      </c>
      <c r="JN30" s="119">
        <v>0</v>
      </c>
      <c r="JO30" s="119">
        <v>0</v>
      </c>
      <c r="JP30" s="120">
        <v>272548</v>
      </c>
      <c r="JQ30" s="320">
        <v>272548</v>
      </c>
      <c r="JR30" s="142">
        <v>0</v>
      </c>
      <c r="JS30" s="119">
        <v>0</v>
      </c>
      <c r="JT30" s="141">
        <v>0</v>
      </c>
      <c r="JU30" s="118">
        <v>0</v>
      </c>
      <c r="JV30" s="119">
        <v>0</v>
      </c>
      <c r="JW30" s="119">
        <v>0</v>
      </c>
      <c r="JX30" s="119">
        <v>0</v>
      </c>
      <c r="JY30" s="119">
        <v>0</v>
      </c>
      <c r="JZ30" s="119">
        <v>0</v>
      </c>
      <c r="KA30" s="120">
        <v>0</v>
      </c>
      <c r="KB30" s="320">
        <v>0</v>
      </c>
      <c r="KC30" s="234">
        <v>49644</v>
      </c>
      <c r="KD30" s="230">
        <v>0</v>
      </c>
      <c r="KE30" s="120">
        <v>49644</v>
      </c>
      <c r="KF30" s="118">
        <v>0</v>
      </c>
      <c r="KG30" s="119">
        <v>0</v>
      </c>
      <c r="KH30" s="119">
        <v>0</v>
      </c>
      <c r="KI30" s="119">
        <v>0</v>
      </c>
      <c r="KJ30" s="119">
        <v>0</v>
      </c>
      <c r="KK30" s="119">
        <v>0</v>
      </c>
      <c r="KL30" s="120">
        <v>0</v>
      </c>
      <c r="KM30" s="143">
        <v>49644</v>
      </c>
      <c r="KN30" s="232">
        <v>0</v>
      </c>
      <c r="KO30" s="236">
        <v>0</v>
      </c>
      <c r="KP30" s="237">
        <v>0</v>
      </c>
      <c r="KQ30" s="140"/>
      <c r="KR30" s="119">
        <v>0</v>
      </c>
      <c r="KS30" s="119">
        <v>0</v>
      </c>
      <c r="KT30" s="119">
        <v>0</v>
      </c>
      <c r="KU30" s="119">
        <v>0</v>
      </c>
      <c r="KV30" s="119">
        <v>0</v>
      </c>
      <c r="KW30" s="120">
        <v>0</v>
      </c>
      <c r="KX30" s="320">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207871</v>
      </c>
      <c r="ML30" s="119">
        <v>1686269</v>
      </c>
      <c r="MM30" s="119">
        <v>299291</v>
      </c>
      <c r="MN30" s="119">
        <v>683646</v>
      </c>
      <c r="MO30" s="120">
        <v>2877077</v>
      </c>
      <c r="MP30" s="143">
        <v>2877077</v>
      </c>
      <c r="MQ30" s="142">
        <v>0</v>
      </c>
      <c r="MR30" s="119">
        <v>0</v>
      </c>
      <c r="MS30" s="120">
        <v>0</v>
      </c>
      <c r="MT30" s="145"/>
      <c r="MU30" s="119">
        <v>0</v>
      </c>
      <c r="MV30" s="119">
        <v>207871</v>
      </c>
      <c r="MW30" s="119">
        <v>1435283</v>
      </c>
      <c r="MX30" s="119">
        <v>299291</v>
      </c>
      <c r="MY30" s="119">
        <v>0</v>
      </c>
      <c r="MZ30" s="120">
        <v>1942445</v>
      </c>
      <c r="NA30" s="143">
        <v>1942445</v>
      </c>
      <c r="NB30" s="142">
        <v>0</v>
      </c>
      <c r="NC30" s="119">
        <v>0</v>
      </c>
      <c r="ND30" s="120">
        <v>0</v>
      </c>
      <c r="NE30" s="145"/>
      <c r="NF30" s="119">
        <v>0</v>
      </c>
      <c r="NG30" s="119">
        <v>0</v>
      </c>
      <c r="NH30" s="119">
        <v>250986</v>
      </c>
      <c r="NI30" s="119">
        <v>0</v>
      </c>
      <c r="NJ30" s="119">
        <v>683646</v>
      </c>
      <c r="NK30" s="120">
        <v>934632</v>
      </c>
      <c r="NL30" s="320">
        <v>934632</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40953</v>
      </c>
      <c r="OJ30" s="119">
        <v>223334</v>
      </c>
      <c r="OK30" s="141">
        <v>364287</v>
      </c>
      <c r="OL30" s="118">
        <v>0</v>
      </c>
      <c r="OM30" s="119">
        <v>2070988</v>
      </c>
      <c r="ON30" s="119">
        <v>830832</v>
      </c>
      <c r="OO30" s="119">
        <v>2839357</v>
      </c>
      <c r="OP30" s="119">
        <v>1585164</v>
      </c>
      <c r="OQ30" s="119">
        <v>925069</v>
      </c>
      <c r="OR30" s="120">
        <v>8251410</v>
      </c>
      <c r="OS30" s="143">
        <v>8615697</v>
      </c>
    </row>
    <row r="31" spans="2:409" ht="20.25" customHeight="1" x14ac:dyDescent="0.2">
      <c r="B31" s="126" t="s">
        <v>26</v>
      </c>
      <c r="C31" s="110">
        <v>43048</v>
      </c>
      <c r="D31" s="114">
        <v>15424</v>
      </c>
      <c r="E31" s="113">
        <v>58472</v>
      </c>
      <c r="F31" s="109">
        <v>0</v>
      </c>
      <c r="G31" s="114">
        <v>1006026</v>
      </c>
      <c r="H31" s="114">
        <v>2178172</v>
      </c>
      <c r="I31" s="114">
        <v>1247600</v>
      </c>
      <c r="J31" s="114">
        <v>880486</v>
      </c>
      <c r="K31" s="114">
        <v>450471</v>
      </c>
      <c r="L31" s="173">
        <v>5762755</v>
      </c>
      <c r="M31" s="116">
        <v>5821227</v>
      </c>
      <c r="N31" s="110">
        <v>12416</v>
      </c>
      <c r="O31" s="114">
        <v>0</v>
      </c>
      <c r="P31" s="113">
        <v>12416</v>
      </c>
      <c r="Q31" s="110">
        <v>0</v>
      </c>
      <c r="R31" s="114">
        <v>229308</v>
      </c>
      <c r="S31" s="114">
        <v>783076</v>
      </c>
      <c r="T31" s="114">
        <v>758237</v>
      </c>
      <c r="U31" s="114">
        <v>19528</v>
      </c>
      <c r="V31" s="114">
        <v>189616</v>
      </c>
      <c r="W31" s="113">
        <v>1979765</v>
      </c>
      <c r="X31" s="116">
        <v>1992181</v>
      </c>
      <c r="Y31" s="110">
        <v>0</v>
      </c>
      <c r="Z31" s="114">
        <v>0</v>
      </c>
      <c r="AA31" s="113">
        <v>0</v>
      </c>
      <c r="AB31" s="110">
        <v>0</v>
      </c>
      <c r="AC31" s="114">
        <v>138766</v>
      </c>
      <c r="AD31" s="114">
        <v>435320</v>
      </c>
      <c r="AE31" s="114">
        <v>539602</v>
      </c>
      <c r="AF31" s="114">
        <v>0</v>
      </c>
      <c r="AG31" s="114">
        <v>0</v>
      </c>
      <c r="AH31" s="113">
        <v>1113688</v>
      </c>
      <c r="AI31" s="116">
        <v>1113688</v>
      </c>
      <c r="AJ31" s="110">
        <v>0</v>
      </c>
      <c r="AK31" s="114">
        <v>0</v>
      </c>
      <c r="AL31" s="113">
        <v>0</v>
      </c>
      <c r="AM31" s="110">
        <v>0</v>
      </c>
      <c r="AN31" s="114">
        <v>0</v>
      </c>
      <c r="AO31" s="114">
        <v>0</v>
      </c>
      <c r="AP31" s="114">
        <v>35044</v>
      </c>
      <c r="AQ31" s="114">
        <v>0</v>
      </c>
      <c r="AR31" s="114">
        <v>92584</v>
      </c>
      <c r="AS31" s="113">
        <v>127628</v>
      </c>
      <c r="AT31" s="116">
        <v>127628</v>
      </c>
      <c r="AU31" s="110">
        <v>0</v>
      </c>
      <c r="AV31" s="114">
        <v>0</v>
      </c>
      <c r="AW31" s="113">
        <v>0</v>
      </c>
      <c r="AX31" s="110">
        <v>0</v>
      </c>
      <c r="AY31" s="114">
        <v>54974</v>
      </c>
      <c r="AZ31" s="114">
        <v>249468</v>
      </c>
      <c r="BA31" s="114">
        <v>103567</v>
      </c>
      <c r="BB31" s="114">
        <v>0</v>
      </c>
      <c r="BC31" s="114">
        <v>90512</v>
      </c>
      <c r="BD31" s="113">
        <v>498521</v>
      </c>
      <c r="BE31" s="116">
        <v>498521</v>
      </c>
      <c r="BF31" s="110">
        <v>0</v>
      </c>
      <c r="BG31" s="114">
        <v>0</v>
      </c>
      <c r="BH31" s="112">
        <v>0</v>
      </c>
      <c r="BI31" s="111">
        <v>0</v>
      </c>
      <c r="BJ31" s="114">
        <v>0</v>
      </c>
      <c r="BK31" s="114">
        <v>0</v>
      </c>
      <c r="BL31" s="114">
        <v>0</v>
      </c>
      <c r="BM31" s="114">
        <v>0</v>
      </c>
      <c r="BN31" s="114">
        <v>0</v>
      </c>
      <c r="BO31" s="113">
        <v>0</v>
      </c>
      <c r="BP31" s="116">
        <v>0</v>
      </c>
      <c r="BQ31" s="110">
        <v>12416</v>
      </c>
      <c r="BR31" s="114">
        <v>0</v>
      </c>
      <c r="BS31" s="113">
        <v>12416</v>
      </c>
      <c r="BT31" s="110">
        <v>0</v>
      </c>
      <c r="BU31" s="114">
        <v>35568</v>
      </c>
      <c r="BV31" s="114">
        <v>98288</v>
      </c>
      <c r="BW31" s="114">
        <v>80024</v>
      </c>
      <c r="BX31" s="114">
        <v>19528</v>
      </c>
      <c r="BY31" s="114">
        <v>6520</v>
      </c>
      <c r="BZ31" s="113">
        <v>239928</v>
      </c>
      <c r="CA31" s="116">
        <v>252344</v>
      </c>
      <c r="CB31" s="110">
        <v>20552</v>
      </c>
      <c r="CC31" s="114">
        <v>0</v>
      </c>
      <c r="CD31" s="113">
        <v>20552</v>
      </c>
      <c r="CE31" s="110">
        <v>0</v>
      </c>
      <c r="CF31" s="114">
        <v>239158</v>
      </c>
      <c r="CG31" s="114">
        <v>726637</v>
      </c>
      <c r="CH31" s="114">
        <v>257486</v>
      </c>
      <c r="CI31" s="114">
        <v>0</v>
      </c>
      <c r="CJ31" s="114">
        <v>224055</v>
      </c>
      <c r="CK31" s="113">
        <v>1447336</v>
      </c>
      <c r="CL31" s="116">
        <v>1467888</v>
      </c>
      <c r="CM31" s="110">
        <v>0</v>
      </c>
      <c r="CN31" s="114">
        <v>0</v>
      </c>
      <c r="CO31" s="113">
        <v>0</v>
      </c>
      <c r="CP31" s="111">
        <v>0</v>
      </c>
      <c r="CQ31" s="114">
        <v>184352</v>
      </c>
      <c r="CR31" s="114">
        <v>469069</v>
      </c>
      <c r="CS31" s="114">
        <v>154674</v>
      </c>
      <c r="CT31" s="114">
        <v>0</v>
      </c>
      <c r="CU31" s="114">
        <v>224055</v>
      </c>
      <c r="CV31" s="113">
        <v>1032150</v>
      </c>
      <c r="CW31" s="116">
        <v>1032150</v>
      </c>
      <c r="CX31" s="110">
        <v>20552</v>
      </c>
      <c r="CY31" s="114">
        <v>0</v>
      </c>
      <c r="CZ31" s="113">
        <v>20552</v>
      </c>
      <c r="DA31" s="110">
        <v>0</v>
      </c>
      <c r="DB31" s="114">
        <v>54806</v>
      </c>
      <c r="DC31" s="114">
        <v>257568</v>
      </c>
      <c r="DD31" s="114">
        <v>102812</v>
      </c>
      <c r="DE31" s="114">
        <v>0</v>
      </c>
      <c r="DF31" s="114">
        <v>0</v>
      </c>
      <c r="DG31" s="113">
        <v>415186</v>
      </c>
      <c r="DH31" s="116">
        <v>435738</v>
      </c>
      <c r="DI31" s="110">
        <v>0</v>
      </c>
      <c r="DJ31" s="114">
        <v>0</v>
      </c>
      <c r="DK31" s="112">
        <v>0</v>
      </c>
      <c r="DL31" s="111">
        <v>0</v>
      </c>
      <c r="DM31" s="114">
        <v>0</v>
      </c>
      <c r="DN31" s="114">
        <v>350297</v>
      </c>
      <c r="DO31" s="114">
        <v>0</v>
      </c>
      <c r="DP31" s="114">
        <v>647649</v>
      </c>
      <c r="DQ31" s="114">
        <v>0</v>
      </c>
      <c r="DR31" s="113">
        <v>997946</v>
      </c>
      <c r="DS31" s="116">
        <v>997946</v>
      </c>
      <c r="DT31" s="110">
        <v>0</v>
      </c>
      <c r="DU31" s="114">
        <v>0</v>
      </c>
      <c r="DV31" s="113">
        <v>0</v>
      </c>
      <c r="DW31" s="110">
        <v>0</v>
      </c>
      <c r="DX31" s="114">
        <v>0</v>
      </c>
      <c r="DY31" s="114">
        <v>350297</v>
      </c>
      <c r="DZ31" s="114">
        <v>0</v>
      </c>
      <c r="EA31" s="114">
        <v>647649</v>
      </c>
      <c r="EB31" s="114">
        <v>0</v>
      </c>
      <c r="EC31" s="113">
        <v>997946</v>
      </c>
      <c r="ED31" s="116">
        <v>997946</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10080</v>
      </c>
      <c r="FM31" s="114">
        <v>15424</v>
      </c>
      <c r="FN31" s="113">
        <v>25504</v>
      </c>
      <c r="FO31" s="110">
        <v>0</v>
      </c>
      <c r="FP31" s="114">
        <v>64960</v>
      </c>
      <c r="FQ31" s="114">
        <v>143400</v>
      </c>
      <c r="FR31" s="114">
        <v>176552</v>
      </c>
      <c r="FS31" s="114">
        <v>29280</v>
      </c>
      <c r="FT31" s="114">
        <v>36800</v>
      </c>
      <c r="FU31" s="113">
        <v>450992</v>
      </c>
      <c r="FV31" s="116">
        <v>476496</v>
      </c>
      <c r="FW31" s="115">
        <v>10080</v>
      </c>
      <c r="FX31" s="114">
        <v>15424</v>
      </c>
      <c r="FY31" s="112">
        <v>25504</v>
      </c>
      <c r="FZ31" s="111">
        <v>0</v>
      </c>
      <c r="GA31" s="114">
        <v>64960</v>
      </c>
      <c r="GB31" s="114">
        <v>143400</v>
      </c>
      <c r="GC31" s="114">
        <v>176552</v>
      </c>
      <c r="GD31" s="114">
        <v>29280</v>
      </c>
      <c r="GE31" s="114">
        <v>36800</v>
      </c>
      <c r="GF31" s="113">
        <v>450992</v>
      </c>
      <c r="GG31" s="318">
        <v>476496</v>
      </c>
      <c r="GH31" s="115">
        <v>0</v>
      </c>
      <c r="GI31" s="114">
        <v>0</v>
      </c>
      <c r="GJ31" s="112">
        <v>0</v>
      </c>
      <c r="GK31" s="111">
        <v>0</v>
      </c>
      <c r="GL31" s="114">
        <v>0</v>
      </c>
      <c r="GM31" s="114">
        <v>0</v>
      </c>
      <c r="GN31" s="114">
        <v>0</v>
      </c>
      <c r="GO31" s="114">
        <v>0</v>
      </c>
      <c r="GP31" s="114">
        <v>0</v>
      </c>
      <c r="GQ31" s="113">
        <v>0</v>
      </c>
      <c r="GR31" s="116">
        <v>0</v>
      </c>
      <c r="GS31" s="110">
        <v>0</v>
      </c>
      <c r="GT31" s="114">
        <v>0</v>
      </c>
      <c r="GU31" s="113">
        <v>0</v>
      </c>
      <c r="GV31" s="110">
        <v>0</v>
      </c>
      <c r="GW31" s="114">
        <v>0</v>
      </c>
      <c r="GX31" s="114">
        <v>0</v>
      </c>
      <c r="GY31" s="114">
        <v>0</v>
      </c>
      <c r="GZ31" s="114">
        <v>0</v>
      </c>
      <c r="HA31" s="114">
        <v>0</v>
      </c>
      <c r="HB31" s="112">
        <v>0</v>
      </c>
      <c r="HC31" s="116">
        <v>0</v>
      </c>
      <c r="HD31" s="110">
        <v>0</v>
      </c>
      <c r="HE31" s="114">
        <v>0</v>
      </c>
      <c r="HF31" s="112">
        <v>0</v>
      </c>
      <c r="HG31" s="111">
        <v>0</v>
      </c>
      <c r="HH31" s="114">
        <v>472600</v>
      </c>
      <c r="HI31" s="114">
        <v>174762</v>
      </c>
      <c r="HJ31" s="114">
        <v>55325</v>
      </c>
      <c r="HK31" s="114">
        <v>184029</v>
      </c>
      <c r="HL31" s="114">
        <v>0</v>
      </c>
      <c r="HM31" s="113">
        <v>886716</v>
      </c>
      <c r="HN31" s="109">
        <v>886716</v>
      </c>
      <c r="HO31" s="328"/>
      <c r="HP31" s="329"/>
      <c r="HQ31" s="330"/>
      <c r="HR31" s="331"/>
      <c r="HS31" s="329"/>
      <c r="HT31" s="329"/>
      <c r="HU31" s="329"/>
      <c r="HV31" s="329"/>
      <c r="HW31" s="329"/>
      <c r="HX31" s="332"/>
      <c r="HY31" s="333"/>
      <c r="HZ31" s="131">
        <v>0</v>
      </c>
      <c r="IA31" s="132">
        <v>0</v>
      </c>
      <c r="IB31" s="133">
        <v>0</v>
      </c>
      <c r="IC31" s="146">
        <v>0</v>
      </c>
      <c r="ID31" s="132">
        <v>99535</v>
      </c>
      <c r="IE31" s="147">
        <v>146439</v>
      </c>
      <c r="IF31" s="133">
        <v>419342</v>
      </c>
      <c r="IG31" s="132">
        <v>250488</v>
      </c>
      <c r="IH31" s="133">
        <v>0</v>
      </c>
      <c r="II31" s="148">
        <v>915804</v>
      </c>
      <c r="IJ31" s="139">
        <v>915804</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99535</v>
      </c>
      <c r="JL31" s="119">
        <v>146439</v>
      </c>
      <c r="JM31" s="119">
        <v>0</v>
      </c>
      <c r="JN31" s="119">
        <v>0</v>
      </c>
      <c r="JO31" s="119">
        <v>0</v>
      </c>
      <c r="JP31" s="120">
        <v>245974</v>
      </c>
      <c r="JQ31" s="320">
        <v>245974</v>
      </c>
      <c r="JR31" s="142">
        <v>0</v>
      </c>
      <c r="JS31" s="119">
        <v>0</v>
      </c>
      <c r="JT31" s="141">
        <v>0</v>
      </c>
      <c r="JU31" s="118">
        <v>0</v>
      </c>
      <c r="JV31" s="119">
        <v>0</v>
      </c>
      <c r="JW31" s="119">
        <v>0</v>
      </c>
      <c r="JX31" s="119">
        <v>0</v>
      </c>
      <c r="JY31" s="119">
        <v>0</v>
      </c>
      <c r="JZ31" s="119">
        <v>0</v>
      </c>
      <c r="KA31" s="120">
        <v>0</v>
      </c>
      <c r="KB31" s="320">
        <v>0</v>
      </c>
      <c r="KC31" s="234">
        <v>0</v>
      </c>
      <c r="KD31" s="230">
        <v>0</v>
      </c>
      <c r="KE31" s="120">
        <v>0</v>
      </c>
      <c r="KF31" s="118">
        <v>0</v>
      </c>
      <c r="KG31" s="119">
        <v>0</v>
      </c>
      <c r="KH31" s="119">
        <v>0</v>
      </c>
      <c r="KI31" s="119">
        <v>0</v>
      </c>
      <c r="KJ31" s="119">
        <v>0</v>
      </c>
      <c r="KK31" s="119">
        <v>0</v>
      </c>
      <c r="KL31" s="120">
        <v>0</v>
      </c>
      <c r="KM31" s="143">
        <v>0</v>
      </c>
      <c r="KN31" s="232">
        <v>0</v>
      </c>
      <c r="KO31" s="236">
        <v>0</v>
      </c>
      <c r="KP31" s="237">
        <v>0</v>
      </c>
      <c r="KQ31" s="140"/>
      <c r="KR31" s="119">
        <v>0</v>
      </c>
      <c r="KS31" s="119">
        <v>0</v>
      </c>
      <c r="KT31" s="119">
        <v>419342</v>
      </c>
      <c r="KU31" s="119">
        <v>250488</v>
      </c>
      <c r="KV31" s="119">
        <v>0</v>
      </c>
      <c r="KW31" s="120">
        <v>669830</v>
      </c>
      <c r="KX31" s="320">
        <v>669830</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0</v>
      </c>
      <c r="ML31" s="119">
        <v>127240</v>
      </c>
      <c r="MM31" s="119">
        <v>1384621</v>
      </c>
      <c r="MN31" s="119">
        <v>279080</v>
      </c>
      <c r="MO31" s="120">
        <v>1790941</v>
      </c>
      <c r="MP31" s="143">
        <v>1790941</v>
      </c>
      <c r="MQ31" s="142">
        <v>0</v>
      </c>
      <c r="MR31" s="119">
        <v>0</v>
      </c>
      <c r="MS31" s="120">
        <v>0</v>
      </c>
      <c r="MT31" s="145"/>
      <c r="MU31" s="119">
        <v>0</v>
      </c>
      <c r="MV31" s="119">
        <v>0</v>
      </c>
      <c r="MW31" s="119">
        <v>0</v>
      </c>
      <c r="MX31" s="119">
        <v>750215</v>
      </c>
      <c r="MY31" s="119">
        <v>0</v>
      </c>
      <c r="MZ31" s="120">
        <v>750215</v>
      </c>
      <c r="NA31" s="143">
        <v>750215</v>
      </c>
      <c r="NB31" s="142">
        <v>0</v>
      </c>
      <c r="NC31" s="119">
        <v>0</v>
      </c>
      <c r="ND31" s="120">
        <v>0</v>
      </c>
      <c r="NE31" s="145"/>
      <c r="NF31" s="119">
        <v>0</v>
      </c>
      <c r="NG31" s="119">
        <v>0</v>
      </c>
      <c r="NH31" s="119">
        <v>127240</v>
      </c>
      <c r="NI31" s="119">
        <v>634406</v>
      </c>
      <c r="NJ31" s="119">
        <v>279080</v>
      </c>
      <c r="NK31" s="120">
        <v>1040726</v>
      </c>
      <c r="NL31" s="320">
        <v>1040726</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43048</v>
      </c>
      <c r="OJ31" s="119">
        <v>15424</v>
      </c>
      <c r="OK31" s="141">
        <v>58472</v>
      </c>
      <c r="OL31" s="118">
        <v>0</v>
      </c>
      <c r="OM31" s="119">
        <v>1105561</v>
      </c>
      <c r="ON31" s="119">
        <v>2324611</v>
      </c>
      <c r="OO31" s="119">
        <v>1794182</v>
      </c>
      <c r="OP31" s="119">
        <v>2515595</v>
      </c>
      <c r="OQ31" s="119">
        <v>729551</v>
      </c>
      <c r="OR31" s="120">
        <v>8469500</v>
      </c>
      <c r="OS31" s="143">
        <v>8527972</v>
      </c>
    </row>
    <row r="32" spans="2:409" ht="20.25" customHeight="1" x14ac:dyDescent="0.2">
      <c r="B32" s="126" t="s">
        <v>27</v>
      </c>
      <c r="C32" s="110">
        <v>23272</v>
      </c>
      <c r="D32" s="114">
        <v>305857</v>
      </c>
      <c r="E32" s="113">
        <v>329129</v>
      </c>
      <c r="F32" s="109">
        <v>0</v>
      </c>
      <c r="G32" s="114">
        <v>715645</v>
      </c>
      <c r="H32" s="114">
        <v>1360555</v>
      </c>
      <c r="I32" s="114">
        <v>1771503</v>
      </c>
      <c r="J32" s="114">
        <v>1468268</v>
      </c>
      <c r="K32" s="114">
        <v>781405</v>
      </c>
      <c r="L32" s="173">
        <v>6097376</v>
      </c>
      <c r="M32" s="116">
        <v>6426505</v>
      </c>
      <c r="N32" s="110">
        <v>18872</v>
      </c>
      <c r="O32" s="114">
        <v>53724</v>
      </c>
      <c r="P32" s="113">
        <v>72596</v>
      </c>
      <c r="Q32" s="110">
        <v>0</v>
      </c>
      <c r="R32" s="114">
        <v>241532</v>
      </c>
      <c r="S32" s="114">
        <v>270420</v>
      </c>
      <c r="T32" s="114">
        <v>835389</v>
      </c>
      <c r="U32" s="114">
        <v>559602</v>
      </c>
      <c r="V32" s="114">
        <v>261945</v>
      </c>
      <c r="W32" s="113">
        <v>2168888</v>
      </c>
      <c r="X32" s="116">
        <v>2241484</v>
      </c>
      <c r="Y32" s="110">
        <v>0</v>
      </c>
      <c r="Z32" s="114">
        <v>0</v>
      </c>
      <c r="AA32" s="113">
        <v>0</v>
      </c>
      <c r="AB32" s="110">
        <v>0</v>
      </c>
      <c r="AC32" s="114">
        <v>28474</v>
      </c>
      <c r="AD32" s="114">
        <v>40452</v>
      </c>
      <c r="AE32" s="114">
        <v>576741</v>
      </c>
      <c r="AF32" s="114">
        <v>297962</v>
      </c>
      <c r="AG32" s="114">
        <v>0</v>
      </c>
      <c r="AH32" s="113">
        <v>943629</v>
      </c>
      <c r="AI32" s="116">
        <v>943629</v>
      </c>
      <c r="AJ32" s="110">
        <v>0</v>
      </c>
      <c r="AK32" s="114">
        <v>0</v>
      </c>
      <c r="AL32" s="113">
        <v>0</v>
      </c>
      <c r="AM32" s="110">
        <v>0</v>
      </c>
      <c r="AN32" s="114">
        <v>0</v>
      </c>
      <c r="AO32" s="114">
        <v>0</v>
      </c>
      <c r="AP32" s="114">
        <v>0</v>
      </c>
      <c r="AQ32" s="114">
        <v>45080</v>
      </c>
      <c r="AR32" s="114">
        <v>56351</v>
      </c>
      <c r="AS32" s="113">
        <v>101431</v>
      </c>
      <c r="AT32" s="116">
        <v>101431</v>
      </c>
      <c r="AU32" s="110">
        <v>18872</v>
      </c>
      <c r="AV32" s="114">
        <v>42812</v>
      </c>
      <c r="AW32" s="113">
        <v>61684</v>
      </c>
      <c r="AX32" s="110">
        <v>0</v>
      </c>
      <c r="AY32" s="114">
        <v>197282</v>
      </c>
      <c r="AZ32" s="114">
        <v>78606</v>
      </c>
      <c r="BA32" s="114">
        <v>174872</v>
      </c>
      <c r="BB32" s="114">
        <v>119920</v>
      </c>
      <c r="BC32" s="114">
        <v>177130</v>
      </c>
      <c r="BD32" s="113">
        <v>747810</v>
      </c>
      <c r="BE32" s="116">
        <v>809494</v>
      </c>
      <c r="BF32" s="110">
        <v>0</v>
      </c>
      <c r="BG32" s="114">
        <v>0</v>
      </c>
      <c r="BH32" s="112">
        <v>0</v>
      </c>
      <c r="BI32" s="111">
        <v>0</v>
      </c>
      <c r="BJ32" s="114">
        <v>0</v>
      </c>
      <c r="BK32" s="114">
        <v>85978</v>
      </c>
      <c r="BL32" s="114">
        <v>0</v>
      </c>
      <c r="BM32" s="114">
        <v>0</v>
      </c>
      <c r="BN32" s="114">
        <v>0</v>
      </c>
      <c r="BO32" s="113">
        <v>85978</v>
      </c>
      <c r="BP32" s="116">
        <v>85978</v>
      </c>
      <c r="BQ32" s="110">
        <v>0</v>
      </c>
      <c r="BR32" s="114">
        <v>10912</v>
      </c>
      <c r="BS32" s="113">
        <v>10912</v>
      </c>
      <c r="BT32" s="110">
        <v>0</v>
      </c>
      <c r="BU32" s="114">
        <v>15776</v>
      </c>
      <c r="BV32" s="114">
        <v>65384</v>
      </c>
      <c r="BW32" s="114">
        <v>83776</v>
      </c>
      <c r="BX32" s="114">
        <v>96640</v>
      </c>
      <c r="BY32" s="114">
        <v>28464</v>
      </c>
      <c r="BZ32" s="113">
        <v>290040</v>
      </c>
      <c r="CA32" s="116">
        <v>300952</v>
      </c>
      <c r="CB32" s="110">
        <v>0</v>
      </c>
      <c r="CC32" s="114">
        <v>116397</v>
      </c>
      <c r="CD32" s="113">
        <v>116397</v>
      </c>
      <c r="CE32" s="110">
        <v>0</v>
      </c>
      <c r="CF32" s="114">
        <v>232818</v>
      </c>
      <c r="CG32" s="114">
        <v>561019</v>
      </c>
      <c r="CH32" s="114">
        <v>386714</v>
      </c>
      <c r="CI32" s="114">
        <v>227404</v>
      </c>
      <c r="CJ32" s="114">
        <v>177719</v>
      </c>
      <c r="CK32" s="113">
        <v>1585674</v>
      </c>
      <c r="CL32" s="116">
        <v>1702071</v>
      </c>
      <c r="CM32" s="110">
        <v>0</v>
      </c>
      <c r="CN32" s="114">
        <v>0</v>
      </c>
      <c r="CO32" s="113">
        <v>0</v>
      </c>
      <c r="CP32" s="111">
        <v>0</v>
      </c>
      <c r="CQ32" s="114">
        <v>232818</v>
      </c>
      <c r="CR32" s="114">
        <v>365669</v>
      </c>
      <c r="CS32" s="114">
        <v>386714</v>
      </c>
      <c r="CT32" s="114">
        <v>227404</v>
      </c>
      <c r="CU32" s="114">
        <v>172607</v>
      </c>
      <c r="CV32" s="113">
        <v>1385212</v>
      </c>
      <c r="CW32" s="116">
        <v>1385212</v>
      </c>
      <c r="CX32" s="110">
        <v>0</v>
      </c>
      <c r="CY32" s="114">
        <v>116397</v>
      </c>
      <c r="CZ32" s="113">
        <v>116397</v>
      </c>
      <c r="DA32" s="110">
        <v>0</v>
      </c>
      <c r="DB32" s="114">
        <v>0</v>
      </c>
      <c r="DC32" s="114">
        <v>195350</v>
      </c>
      <c r="DD32" s="114">
        <v>0</v>
      </c>
      <c r="DE32" s="114">
        <v>0</v>
      </c>
      <c r="DF32" s="114">
        <v>5112</v>
      </c>
      <c r="DG32" s="113">
        <v>200462</v>
      </c>
      <c r="DH32" s="116">
        <v>316859</v>
      </c>
      <c r="DI32" s="110">
        <v>0</v>
      </c>
      <c r="DJ32" s="114">
        <v>0</v>
      </c>
      <c r="DK32" s="112">
        <v>0</v>
      </c>
      <c r="DL32" s="111">
        <v>0</v>
      </c>
      <c r="DM32" s="114">
        <v>34407</v>
      </c>
      <c r="DN32" s="114">
        <v>0</v>
      </c>
      <c r="DO32" s="114">
        <v>23800</v>
      </c>
      <c r="DP32" s="114">
        <v>0</v>
      </c>
      <c r="DQ32" s="114">
        <v>27849</v>
      </c>
      <c r="DR32" s="113">
        <v>86056</v>
      </c>
      <c r="DS32" s="116">
        <v>86056</v>
      </c>
      <c r="DT32" s="110">
        <v>0</v>
      </c>
      <c r="DU32" s="114">
        <v>0</v>
      </c>
      <c r="DV32" s="113">
        <v>0</v>
      </c>
      <c r="DW32" s="110">
        <v>0</v>
      </c>
      <c r="DX32" s="114">
        <v>15487</v>
      </c>
      <c r="DY32" s="114">
        <v>0</v>
      </c>
      <c r="DZ32" s="114">
        <v>23800</v>
      </c>
      <c r="EA32" s="114">
        <v>0</v>
      </c>
      <c r="EB32" s="114">
        <v>27849</v>
      </c>
      <c r="EC32" s="113">
        <v>67136</v>
      </c>
      <c r="ED32" s="116">
        <v>67136</v>
      </c>
      <c r="EE32" s="110">
        <v>0</v>
      </c>
      <c r="EF32" s="112">
        <v>0</v>
      </c>
      <c r="EG32" s="113">
        <v>0</v>
      </c>
      <c r="EH32" s="110">
        <v>0</v>
      </c>
      <c r="EI32" s="114">
        <v>18920</v>
      </c>
      <c r="EJ32" s="114">
        <v>0</v>
      </c>
      <c r="EK32" s="114">
        <v>0</v>
      </c>
      <c r="EL32" s="114">
        <v>0</v>
      </c>
      <c r="EM32" s="114">
        <v>0</v>
      </c>
      <c r="EN32" s="112">
        <v>18920</v>
      </c>
      <c r="EO32" s="116">
        <v>1892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4400</v>
      </c>
      <c r="FM32" s="114">
        <v>44480</v>
      </c>
      <c r="FN32" s="113">
        <v>48880</v>
      </c>
      <c r="FO32" s="110">
        <v>0</v>
      </c>
      <c r="FP32" s="114">
        <v>37600</v>
      </c>
      <c r="FQ32" s="114">
        <v>173912</v>
      </c>
      <c r="FR32" s="114">
        <v>139776</v>
      </c>
      <c r="FS32" s="114">
        <v>52016</v>
      </c>
      <c r="FT32" s="114">
        <v>84896</v>
      </c>
      <c r="FU32" s="113">
        <v>488200</v>
      </c>
      <c r="FV32" s="116">
        <v>537080</v>
      </c>
      <c r="FW32" s="115">
        <v>4400</v>
      </c>
      <c r="FX32" s="114">
        <v>44480</v>
      </c>
      <c r="FY32" s="112">
        <v>48880</v>
      </c>
      <c r="FZ32" s="111">
        <v>0</v>
      </c>
      <c r="GA32" s="114">
        <v>37600</v>
      </c>
      <c r="GB32" s="114">
        <v>165640</v>
      </c>
      <c r="GC32" s="114">
        <v>126976</v>
      </c>
      <c r="GD32" s="114">
        <v>52016</v>
      </c>
      <c r="GE32" s="114">
        <v>84896</v>
      </c>
      <c r="GF32" s="113">
        <v>467128</v>
      </c>
      <c r="GG32" s="318">
        <v>516008</v>
      </c>
      <c r="GH32" s="115">
        <v>0</v>
      </c>
      <c r="GI32" s="114">
        <v>0</v>
      </c>
      <c r="GJ32" s="112">
        <v>0</v>
      </c>
      <c r="GK32" s="111">
        <v>0</v>
      </c>
      <c r="GL32" s="114">
        <v>0</v>
      </c>
      <c r="GM32" s="114">
        <v>0</v>
      </c>
      <c r="GN32" s="114">
        <v>12800</v>
      </c>
      <c r="GO32" s="114">
        <v>0</v>
      </c>
      <c r="GP32" s="114">
        <v>0</v>
      </c>
      <c r="GQ32" s="113">
        <v>12800</v>
      </c>
      <c r="GR32" s="116">
        <v>12800</v>
      </c>
      <c r="GS32" s="110">
        <v>0</v>
      </c>
      <c r="GT32" s="114">
        <v>0</v>
      </c>
      <c r="GU32" s="113">
        <v>0</v>
      </c>
      <c r="GV32" s="110">
        <v>0</v>
      </c>
      <c r="GW32" s="114">
        <v>0</v>
      </c>
      <c r="GX32" s="114">
        <v>8272</v>
      </c>
      <c r="GY32" s="114">
        <v>0</v>
      </c>
      <c r="GZ32" s="114">
        <v>0</v>
      </c>
      <c r="HA32" s="114">
        <v>0</v>
      </c>
      <c r="HB32" s="112">
        <v>8272</v>
      </c>
      <c r="HC32" s="116">
        <v>8272</v>
      </c>
      <c r="HD32" s="110">
        <v>0</v>
      </c>
      <c r="HE32" s="114">
        <v>91256</v>
      </c>
      <c r="HF32" s="112">
        <v>91256</v>
      </c>
      <c r="HG32" s="111">
        <v>0</v>
      </c>
      <c r="HH32" s="114">
        <v>169288</v>
      </c>
      <c r="HI32" s="114">
        <v>355204</v>
      </c>
      <c r="HJ32" s="114">
        <v>385824</v>
      </c>
      <c r="HK32" s="114">
        <v>629246</v>
      </c>
      <c r="HL32" s="114">
        <v>228996</v>
      </c>
      <c r="HM32" s="113">
        <v>1768558</v>
      </c>
      <c r="HN32" s="109">
        <v>1859814</v>
      </c>
      <c r="HO32" s="328"/>
      <c r="HP32" s="329"/>
      <c r="HQ32" s="330"/>
      <c r="HR32" s="331"/>
      <c r="HS32" s="329"/>
      <c r="HT32" s="329"/>
      <c r="HU32" s="329"/>
      <c r="HV32" s="329"/>
      <c r="HW32" s="329"/>
      <c r="HX32" s="332"/>
      <c r="HY32" s="333"/>
      <c r="HZ32" s="150">
        <v>0</v>
      </c>
      <c r="IA32" s="135">
        <v>0</v>
      </c>
      <c r="IB32" s="150">
        <v>0</v>
      </c>
      <c r="IC32" s="134">
        <v>0</v>
      </c>
      <c r="ID32" s="135">
        <v>215255</v>
      </c>
      <c r="IE32" s="136">
        <v>399060</v>
      </c>
      <c r="IF32" s="137">
        <v>871302</v>
      </c>
      <c r="IG32" s="135">
        <v>403239</v>
      </c>
      <c r="IH32" s="137">
        <v>257275</v>
      </c>
      <c r="II32" s="138">
        <v>2146131</v>
      </c>
      <c r="IJ32" s="150">
        <v>2146131</v>
      </c>
      <c r="IK32" s="232">
        <v>0</v>
      </c>
      <c r="IL32" s="236">
        <v>0</v>
      </c>
      <c r="IM32" s="237">
        <v>0</v>
      </c>
      <c r="IN32" s="140"/>
      <c r="IO32" s="119">
        <v>0</v>
      </c>
      <c r="IP32" s="119">
        <v>0</v>
      </c>
      <c r="IQ32" s="119">
        <v>172056</v>
      </c>
      <c r="IR32" s="119">
        <v>0</v>
      </c>
      <c r="IS32" s="119">
        <v>0</v>
      </c>
      <c r="IT32" s="141">
        <v>172056</v>
      </c>
      <c r="IU32" s="320">
        <v>17205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4279</v>
      </c>
      <c r="JL32" s="119">
        <v>0</v>
      </c>
      <c r="JM32" s="119">
        <v>0</v>
      </c>
      <c r="JN32" s="119">
        <v>0</v>
      </c>
      <c r="JO32" s="119">
        <v>0</v>
      </c>
      <c r="JP32" s="120">
        <v>14279</v>
      </c>
      <c r="JQ32" s="320">
        <v>14279</v>
      </c>
      <c r="JR32" s="142">
        <v>0</v>
      </c>
      <c r="JS32" s="119">
        <v>0</v>
      </c>
      <c r="JT32" s="141">
        <v>0</v>
      </c>
      <c r="JU32" s="118">
        <v>0</v>
      </c>
      <c r="JV32" s="119">
        <v>200976</v>
      </c>
      <c r="JW32" s="119">
        <v>158760</v>
      </c>
      <c r="JX32" s="119">
        <v>0</v>
      </c>
      <c r="JY32" s="119">
        <v>0</v>
      </c>
      <c r="JZ32" s="119">
        <v>0</v>
      </c>
      <c r="KA32" s="120">
        <v>359736</v>
      </c>
      <c r="KB32" s="320">
        <v>359736</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240300</v>
      </c>
      <c r="KT32" s="119">
        <v>245872</v>
      </c>
      <c r="KU32" s="119">
        <v>251860</v>
      </c>
      <c r="KV32" s="119">
        <v>0</v>
      </c>
      <c r="KW32" s="120">
        <v>738032</v>
      </c>
      <c r="KX32" s="320">
        <v>738032</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453374</v>
      </c>
      <c r="LQ32" s="119">
        <v>151379</v>
      </c>
      <c r="LR32" s="119">
        <v>257275</v>
      </c>
      <c r="LS32" s="120">
        <v>862028</v>
      </c>
      <c r="LT32" s="320">
        <v>862028</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477511</v>
      </c>
      <c r="ML32" s="119">
        <v>1527205</v>
      </c>
      <c r="MM32" s="119">
        <v>1313364</v>
      </c>
      <c r="MN32" s="119">
        <v>608668</v>
      </c>
      <c r="MO32" s="120">
        <v>3926748</v>
      </c>
      <c r="MP32" s="143">
        <v>3926748</v>
      </c>
      <c r="MQ32" s="142">
        <v>0</v>
      </c>
      <c r="MR32" s="119">
        <v>0</v>
      </c>
      <c r="MS32" s="120">
        <v>0</v>
      </c>
      <c r="MT32" s="145"/>
      <c r="MU32" s="119">
        <v>0</v>
      </c>
      <c r="MV32" s="119">
        <v>231287</v>
      </c>
      <c r="MW32" s="119">
        <v>204421</v>
      </c>
      <c r="MX32" s="119">
        <v>403016</v>
      </c>
      <c r="MY32" s="119">
        <v>531130</v>
      </c>
      <c r="MZ32" s="120">
        <v>1369854</v>
      </c>
      <c r="NA32" s="143">
        <v>1369854</v>
      </c>
      <c r="NB32" s="142">
        <v>0</v>
      </c>
      <c r="NC32" s="119">
        <v>0</v>
      </c>
      <c r="ND32" s="120">
        <v>0</v>
      </c>
      <c r="NE32" s="145"/>
      <c r="NF32" s="119">
        <v>0</v>
      </c>
      <c r="NG32" s="119">
        <v>246224</v>
      </c>
      <c r="NH32" s="119">
        <v>1322784</v>
      </c>
      <c r="NI32" s="119">
        <v>542958</v>
      </c>
      <c r="NJ32" s="119">
        <v>77538</v>
      </c>
      <c r="NK32" s="120">
        <v>2189504</v>
      </c>
      <c r="NL32" s="320">
        <v>2189504</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67390</v>
      </c>
      <c r="OF32" s="119">
        <v>0</v>
      </c>
      <c r="OG32" s="120">
        <v>367390</v>
      </c>
      <c r="OH32" s="121">
        <v>367390</v>
      </c>
      <c r="OI32" s="142">
        <v>23272</v>
      </c>
      <c r="OJ32" s="119">
        <v>305857</v>
      </c>
      <c r="OK32" s="141">
        <v>329129</v>
      </c>
      <c r="OL32" s="118">
        <v>0</v>
      </c>
      <c r="OM32" s="119">
        <v>930900</v>
      </c>
      <c r="ON32" s="119">
        <v>2237126</v>
      </c>
      <c r="OO32" s="119">
        <v>4170010</v>
      </c>
      <c r="OP32" s="119">
        <v>3184871</v>
      </c>
      <c r="OQ32" s="119">
        <v>1647348</v>
      </c>
      <c r="OR32" s="120">
        <v>12170255</v>
      </c>
      <c r="OS32" s="143">
        <v>12499384</v>
      </c>
    </row>
    <row r="33" spans="2:409" ht="20.25" customHeight="1" x14ac:dyDescent="0.2">
      <c r="B33" s="126" t="s">
        <v>28</v>
      </c>
      <c r="C33" s="110">
        <v>0</v>
      </c>
      <c r="D33" s="114">
        <v>142172</v>
      </c>
      <c r="E33" s="113">
        <v>142172</v>
      </c>
      <c r="F33" s="109">
        <v>0</v>
      </c>
      <c r="G33" s="114">
        <v>394643</v>
      </c>
      <c r="H33" s="114">
        <v>91140</v>
      </c>
      <c r="I33" s="114">
        <v>205608</v>
      </c>
      <c r="J33" s="114">
        <v>562871</v>
      </c>
      <c r="K33" s="114">
        <v>216689</v>
      </c>
      <c r="L33" s="173">
        <v>1470951</v>
      </c>
      <c r="M33" s="116">
        <v>1613123</v>
      </c>
      <c r="N33" s="110">
        <v>0</v>
      </c>
      <c r="O33" s="114">
        <v>0</v>
      </c>
      <c r="P33" s="113">
        <v>0</v>
      </c>
      <c r="Q33" s="110">
        <v>0</v>
      </c>
      <c r="R33" s="114">
        <v>10016</v>
      </c>
      <c r="S33" s="114">
        <v>35518</v>
      </c>
      <c r="T33" s="114">
        <v>9600</v>
      </c>
      <c r="U33" s="114">
        <v>532471</v>
      </c>
      <c r="V33" s="114">
        <v>46840</v>
      </c>
      <c r="W33" s="113">
        <v>634445</v>
      </c>
      <c r="X33" s="116">
        <v>634445</v>
      </c>
      <c r="Y33" s="110">
        <v>0</v>
      </c>
      <c r="Z33" s="114">
        <v>0</v>
      </c>
      <c r="AA33" s="113">
        <v>0</v>
      </c>
      <c r="AB33" s="110">
        <v>0</v>
      </c>
      <c r="AC33" s="114">
        <v>0</v>
      </c>
      <c r="AD33" s="114">
        <v>0</v>
      </c>
      <c r="AE33" s="114">
        <v>0</v>
      </c>
      <c r="AF33" s="114">
        <v>379624</v>
      </c>
      <c r="AG33" s="114">
        <v>0</v>
      </c>
      <c r="AH33" s="113">
        <v>379624</v>
      </c>
      <c r="AI33" s="116">
        <v>379624</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35518</v>
      </c>
      <c r="BA33" s="114">
        <v>0</v>
      </c>
      <c r="BB33" s="114">
        <v>145695</v>
      </c>
      <c r="BC33" s="114">
        <v>34432</v>
      </c>
      <c r="BD33" s="113">
        <v>215645</v>
      </c>
      <c r="BE33" s="116">
        <v>215645</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10016</v>
      </c>
      <c r="BV33" s="114">
        <v>0</v>
      </c>
      <c r="BW33" s="114">
        <v>9600</v>
      </c>
      <c r="BX33" s="114">
        <v>7152</v>
      </c>
      <c r="BY33" s="114">
        <v>12408</v>
      </c>
      <c r="BZ33" s="113">
        <v>39176</v>
      </c>
      <c r="CA33" s="116">
        <v>39176</v>
      </c>
      <c r="CB33" s="110">
        <v>0</v>
      </c>
      <c r="CC33" s="114">
        <v>38444</v>
      </c>
      <c r="CD33" s="113">
        <v>38444</v>
      </c>
      <c r="CE33" s="110">
        <v>0</v>
      </c>
      <c r="CF33" s="114">
        <v>214617</v>
      </c>
      <c r="CG33" s="114">
        <v>23078</v>
      </c>
      <c r="CH33" s="114">
        <v>0</v>
      </c>
      <c r="CI33" s="114">
        <v>0</v>
      </c>
      <c r="CJ33" s="114">
        <v>27964</v>
      </c>
      <c r="CK33" s="113">
        <v>265659</v>
      </c>
      <c r="CL33" s="116">
        <v>304103</v>
      </c>
      <c r="CM33" s="110">
        <v>0</v>
      </c>
      <c r="CN33" s="114">
        <v>0</v>
      </c>
      <c r="CO33" s="113">
        <v>0</v>
      </c>
      <c r="CP33" s="111">
        <v>0</v>
      </c>
      <c r="CQ33" s="114">
        <v>214617</v>
      </c>
      <c r="CR33" s="114">
        <v>23078</v>
      </c>
      <c r="CS33" s="114">
        <v>0</v>
      </c>
      <c r="CT33" s="114">
        <v>0</v>
      </c>
      <c r="CU33" s="114">
        <v>27964</v>
      </c>
      <c r="CV33" s="113">
        <v>265659</v>
      </c>
      <c r="CW33" s="116">
        <v>265659</v>
      </c>
      <c r="CX33" s="110">
        <v>0</v>
      </c>
      <c r="CY33" s="114">
        <v>38444</v>
      </c>
      <c r="CZ33" s="113">
        <v>38444</v>
      </c>
      <c r="DA33" s="110">
        <v>0</v>
      </c>
      <c r="DB33" s="114">
        <v>0</v>
      </c>
      <c r="DC33" s="114">
        <v>0</v>
      </c>
      <c r="DD33" s="114">
        <v>0</v>
      </c>
      <c r="DE33" s="114">
        <v>0</v>
      </c>
      <c r="DF33" s="114">
        <v>0</v>
      </c>
      <c r="DG33" s="113">
        <v>0</v>
      </c>
      <c r="DH33" s="116">
        <v>38444</v>
      </c>
      <c r="DI33" s="110">
        <v>0</v>
      </c>
      <c r="DJ33" s="114">
        <v>0</v>
      </c>
      <c r="DK33" s="112">
        <v>0</v>
      </c>
      <c r="DL33" s="111">
        <v>0</v>
      </c>
      <c r="DM33" s="114">
        <v>0</v>
      </c>
      <c r="DN33" s="114">
        <v>0</v>
      </c>
      <c r="DO33" s="114">
        <v>0</v>
      </c>
      <c r="DP33" s="114">
        <v>0</v>
      </c>
      <c r="DQ33" s="114">
        <v>99485</v>
      </c>
      <c r="DR33" s="113">
        <v>99485</v>
      </c>
      <c r="DS33" s="116">
        <v>99485</v>
      </c>
      <c r="DT33" s="110">
        <v>0</v>
      </c>
      <c r="DU33" s="114">
        <v>0</v>
      </c>
      <c r="DV33" s="113">
        <v>0</v>
      </c>
      <c r="DW33" s="110">
        <v>0</v>
      </c>
      <c r="DX33" s="114">
        <v>0</v>
      </c>
      <c r="DY33" s="114">
        <v>0</v>
      </c>
      <c r="DZ33" s="114">
        <v>0</v>
      </c>
      <c r="EA33" s="114">
        <v>0</v>
      </c>
      <c r="EB33" s="114">
        <v>24485</v>
      </c>
      <c r="EC33" s="113">
        <v>24485</v>
      </c>
      <c r="ED33" s="116">
        <v>24485</v>
      </c>
      <c r="EE33" s="110">
        <v>0</v>
      </c>
      <c r="EF33" s="112">
        <v>0</v>
      </c>
      <c r="EG33" s="113">
        <v>0</v>
      </c>
      <c r="EH33" s="110">
        <v>0</v>
      </c>
      <c r="EI33" s="114">
        <v>0</v>
      </c>
      <c r="EJ33" s="114">
        <v>0</v>
      </c>
      <c r="EK33" s="114">
        <v>0</v>
      </c>
      <c r="EL33" s="114">
        <v>0</v>
      </c>
      <c r="EM33" s="114">
        <v>75000</v>
      </c>
      <c r="EN33" s="112">
        <v>75000</v>
      </c>
      <c r="EO33" s="116">
        <v>7500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0</v>
      </c>
      <c r="FM33" s="114">
        <v>103728</v>
      </c>
      <c r="FN33" s="113">
        <v>103728</v>
      </c>
      <c r="FO33" s="110">
        <v>0</v>
      </c>
      <c r="FP33" s="114">
        <v>16240</v>
      </c>
      <c r="FQ33" s="114">
        <v>32544</v>
      </c>
      <c r="FR33" s="114">
        <v>0</v>
      </c>
      <c r="FS33" s="114">
        <v>30400</v>
      </c>
      <c r="FT33" s="114">
        <v>42400</v>
      </c>
      <c r="FU33" s="113">
        <v>121584</v>
      </c>
      <c r="FV33" s="116">
        <v>225312</v>
      </c>
      <c r="FW33" s="115">
        <v>0</v>
      </c>
      <c r="FX33" s="114">
        <v>5600</v>
      </c>
      <c r="FY33" s="112">
        <v>5600</v>
      </c>
      <c r="FZ33" s="111">
        <v>0</v>
      </c>
      <c r="GA33" s="114">
        <v>16240</v>
      </c>
      <c r="GB33" s="114">
        <v>32544</v>
      </c>
      <c r="GC33" s="114">
        <v>0</v>
      </c>
      <c r="GD33" s="114">
        <v>30400</v>
      </c>
      <c r="GE33" s="114">
        <v>29600</v>
      </c>
      <c r="GF33" s="113">
        <v>108784</v>
      </c>
      <c r="GG33" s="318">
        <v>114384</v>
      </c>
      <c r="GH33" s="115">
        <v>0</v>
      </c>
      <c r="GI33" s="114">
        <v>26928</v>
      </c>
      <c r="GJ33" s="112">
        <v>26928</v>
      </c>
      <c r="GK33" s="111">
        <v>0</v>
      </c>
      <c r="GL33" s="114">
        <v>0</v>
      </c>
      <c r="GM33" s="114">
        <v>0</v>
      </c>
      <c r="GN33" s="114">
        <v>0</v>
      </c>
      <c r="GO33" s="114">
        <v>0</v>
      </c>
      <c r="GP33" s="114">
        <v>12800</v>
      </c>
      <c r="GQ33" s="113">
        <v>12800</v>
      </c>
      <c r="GR33" s="116">
        <v>39728</v>
      </c>
      <c r="GS33" s="110">
        <v>0</v>
      </c>
      <c r="GT33" s="114">
        <v>71200</v>
      </c>
      <c r="GU33" s="113">
        <v>71200</v>
      </c>
      <c r="GV33" s="110">
        <v>0</v>
      </c>
      <c r="GW33" s="114">
        <v>0</v>
      </c>
      <c r="GX33" s="114">
        <v>0</v>
      </c>
      <c r="GY33" s="114">
        <v>0</v>
      </c>
      <c r="GZ33" s="114">
        <v>0</v>
      </c>
      <c r="HA33" s="114">
        <v>0</v>
      </c>
      <c r="HB33" s="112">
        <v>0</v>
      </c>
      <c r="HC33" s="116">
        <v>71200</v>
      </c>
      <c r="HD33" s="110">
        <v>0</v>
      </c>
      <c r="HE33" s="114">
        <v>0</v>
      </c>
      <c r="HF33" s="112">
        <v>0</v>
      </c>
      <c r="HG33" s="111">
        <v>0</v>
      </c>
      <c r="HH33" s="114">
        <v>153770</v>
      </c>
      <c r="HI33" s="114">
        <v>0</v>
      </c>
      <c r="HJ33" s="114">
        <v>196008</v>
      </c>
      <c r="HK33" s="114">
        <v>0</v>
      </c>
      <c r="HL33" s="114">
        <v>0</v>
      </c>
      <c r="HM33" s="113">
        <v>349778</v>
      </c>
      <c r="HN33" s="109">
        <v>349778</v>
      </c>
      <c r="HO33" s="328"/>
      <c r="HP33" s="329"/>
      <c r="HQ33" s="330"/>
      <c r="HR33" s="331"/>
      <c r="HS33" s="329"/>
      <c r="HT33" s="329"/>
      <c r="HU33" s="329"/>
      <c r="HV33" s="329"/>
      <c r="HW33" s="329"/>
      <c r="HX33" s="332"/>
      <c r="HY33" s="333"/>
      <c r="HZ33" s="131">
        <v>0</v>
      </c>
      <c r="IA33" s="132">
        <v>0</v>
      </c>
      <c r="IB33" s="133">
        <v>0</v>
      </c>
      <c r="IC33" s="146">
        <v>0</v>
      </c>
      <c r="ID33" s="132">
        <v>123280</v>
      </c>
      <c r="IE33" s="147">
        <v>36672</v>
      </c>
      <c r="IF33" s="133">
        <v>0</v>
      </c>
      <c r="IG33" s="132">
        <v>0</v>
      </c>
      <c r="IH33" s="133">
        <v>245200</v>
      </c>
      <c r="II33" s="148">
        <v>405152</v>
      </c>
      <c r="IJ33" s="139">
        <v>405152</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23280</v>
      </c>
      <c r="JL33" s="119">
        <v>36672</v>
      </c>
      <c r="JM33" s="119">
        <v>0</v>
      </c>
      <c r="JN33" s="119">
        <v>0</v>
      </c>
      <c r="JO33" s="119">
        <v>4888</v>
      </c>
      <c r="JP33" s="120">
        <v>164840</v>
      </c>
      <c r="JQ33" s="320">
        <v>164840</v>
      </c>
      <c r="JR33" s="142">
        <v>0</v>
      </c>
      <c r="JS33" s="119">
        <v>0</v>
      </c>
      <c r="JT33" s="141">
        <v>0</v>
      </c>
      <c r="JU33" s="118">
        <v>0</v>
      </c>
      <c r="JV33" s="119">
        <v>0</v>
      </c>
      <c r="JW33" s="119">
        <v>0</v>
      </c>
      <c r="JX33" s="119">
        <v>0</v>
      </c>
      <c r="JY33" s="119">
        <v>0</v>
      </c>
      <c r="JZ33" s="119">
        <v>26984</v>
      </c>
      <c r="KA33" s="120">
        <v>26984</v>
      </c>
      <c r="KB33" s="320">
        <v>26984</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213328</v>
      </c>
      <c r="KW33" s="120">
        <v>213328</v>
      </c>
      <c r="KX33" s="320">
        <v>213328</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15872</v>
      </c>
      <c r="ML33" s="119">
        <v>0</v>
      </c>
      <c r="MM33" s="119">
        <v>676040</v>
      </c>
      <c r="MN33" s="119">
        <v>0</v>
      </c>
      <c r="MO33" s="120">
        <v>891912</v>
      </c>
      <c r="MP33" s="143">
        <v>891912</v>
      </c>
      <c r="MQ33" s="142">
        <v>0</v>
      </c>
      <c r="MR33" s="119">
        <v>0</v>
      </c>
      <c r="MS33" s="120">
        <v>0</v>
      </c>
      <c r="MT33" s="145"/>
      <c r="MU33" s="119">
        <v>0</v>
      </c>
      <c r="MV33" s="119">
        <v>0</v>
      </c>
      <c r="MW33" s="119">
        <v>0</v>
      </c>
      <c r="MX33" s="119">
        <v>144512</v>
      </c>
      <c r="MY33" s="119">
        <v>0</v>
      </c>
      <c r="MZ33" s="120">
        <v>144512</v>
      </c>
      <c r="NA33" s="143">
        <v>144512</v>
      </c>
      <c r="NB33" s="142">
        <v>0</v>
      </c>
      <c r="NC33" s="119">
        <v>0</v>
      </c>
      <c r="ND33" s="120">
        <v>0</v>
      </c>
      <c r="NE33" s="145"/>
      <c r="NF33" s="119">
        <v>0</v>
      </c>
      <c r="NG33" s="119">
        <v>215872</v>
      </c>
      <c r="NH33" s="119">
        <v>0</v>
      </c>
      <c r="NI33" s="119">
        <v>531528</v>
      </c>
      <c r="NJ33" s="119">
        <v>0</v>
      </c>
      <c r="NK33" s="120">
        <v>747400</v>
      </c>
      <c r="NL33" s="320">
        <v>747400</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142172</v>
      </c>
      <c r="OK33" s="141">
        <v>142172</v>
      </c>
      <c r="OL33" s="118">
        <v>0</v>
      </c>
      <c r="OM33" s="119">
        <v>517923</v>
      </c>
      <c r="ON33" s="119">
        <v>343684</v>
      </c>
      <c r="OO33" s="119">
        <v>205608</v>
      </c>
      <c r="OP33" s="119">
        <v>1238911</v>
      </c>
      <c r="OQ33" s="119">
        <v>461889</v>
      </c>
      <c r="OR33" s="120">
        <v>2768015</v>
      </c>
      <c r="OS33" s="143">
        <v>2910187</v>
      </c>
    </row>
    <row r="34" spans="2:409" ht="20.25" customHeight="1" x14ac:dyDescent="0.2">
      <c r="B34" s="126" t="s">
        <v>29</v>
      </c>
      <c r="C34" s="110">
        <v>4000</v>
      </c>
      <c r="D34" s="114">
        <v>65288</v>
      </c>
      <c r="E34" s="113">
        <v>69288</v>
      </c>
      <c r="F34" s="109">
        <v>0</v>
      </c>
      <c r="G34" s="114">
        <v>323184</v>
      </c>
      <c r="H34" s="114">
        <v>632205</v>
      </c>
      <c r="I34" s="114">
        <v>242094</v>
      </c>
      <c r="J34" s="114">
        <v>642405</v>
      </c>
      <c r="K34" s="114">
        <v>670152</v>
      </c>
      <c r="L34" s="173">
        <v>2510040</v>
      </c>
      <c r="M34" s="116">
        <v>2579328</v>
      </c>
      <c r="N34" s="110">
        <v>0</v>
      </c>
      <c r="O34" s="114">
        <v>14688</v>
      </c>
      <c r="P34" s="113">
        <v>14688</v>
      </c>
      <c r="Q34" s="110">
        <v>0</v>
      </c>
      <c r="R34" s="114">
        <v>0</v>
      </c>
      <c r="S34" s="114">
        <v>43248</v>
      </c>
      <c r="T34" s="114">
        <v>11144</v>
      </c>
      <c r="U34" s="114">
        <v>191904</v>
      </c>
      <c r="V34" s="114">
        <v>80104</v>
      </c>
      <c r="W34" s="113">
        <v>326400</v>
      </c>
      <c r="X34" s="116">
        <v>341088</v>
      </c>
      <c r="Y34" s="110">
        <v>0</v>
      </c>
      <c r="Z34" s="114">
        <v>0</v>
      </c>
      <c r="AA34" s="113">
        <v>0</v>
      </c>
      <c r="AB34" s="110">
        <v>0</v>
      </c>
      <c r="AC34" s="114">
        <v>0</v>
      </c>
      <c r="AD34" s="114">
        <v>0</v>
      </c>
      <c r="AE34" s="114">
        <v>0</v>
      </c>
      <c r="AF34" s="114">
        <v>66048</v>
      </c>
      <c r="AG34" s="114">
        <v>0</v>
      </c>
      <c r="AH34" s="113">
        <v>66048</v>
      </c>
      <c r="AI34" s="116">
        <v>66048</v>
      </c>
      <c r="AJ34" s="110">
        <v>0</v>
      </c>
      <c r="AK34" s="114">
        <v>0</v>
      </c>
      <c r="AL34" s="113">
        <v>0</v>
      </c>
      <c r="AM34" s="110">
        <v>0</v>
      </c>
      <c r="AN34" s="114">
        <v>0</v>
      </c>
      <c r="AO34" s="114">
        <v>0</v>
      </c>
      <c r="AP34" s="114">
        <v>0</v>
      </c>
      <c r="AQ34" s="114">
        <v>0</v>
      </c>
      <c r="AR34" s="114">
        <v>43264</v>
      </c>
      <c r="AS34" s="113">
        <v>43264</v>
      </c>
      <c r="AT34" s="116">
        <v>43264</v>
      </c>
      <c r="AU34" s="110">
        <v>0</v>
      </c>
      <c r="AV34" s="114">
        <v>14688</v>
      </c>
      <c r="AW34" s="113">
        <v>14688</v>
      </c>
      <c r="AX34" s="110">
        <v>0</v>
      </c>
      <c r="AY34" s="114">
        <v>0</v>
      </c>
      <c r="AZ34" s="114">
        <v>0</v>
      </c>
      <c r="BA34" s="114">
        <v>0</v>
      </c>
      <c r="BB34" s="114">
        <v>0</v>
      </c>
      <c r="BC34" s="114">
        <v>36840</v>
      </c>
      <c r="BD34" s="113">
        <v>36840</v>
      </c>
      <c r="BE34" s="116">
        <v>51528</v>
      </c>
      <c r="BF34" s="110">
        <v>0</v>
      </c>
      <c r="BG34" s="114">
        <v>0</v>
      </c>
      <c r="BH34" s="112">
        <v>0</v>
      </c>
      <c r="BI34" s="111">
        <v>0</v>
      </c>
      <c r="BJ34" s="114">
        <v>0</v>
      </c>
      <c r="BK34" s="114">
        <v>0</v>
      </c>
      <c r="BL34" s="114">
        <v>0</v>
      </c>
      <c r="BM34" s="114">
        <v>120224</v>
      </c>
      <c r="BN34" s="114">
        <v>0</v>
      </c>
      <c r="BO34" s="113">
        <v>120224</v>
      </c>
      <c r="BP34" s="116">
        <v>120224</v>
      </c>
      <c r="BQ34" s="110">
        <v>0</v>
      </c>
      <c r="BR34" s="114">
        <v>0</v>
      </c>
      <c r="BS34" s="113">
        <v>0</v>
      </c>
      <c r="BT34" s="110">
        <v>0</v>
      </c>
      <c r="BU34" s="114">
        <v>0</v>
      </c>
      <c r="BV34" s="114">
        <v>43248</v>
      </c>
      <c r="BW34" s="114">
        <v>11144</v>
      </c>
      <c r="BX34" s="114">
        <v>5632</v>
      </c>
      <c r="BY34" s="114">
        <v>0</v>
      </c>
      <c r="BZ34" s="113">
        <v>60024</v>
      </c>
      <c r="CA34" s="116">
        <v>60024</v>
      </c>
      <c r="CB34" s="110">
        <v>0</v>
      </c>
      <c r="CC34" s="114">
        <v>0</v>
      </c>
      <c r="CD34" s="113">
        <v>0</v>
      </c>
      <c r="CE34" s="110">
        <v>0</v>
      </c>
      <c r="CF34" s="114">
        <v>246304</v>
      </c>
      <c r="CG34" s="114">
        <v>198818</v>
      </c>
      <c r="CH34" s="114">
        <v>202590</v>
      </c>
      <c r="CI34" s="114">
        <v>73810</v>
      </c>
      <c r="CJ34" s="114">
        <v>80280</v>
      </c>
      <c r="CK34" s="113">
        <v>801802</v>
      </c>
      <c r="CL34" s="116">
        <v>801802</v>
      </c>
      <c r="CM34" s="110">
        <v>0</v>
      </c>
      <c r="CN34" s="114">
        <v>0</v>
      </c>
      <c r="CO34" s="113">
        <v>0</v>
      </c>
      <c r="CP34" s="111">
        <v>0</v>
      </c>
      <c r="CQ34" s="114">
        <v>197352</v>
      </c>
      <c r="CR34" s="114">
        <v>198818</v>
      </c>
      <c r="CS34" s="114">
        <v>163328</v>
      </c>
      <c r="CT34" s="114">
        <v>73810</v>
      </c>
      <c r="CU34" s="114">
        <v>80280</v>
      </c>
      <c r="CV34" s="113">
        <v>713588</v>
      </c>
      <c r="CW34" s="116">
        <v>713588</v>
      </c>
      <c r="CX34" s="110">
        <v>0</v>
      </c>
      <c r="CY34" s="114">
        <v>0</v>
      </c>
      <c r="CZ34" s="113">
        <v>0</v>
      </c>
      <c r="DA34" s="110">
        <v>0</v>
      </c>
      <c r="DB34" s="114">
        <v>48952</v>
      </c>
      <c r="DC34" s="114">
        <v>0</v>
      </c>
      <c r="DD34" s="114">
        <v>39262</v>
      </c>
      <c r="DE34" s="114">
        <v>0</v>
      </c>
      <c r="DF34" s="114">
        <v>0</v>
      </c>
      <c r="DG34" s="113">
        <v>88214</v>
      </c>
      <c r="DH34" s="116">
        <v>88214</v>
      </c>
      <c r="DI34" s="110">
        <v>0</v>
      </c>
      <c r="DJ34" s="114">
        <v>0</v>
      </c>
      <c r="DK34" s="112">
        <v>0</v>
      </c>
      <c r="DL34" s="111">
        <v>0</v>
      </c>
      <c r="DM34" s="114">
        <v>0</v>
      </c>
      <c r="DN34" s="114">
        <v>0</v>
      </c>
      <c r="DO34" s="114">
        <v>0</v>
      </c>
      <c r="DP34" s="114">
        <v>0</v>
      </c>
      <c r="DQ34" s="114">
        <v>71424</v>
      </c>
      <c r="DR34" s="113">
        <v>71424</v>
      </c>
      <c r="DS34" s="116">
        <v>71424</v>
      </c>
      <c r="DT34" s="110">
        <v>0</v>
      </c>
      <c r="DU34" s="114">
        <v>0</v>
      </c>
      <c r="DV34" s="113">
        <v>0</v>
      </c>
      <c r="DW34" s="110">
        <v>0</v>
      </c>
      <c r="DX34" s="114">
        <v>0</v>
      </c>
      <c r="DY34" s="114">
        <v>0</v>
      </c>
      <c r="DZ34" s="114">
        <v>0</v>
      </c>
      <c r="EA34" s="114">
        <v>0</v>
      </c>
      <c r="EB34" s="114">
        <v>71424</v>
      </c>
      <c r="EC34" s="113">
        <v>71424</v>
      </c>
      <c r="ED34" s="116">
        <v>71424</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4000</v>
      </c>
      <c r="FM34" s="114">
        <v>50600</v>
      </c>
      <c r="FN34" s="113">
        <v>54600</v>
      </c>
      <c r="FO34" s="110">
        <v>0</v>
      </c>
      <c r="FP34" s="114">
        <v>76880</v>
      </c>
      <c r="FQ34" s="114">
        <v>38352</v>
      </c>
      <c r="FR34" s="114">
        <v>28360</v>
      </c>
      <c r="FS34" s="114">
        <v>65040</v>
      </c>
      <c r="FT34" s="114">
        <v>68224</v>
      </c>
      <c r="FU34" s="113">
        <v>276856</v>
      </c>
      <c r="FV34" s="116">
        <v>331456</v>
      </c>
      <c r="FW34" s="115">
        <v>4000</v>
      </c>
      <c r="FX34" s="114">
        <v>0</v>
      </c>
      <c r="FY34" s="112">
        <v>4000</v>
      </c>
      <c r="FZ34" s="111">
        <v>0</v>
      </c>
      <c r="GA34" s="114">
        <v>16880</v>
      </c>
      <c r="GB34" s="114">
        <v>19344</v>
      </c>
      <c r="GC34" s="114">
        <v>28360</v>
      </c>
      <c r="GD34" s="114">
        <v>65040</v>
      </c>
      <c r="GE34" s="114">
        <v>68224</v>
      </c>
      <c r="GF34" s="113">
        <v>197848</v>
      </c>
      <c r="GG34" s="318">
        <v>201848</v>
      </c>
      <c r="GH34" s="115">
        <v>0</v>
      </c>
      <c r="GI34" s="114">
        <v>50600</v>
      </c>
      <c r="GJ34" s="112">
        <v>50600</v>
      </c>
      <c r="GK34" s="111">
        <v>0</v>
      </c>
      <c r="GL34" s="114">
        <v>0</v>
      </c>
      <c r="GM34" s="114">
        <v>19008</v>
      </c>
      <c r="GN34" s="114">
        <v>0</v>
      </c>
      <c r="GO34" s="114">
        <v>0</v>
      </c>
      <c r="GP34" s="114">
        <v>0</v>
      </c>
      <c r="GQ34" s="113">
        <v>19008</v>
      </c>
      <c r="GR34" s="116">
        <v>69608</v>
      </c>
      <c r="GS34" s="110">
        <v>0</v>
      </c>
      <c r="GT34" s="114">
        <v>0</v>
      </c>
      <c r="GU34" s="113">
        <v>0</v>
      </c>
      <c r="GV34" s="110">
        <v>0</v>
      </c>
      <c r="GW34" s="114">
        <v>60000</v>
      </c>
      <c r="GX34" s="114">
        <v>0</v>
      </c>
      <c r="GY34" s="114">
        <v>0</v>
      </c>
      <c r="GZ34" s="114">
        <v>0</v>
      </c>
      <c r="HA34" s="114">
        <v>0</v>
      </c>
      <c r="HB34" s="112">
        <v>60000</v>
      </c>
      <c r="HC34" s="116">
        <v>60000</v>
      </c>
      <c r="HD34" s="110">
        <v>0</v>
      </c>
      <c r="HE34" s="114">
        <v>0</v>
      </c>
      <c r="HF34" s="112">
        <v>0</v>
      </c>
      <c r="HG34" s="111">
        <v>0</v>
      </c>
      <c r="HH34" s="114">
        <v>0</v>
      </c>
      <c r="HI34" s="114">
        <v>351787</v>
      </c>
      <c r="HJ34" s="114">
        <v>0</v>
      </c>
      <c r="HK34" s="114">
        <v>311651</v>
      </c>
      <c r="HL34" s="114">
        <v>370120</v>
      </c>
      <c r="HM34" s="113">
        <v>1033558</v>
      </c>
      <c r="HN34" s="109">
        <v>1033558</v>
      </c>
      <c r="HO34" s="328"/>
      <c r="HP34" s="329"/>
      <c r="HQ34" s="330"/>
      <c r="HR34" s="331"/>
      <c r="HS34" s="329"/>
      <c r="HT34" s="329"/>
      <c r="HU34" s="329"/>
      <c r="HV34" s="329"/>
      <c r="HW34" s="329"/>
      <c r="HX34" s="332"/>
      <c r="HY34" s="333"/>
      <c r="HZ34" s="150">
        <v>0</v>
      </c>
      <c r="IA34" s="135">
        <v>0</v>
      </c>
      <c r="IB34" s="150">
        <v>0</v>
      </c>
      <c r="IC34" s="134">
        <v>0</v>
      </c>
      <c r="ID34" s="135">
        <v>115752</v>
      </c>
      <c r="IE34" s="136">
        <v>0</v>
      </c>
      <c r="IF34" s="137">
        <v>0</v>
      </c>
      <c r="IG34" s="135">
        <v>256080</v>
      </c>
      <c r="IH34" s="137">
        <v>0</v>
      </c>
      <c r="II34" s="138">
        <v>371832</v>
      </c>
      <c r="IJ34" s="150">
        <v>371832</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15752</v>
      </c>
      <c r="JL34" s="119">
        <v>0</v>
      </c>
      <c r="JM34" s="119">
        <v>0</v>
      </c>
      <c r="JN34" s="119">
        <v>0</v>
      </c>
      <c r="JO34" s="119">
        <v>0</v>
      </c>
      <c r="JP34" s="120">
        <v>115752</v>
      </c>
      <c r="JQ34" s="320">
        <v>115752</v>
      </c>
      <c r="JR34" s="142">
        <v>0</v>
      </c>
      <c r="JS34" s="119">
        <v>0</v>
      </c>
      <c r="JT34" s="141">
        <v>0</v>
      </c>
      <c r="JU34" s="118">
        <v>0</v>
      </c>
      <c r="JV34" s="119">
        <v>0</v>
      </c>
      <c r="JW34" s="119">
        <v>0</v>
      </c>
      <c r="JX34" s="119">
        <v>0</v>
      </c>
      <c r="JY34" s="119">
        <v>0</v>
      </c>
      <c r="JZ34" s="119">
        <v>0</v>
      </c>
      <c r="KA34" s="120">
        <v>0</v>
      </c>
      <c r="KB34" s="320">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56080</v>
      </c>
      <c r="LR34" s="119">
        <v>0</v>
      </c>
      <c r="LS34" s="120">
        <v>256080</v>
      </c>
      <c r="LT34" s="320">
        <v>256080</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0</v>
      </c>
      <c r="MN34" s="119">
        <v>271296</v>
      </c>
      <c r="MO34" s="120">
        <v>271296</v>
      </c>
      <c r="MP34" s="143">
        <v>271296</v>
      </c>
      <c r="MQ34" s="142">
        <v>0</v>
      </c>
      <c r="MR34" s="119">
        <v>0</v>
      </c>
      <c r="MS34" s="120">
        <v>0</v>
      </c>
      <c r="MT34" s="145"/>
      <c r="MU34" s="119">
        <v>0</v>
      </c>
      <c r="MV34" s="119">
        <v>0</v>
      </c>
      <c r="MW34" s="119">
        <v>0</v>
      </c>
      <c r="MX34" s="119">
        <v>0</v>
      </c>
      <c r="MY34" s="119">
        <v>271296</v>
      </c>
      <c r="MZ34" s="120">
        <v>271296</v>
      </c>
      <c r="NA34" s="143">
        <v>271296</v>
      </c>
      <c r="NB34" s="142">
        <v>0</v>
      </c>
      <c r="NC34" s="119">
        <v>0</v>
      </c>
      <c r="ND34" s="120">
        <v>0</v>
      </c>
      <c r="NE34" s="145"/>
      <c r="NF34" s="119">
        <v>0</v>
      </c>
      <c r="NG34" s="119">
        <v>0</v>
      </c>
      <c r="NH34" s="119">
        <v>0</v>
      </c>
      <c r="NI34" s="119">
        <v>0</v>
      </c>
      <c r="NJ34" s="119">
        <v>0</v>
      </c>
      <c r="NK34" s="120">
        <v>0</v>
      </c>
      <c r="NL34" s="320">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4000</v>
      </c>
      <c r="OJ34" s="119">
        <v>65288</v>
      </c>
      <c r="OK34" s="141">
        <v>69288</v>
      </c>
      <c r="OL34" s="118">
        <v>0</v>
      </c>
      <c r="OM34" s="119">
        <v>438936</v>
      </c>
      <c r="ON34" s="119">
        <v>632205</v>
      </c>
      <c r="OO34" s="119">
        <v>242094</v>
      </c>
      <c r="OP34" s="119">
        <v>898485</v>
      </c>
      <c r="OQ34" s="119">
        <v>941448</v>
      </c>
      <c r="OR34" s="120">
        <v>3153168</v>
      </c>
      <c r="OS34" s="143">
        <v>3222456</v>
      </c>
    </row>
    <row r="35" spans="2:409" ht="20.25" customHeight="1" x14ac:dyDescent="0.2">
      <c r="B35" s="126" t="s">
        <v>30</v>
      </c>
      <c r="C35" s="110">
        <v>0</v>
      </c>
      <c r="D35" s="114">
        <v>0</v>
      </c>
      <c r="E35" s="174">
        <v>0</v>
      </c>
      <c r="F35" s="175">
        <v>0</v>
      </c>
      <c r="G35" s="176">
        <v>411283</v>
      </c>
      <c r="H35" s="176">
        <v>87548</v>
      </c>
      <c r="I35" s="176">
        <v>45688</v>
      </c>
      <c r="J35" s="176">
        <v>475265</v>
      </c>
      <c r="K35" s="176">
        <v>214458</v>
      </c>
      <c r="L35" s="177">
        <v>1234242</v>
      </c>
      <c r="M35" s="116">
        <v>1234242</v>
      </c>
      <c r="N35" s="110">
        <v>0</v>
      </c>
      <c r="O35" s="114">
        <v>0</v>
      </c>
      <c r="P35" s="113">
        <v>0</v>
      </c>
      <c r="Q35" s="110">
        <v>0</v>
      </c>
      <c r="R35" s="114">
        <v>166064</v>
      </c>
      <c r="S35" s="114">
        <v>49140</v>
      </c>
      <c r="T35" s="114">
        <v>28568</v>
      </c>
      <c r="U35" s="114">
        <v>227273</v>
      </c>
      <c r="V35" s="114">
        <v>133874</v>
      </c>
      <c r="W35" s="113">
        <v>604919</v>
      </c>
      <c r="X35" s="116">
        <v>604919</v>
      </c>
      <c r="Y35" s="110">
        <v>0</v>
      </c>
      <c r="Z35" s="114">
        <v>0</v>
      </c>
      <c r="AA35" s="113">
        <v>0</v>
      </c>
      <c r="AB35" s="110">
        <v>0</v>
      </c>
      <c r="AC35" s="114">
        <v>114392</v>
      </c>
      <c r="AD35" s="114">
        <v>46852</v>
      </c>
      <c r="AE35" s="114">
        <v>28568</v>
      </c>
      <c r="AF35" s="114">
        <v>37728</v>
      </c>
      <c r="AG35" s="114">
        <v>64608</v>
      </c>
      <c r="AH35" s="113">
        <v>292148</v>
      </c>
      <c r="AI35" s="116">
        <v>292148</v>
      </c>
      <c r="AJ35" s="110">
        <v>0</v>
      </c>
      <c r="AK35" s="114">
        <v>0</v>
      </c>
      <c r="AL35" s="113">
        <v>0</v>
      </c>
      <c r="AM35" s="110">
        <v>0</v>
      </c>
      <c r="AN35" s="114">
        <v>0</v>
      </c>
      <c r="AO35" s="114">
        <v>0</v>
      </c>
      <c r="AP35" s="114">
        <v>0</v>
      </c>
      <c r="AQ35" s="114">
        <v>90161</v>
      </c>
      <c r="AR35" s="114">
        <v>33810</v>
      </c>
      <c r="AS35" s="113">
        <v>123971</v>
      </c>
      <c r="AT35" s="116">
        <v>123971</v>
      </c>
      <c r="AU35" s="110">
        <v>0</v>
      </c>
      <c r="AV35" s="114">
        <v>0</v>
      </c>
      <c r="AW35" s="113">
        <v>0</v>
      </c>
      <c r="AX35" s="110">
        <v>0</v>
      </c>
      <c r="AY35" s="114">
        <v>42072</v>
      </c>
      <c r="AZ35" s="114">
        <v>0</v>
      </c>
      <c r="BA35" s="114">
        <v>0</v>
      </c>
      <c r="BB35" s="114">
        <v>75720</v>
      </c>
      <c r="BC35" s="114">
        <v>35456</v>
      </c>
      <c r="BD35" s="113">
        <v>153248</v>
      </c>
      <c r="BE35" s="116">
        <v>153248</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9600</v>
      </c>
      <c r="BV35" s="114">
        <v>2288</v>
      </c>
      <c r="BW35" s="114">
        <v>0</v>
      </c>
      <c r="BX35" s="114">
        <v>23664</v>
      </c>
      <c r="BY35" s="114">
        <v>0</v>
      </c>
      <c r="BZ35" s="113">
        <v>35552</v>
      </c>
      <c r="CA35" s="116">
        <v>35552</v>
      </c>
      <c r="CB35" s="110">
        <v>0</v>
      </c>
      <c r="CC35" s="114">
        <v>0</v>
      </c>
      <c r="CD35" s="113">
        <v>0</v>
      </c>
      <c r="CE35" s="110">
        <v>0</v>
      </c>
      <c r="CF35" s="114">
        <v>65436</v>
      </c>
      <c r="CG35" s="114">
        <v>0</v>
      </c>
      <c r="CH35" s="114">
        <v>0</v>
      </c>
      <c r="CI35" s="114">
        <v>153272</v>
      </c>
      <c r="CJ35" s="114">
        <v>0</v>
      </c>
      <c r="CK35" s="113">
        <v>218708</v>
      </c>
      <c r="CL35" s="116">
        <v>218708</v>
      </c>
      <c r="CM35" s="110">
        <v>0</v>
      </c>
      <c r="CN35" s="114">
        <v>0</v>
      </c>
      <c r="CO35" s="113">
        <v>0</v>
      </c>
      <c r="CP35" s="111">
        <v>0</v>
      </c>
      <c r="CQ35" s="114">
        <v>9817</v>
      </c>
      <c r="CR35" s="114">
        <v>0</v>
      </c>
      <c r="CS35" s="114">
        <v>0</v>
      </c>
      <c r="CT35" s="114">
        <v>153272</v>
      </c>
      <c r="CU35" s="114">
        <v>0</v>
      </c>
      <c r="CV35" s="113">
        <v>163089</v>
      </c>
      <c r="CW35" s="116">
        <v>163089</v>
      </c>
      <c r="CX35" s="110">
        <v>0</v>
      </c>
      <c r="CY35" s="114">
        <v>0</v>
      </c>
      <c r="CZ35" s="113">
        <v>0</v>
      </c>
      <c r="DA35" s="110">
        <v>0</v>
      </c>
      <c r="DB35" s="114">
        <v>55619</v>
      </c>
      <c r="DC35" s="114">
        <v>0</v>
      </c>
      <c r="DD35" s="114">
        <v>0</v>
      </c>
      <c r="DE35" s="114">
        <v>0</v>
      </c>
      <c r="DF35" s="114">
        <v>0</v>
      </c>
      <c r="DG35" s="113">
        <v>55619</v>
      </c>
      <c r="DH35" s="116">
        <v>55619</v>
      </c>
      <c r="DI35" s="110">
        <v>0</v>
      </c>
      <c r="DJ35" s="114">
        <v>0</v>
      </c>
      <c r="DK35" s="112">
        <v>0</v>
      </c>
      <c r="DL35" s="111">
        <v>0</v>
      </c>
      <c r="DM35" s="114">
        <v>20697</v>
      </c>
      <c r="DN35" s="114">
        <v>24808</v>
      </c>
      <c r="DO35" s="114">
        <v>0</v>
      </c>
      <c r="DP35" s="114">
        <v>32992</v>
      </c>
      <c r="DQ35" s="114">
        <v>63984</v>
      </c>
      <c r="DR35" s="113">
        <v>142481</v>
      </c>
      <c r="DS35" s="116">
        <v>142481</v>
      </c>
      <c r="DT35" s="110">
        <v>0</v>
      </c>
      <c r="DU35" s="114">
        <v>0</v>
      </c>
      <c r="DV35" s="113">
        <v>0</v>
      </c>
      <c r="DW35" s="110">
        <v>0</v>
      </c>
      <c r="DX35" s="114">
        <v>20697</v>
      </c>
      <c r="DY35" s="114">
        <v>24808</v>
      </c>
      <c r="DZ35" s="114">
        <v>0</v>
      </c>
      <c r="EA35" s="114">
        <v>32992</v>
      </c>
      <c r="EB35" s="114">
        <v>0</v>
      </c>
      <c r="EC35" s="113">
        <v>78497</v>
      </c>
      <c r="ED35" s="116">
        <v>78497</v>
      </c>
      <c r="EE35" s="110">
        <v>0</v>
      </c>
      <c r="EF35" s="112">
        <v>0</v>
      </c>
      <c r="EG35" s="113">
        <v>0</v>
      </c>
      <c r="EH35" s="110">
        <v>0</v>
      </c>
      <c r="EI35" s="114">
        <v>0</v>
      </c>
      <c r="EJ35" s="114">
        <v>0</v>
      </c>
      <c r="EK35" s="114">
        <v>0</v>
      </c>
      <c r="EL35" s="114">
        <v>0</v>
      </c>
      <c r="EM35" s="114">
        <v>63984</v>
      </c>
      <c r="EN35" s="112">
        <v>63984</v>
      </c>
      <c r="EO35" s="116">
        <v>63984</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0</v>
      </c>
      <c r="FM35" s="114">
        <v>0</v>
      </c>
      <c r="FN35" s="113">
        <v>0</v>
      </c>
      <c r="FO35" s="110">
        <v>0</v>
      </c>
      <c r="FP35" s="114">
        <v>640</v>
      </c>
      <c r="FQ35" s="114">
        <v>13600</v>
      </c>
      <c r="FR35" s="114">
        <v>17120</v>
      </c>
      <c r="FS35" s="114">
        <v>61728</v>
      </c>
      <c r="FT35" s="114">
        <v>16600</v>
      </c>
      <c r="FU35" s="113">
        <v>109688</v>
      </c>
      <c r="FV35" s="116">
        <v>109688</v>
      </c>
      <c r="FW35" s="115">
        <v>0</v>
      </c>
      <c r="FX35" s="114">
        <v>0</v>
      </c>
      <c r="FY35" s="112">
        <v>0</v>
      </c>
      <c r="FZ35" s="111">
        <v>0</v>
      </c>
      <c r="GA35" s="114">
        <v>640</v>
      </c>
      <c r="GB35" s="114">
        <v>13600</v>
      </c>
      <c r="GC35" s="114">
        <v>17120</v>
      </c>
      <c r="GD35" s="114">
        <v>61728</v>
      </c>
      <c r="GE35" s="114">
        <v>16600</v>
      </c>
      <c r="GF35" s="113">
        <v>109688</v>
      </c>
      <c r="GG35" s="318">
        <v>109688</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158446</v>
      </c>
      <c r="HI35" s="114">
        <v>0</v>
      </c>
      <c r="HJ35" s="114">
        <v>0</v>
      </c>
      <c r="HK35" s="114">
        <v>0</v>
      </c>
      <c r="HL35" s="114">
        <v>0</v>
      </c>
      <c r="HM35" s="113">
        <v>158446</v>
      </c>
      <c r="HN35" s="109">
        <v>158446</v>
      </c>
      <c r="HO35" s="328"/>
      <c r="HP35" s="329"/>
      <c r="HQ35" s="330"/>
      <c r="HR35" s="331"/>
      <c r="HS35" s="329"/>
      <c r="HT35" s="329"/>
      <c r="HU35" s="329"/>
      <c r="HV35" s="329"/>
      <c r="HW35" s="329"/>
      <c r="HX35" s="332"/>
      <c r="HY35" s="333"/>
      <c r="HZ35" s="131">
        <v>0</v>
      </c>
      <c r="IA35" s="132">
        <v>0</v>
      </c>
      <c r="IB35" s="133">
        <v>0</v>
      </c>
      <c r="IC35" s="146">
        <v>0</v>
      </c>
      <c r="ID35" s="132">
        <v>36243</v>
      </c>
      <c r="IE35" s="147">
        <v>295976</v>
      </c>
      <c r="IF35" s="133">
        <v>0</v>
      </c>
      <c r="IG35" s="132">
        <v>238488</v>
      </c>
      <c r="IH35" s="133">
        <v>0</v>
      </c>
      <c r="II35" s="148">
        <v>570707</v>
      </c>
      <c r="IJ35" s="139">
        <v>570707</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36243</v>
      </c>
      <c r="JL35" s="119">
        <v>97576</v>
      </c>
      <c r="JM35" s="119">
        <v>0</v>
      </c>
      <c r="JN35" s="119">
        <v>0</v>
      </c>
      <c r="JO35" s="119">
        <v>0</v>
      </c>
      <c r="JP35" s="120">
        <v>133819</v>
      </c>
      <c r="JQ35" s="320">
        <v>133819</v>
      </c>
      <c r="JR35" s="142">
        <v>0</v>
      </c>
      <c r="JS35" s="119">
        <v>0</v>
      </c>
      <c r="JT35" s="141">
        <v>0</v>
      </c>
      <c r="JU35" s="118">
        <v>0</v>
      </c>
      <c r="JV35" s="119">
        <v>0</v>
      </c>
      <c r="JW35" s="119">
        <v>0</v>
      </c>
      <c r="JX35" s="119">
        <v>0</v>
      </c>
      <c r="JY35" s="119">
        <v>0</v>
      </c>
      <c r="JZ35" s="119">
        <v>0</v>
      </c>
      <c r="KA35" s="120">
        <v>0</v>
      </c>
      <c r="KB35" s="320">
        <v>0</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198400</v>
      </c>
      <c r="KT35" s="119">
        <v>0</v>
      </c>
      <c r="KU35" s="119">
        <v>238488</v>
      </c>
      <c r="KV35" s="119">
        <v>0</v>
      </c>
      <c r="KW35" s="120">
        <v>436888</v>
      </c>
      <c r="KX35" s="320">
        <v>43688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0</v>
      </c>
      <c r="MK35" s="119">
        <v>0</v>
      </c>
      <c r="ML35" s="119">
        <v>395217</v>
      </c>
      <c r="MM35" s="119">
        <v>1037175</v>
      </c>
      <c r="MN35" s="119">
        <v>693795</v>
      </c>
      <c r="MO35" s="120">
        <v>2126187</v>
      </c>
      <c r="MP35" s="143">
        <v>2126187</v>
      </c>
      <c r="MQ35" s="142">
        <v>0</v>
      </c>
      <c r="MR35" s="119">
        <v>0</v>
      </c>
      <c r="MS35" s="120">
        <v>0</v>
      </c>
      <c r="MT35" s="145"/>
      <c r="MU35" s="119">
        <v>0</v>
      </c>
      <c r="MV35" s="119">
        <v>0</v>
      </c>
      <c r="MW35" s="119">
        <v>0</v>
      </c>
      <c r="MX35" s="119">
        <v>471824</v>
      </c>
      <c r="MY35" s="119">
        <v>0</v>
      </c>
      <c r="MZ35" s="120">
        <v>471824</v>
      </c>
      <c r="NA35" s="143">
        <v>471824</v>
      </c>
      <c r="NB35" s="142">
        <v>0</v>
      </c>
      <c r="NC35" s="119">
        <v>0</v>
      </c>
      <c r="ND35" s="120">
        <v>0</v>
      </c>
      <c r="NE35" s="145"/>
      <c r="NF35" s="119">
        <v>0</v>
      </c>
      <c r="NG35" s="119">
        <v>0</v>
      </c>
      <c r="NH35" s="119">
        <v>395217</v>
      </c>
      <c r="NI35" s="119">
        <v>565351</v>
      </c>
      <c r="NJ35" s="119">
        <v>286521</v>
      </c>
      <c r="NK35" s="120">
        <v>1247089</v>
      </c>
      <c r="NL35" s="320">
        <v>1247089</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407274</v>
      </c>
      <c r="OG35" s="120">
        <v>407274</v>
      </c>
      <c r="OH35" s="121">
        <v>407274</v>
      </c>
      <c r="OI35" s="142">
        <v>0</v>
      </c>
      <c r="OJ35" s="119">
        <v>0</v>
      </c>
      <c r="OK35" s="141">
        <v>0</v>
      </c>
      <c r="OL35" s="118">
        <v>0</v>
      </c>
      <c r="OM35" s="119">
        <v>447526</v>
      </c>
      <c r="ON35" s="119">
        <v>383524</v>
      </c>
      <c r="OO35" s="119">
        <v>440905</v>
      </c>
      <c r="OP35" s="119">
        <v>1750928</v>
      </c>
      <c r="OQ35" s="119">
        <v>908253</v>
      </c>
      <c r="OR35" s="120">
        <v>3931136</v>
      </c>
      <c r="OS35" s="143">
        <v>3931136</v>
      </c>
    </row>
    <row r="36" spans="2:409" ht="20.25" customHeight="1" x14ac:dyDescent="0.2">
      <c r="B36" s="126" t="s">
        <v>31</v>
      </c>
      <c r="C36" s="110">
        <v>15072</v>
      </c>
      <c r="D36" s="114">
        <v>7200</v>
      </c>
      <c r="E36" s="113">
        <v>22272</v>
      </c>
      <c r="F36" s="109">
        <v>0</v>
      </c>
      <c r="G36" s="114">
        <v>196372</v>
      </c>
      <c r="H36" s="114">
        <v>861108</v>
      </c>
      <c r="I36" s="114">
        <v>208752</v>
      </c>
      <c r="J36" s="114">
        <v>219992</v>
      </c>
      <c r="K36" s="114">
        <v>0</v>
      </c>
      <c r="L36" s="173">
        <v>1486224</v>
      </c>
      <c r="M36" s="116">
        <v>1508496</v>
      </c>
      <c r="N36" s="110">
        <v>4448</v>
      </c>
      <c r="O36" s="114">
        <v>0</v>
      </c>
      <c r="P36" s="113">
        <v>4448</v>
      </c>
      <c r="Q36" s="110">
        <v>0</v>
      </c>
      <c r="R36" s="114">
        <v>94120</v>
      </c>
      <c r="S36" s="114">
        <v>194934</v>
      </c>
      <c r="T36" s="114">
        <v>160552</v>
      </c>
      <c r="U36" s="114">
        <v>110648</v>
      </c>
      <c r="V36" s="114">
        <v>0</v>
      </c>
      <c r="W36" s="113">
        <v>560254</v>
      </c>
      <c r="X36" s="116">
        <v>564702</v>
      </c>
      <c r="Y36" s="110">
        <v>0</v>
      </c>
      <c r="Z36" s="114">
        <v>0</v>
      </c>
      <c r="AA36" s="113">
        <v>0</v>
      </c>
      <c r="AB36" s="110">
        <v>0</v>
      </c>
      <c r="AC36" s="114">
        <v>44232</v>
      </c>
      <c r="AD36" s="114">
        <v>35606</v>
      </c>
      <c r="AE36" s="114">
        <v>0</v>
      </c>
      <c r="AF36" s="114">
        <v>0</v>
      </c>
      <c r="AG36" s="114">
        <v>0</v>
      </c>
      <c r="AH36" s="113">
        <v>79838</v>
      </c>
      <c r="AI36" s="116">
        <v>79838</v>
      </c>
      <c r="AJ36" s="110">
        <v>0</v>
      </c>
      <c r="AK36" s="114">
        <v>0</v>
      </c>
      <c r="AL36" s="113">
        <v>0</v>
      </c>
      <c r="AM36" s="110">
        <v>0</v>
      </c>
      <c r="AN36" s="114">
        <v>0</v>
      </c>
      <c r="AO36" s="114">
        <v>43264</v>
      </c>
      <c r="AP36" s="114">
        <v>96256</v>
      </c>
      <c r="AQ36" s="114">
        <v>12536</v>
      </c>
      <c r="AR36" s="114">
        <v>0</v>
      </c>
      <c r="AS36" s="113">
        <v>152056</v>
      </c>
      <c r="AT36" s="116">
        <v>152056</v>
      </c>
      <c r="AU36" s="110">
        <v>4448</v>
      </c>
      <c r="AV36" s="114">
        <v>0</v>
      </c>
      <c r="AW36" s="113">
        <v>4448</v>
      </c>
      <c r="AX36" s="110">
        <v>0</v>
      </c>
      <c r="AY36" s="114">
        <v>20416</v>
      </c>
      <c r="AZ36" s="114">
        <v>31240</v>
      </c>
      <c r="BA36" s="114">
        <v>64296</v>
      </c>
      <c r="BB36" s="114">
        <v>57272</v>
      </c>
      <c r="BC36" s="114">
        <v>0</v>
      </c>
      <c r="BD36" s="113">
        <v>173224</v>
      </c>
      <c r="BE36" s="116">
        <v>177672</v>
      </c>
      <c r="BF36" s="110">
        <v>0</v>
      </c>
      <c r="BG36" s="114">
        <v>0</v>
      </c>
      <c r="BH36" s="112">
        <v>0</v>
      </c>
      <c r="BI36" s="111">
        <v>0</v>
      </c>
      <c r="BJ36" s="114">
        <v>29472</v>
      </c>
      <c r="BK36" s="114">
        <v>73680</v>
      </c>
      <c r="BL36" s="114">
        <v>0</v>
      </c>
      <c r="BM36" s="114">
        <v>35384</v>
      </c>
      <c r="BN36" s="114">
        <v>0</v>
      </c>
      <c r="BO36" s="113">
        <v>138536</v>
      </c>
      <c r="BP36" s="116">
        <v>138536</v>
      </c>
      <c r="BQ36" s="110">
        <v>0</v>
      </c>
      <c r="BR36" s="114">
        <v>0</v>
      </c>
      <c r="BS36" s="113">
        <v>0</v>
      </c>
      <c r="BT36" s="110">
        <v>0</v>
      </c>
      <c r="BU36" s="114">
        <v>0</v>
      </c>
      <c r="BV36" s="114">
        <v>11144</v>
      </c>
      <c r="BW36" s="114">
        <v>0</v>
      </c>
      <c r="BX36" s="114">
        <v>5456</v>
      </c>
      <c r="BY36" s="114">
        <v>0</v>
      </c>
      <c r="BZ36" s="113">
        <v>16600</v>
      </c>
      <c r="CA36" s="116">
        <v>16600</v>
      </c>
      <c r="CB36" s="110">
        <v>0</v>
      </c>
      <c r="CC36" s="114">
        <v>0</v>
      </c>
      <c r="CD36" s="113">
        <v>0</v>
      </c>
      <c r="CE36" s="110">
        <v>0</v>
      </c>
      <c r="CF36" s="114">
        <v>89692</v>
      </c>
      <c r="CG36" s="114">
        <v>514134</v>
      </c>
      <c r="CH36" s="114">
        <v>0</v>
      </c>
      <c r="CI36" s="114">
        <v>67200</v>
      </c>
      <c r="CJ36" s="114">
        <v>0</v>
      </c>
      <c r="CK36" s="113">
        <v>671026</v>
      </c>
      <c r="CL36" s="116">
        <v>671026</v>
      </c>
      <c r="CM36" s="110">
        <v>0</v>
      </c>
      <c r="CN36" s="114">
        <v>0</v>
      </c>
      <c r="CO36" s="113">
        <v>0</v>
      </c>
      <c r="CP36" s="111">
        <v>0</v>
      </c>
      <c r="CQ36" s="114">
        <v>89692</v>
      </c>
      <c r="CR36" s="114">
        <v>237619</v>
      </c>
      <c r="CS36" s="114">
        <v>0</v>
      </c>
      <c r="CT36" s="114">
        <v>0</v>
      </c>
      <c r="CU36" s="114">
        <v>0</v>
      </c>
      <c r="CV36" s="113">
        <v>327311</v>
      </c>
      <c r="CW36" s="116">
        <v>327311</v>
      </c>
      <c r="CX36" s="110">
        <v>0</v>
      </c>
      <c r="CY36" s="114">
        <v>0</v>
      </c>
      <c r="CZ36" s="113">
        <v>0</v>
      </c>
      <c r="DA36" s="110">
        <v>0</v>
      </c>
      <c r="DB36" s="114">
        <v>0</v>
      </c>
      <c r="DC36" s="114">
        <v>276515</v>
      </c>
      <c r="DD36" s="114">
        <v>0</v>
      </c>
      <c r="DE36" s="114">
        <v>67200</v>
      </c>
      <c r="DF36" s="114">
        <v>0</v>
      </c>
      <c r="DG36" s="113">
        <v>343715</v>
      </c>
      <c r="DH36" s="116">
        <v>343715</v>
      </c>
      <c r="DI36" s="110">
        <v>0</v>
      </c>
      <c r="DJ36" s="114">
        <v>0</v>
      </c>
      <c r="DK36" s="112">
        <v>0</v>
      </c>
      <c r="DL36" s="111">
        <v>0</v>
      </c>
      <c r="DM36" s="114">
        <v>0</v>
      </c>
      <c r="DN36" s="114">
        <v>22048</v>
      </c>
      <c r="DO36" s="114">
        <v>0</v>
      </c>
      <c r="DP36" s="114">
        <v>0</v>
      </c>
      <c r="DQ36" s="114">
        <v>0</v>
      </c>
      <c r="DR36" s="113">
        <v>22048</v>
      </c>
      <c r="DS36" s="116">
        <v>22048</v>
      </c>
      <c r="DT36" s="110">
        <v>0</v>
      </c>
      <c r="DU36" s="114">
        <v>0</v>
      </c>
      <c r="DV36" s="113">
        <v>0</v>
      </c>
      <c r="DW36" s="110">
        <v>0</v>
      </c>
      <c r="DX36" s="114">
        <v>0</v>
      </c>
      <c r="DY36" s="114">
        <v>22048</v>
      </c>
      <c r="DZ36" s="114">
        <v>0</v>
      </c>
      <c r="EA36" s="114">
        <v>0</v>
      </c>
      <c r="EB36" s="114">
        <v>0</v>
      </c>
      <c r="EC36" s="113">
        <v>22048</v>
      </c>
      <c r="ED36" s="116">
        <v>22048</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10624</v>
      </c>
      <c r="FM36" s="114">
        <v>7200</v>
      </c>
      <c r="FN36" s="113">
        <v>17824</v>
      </c>
      <c r="FO36" s="110">
        <v>0</v>
      </c>
      <c r="FP36" s="114">
        <v>12560</v>
      </c>
      <c r="FQ36" s="114">
        <v>129992</v>
      </c>
      <c r="FR36" s="114">
        <v>48200</v>
      </c>
      <c r="FS36" s="114">
        <v>42144</v>
      </c>
      <c r="FT36" s="114">
        <v>0</v>
      </c>
      <c r="FU36" s="113">
        <v>232896</v>
      </c>
      <c r="FV36" s="116">
        <v>250720</v>
      </c>
      <c r="FW36" s="115">
        <v>10624</v>
      </c>
      <c r="FX36" s="114">
        <v>7200</v>
      </c>
      <c r="FY36" s="112">
        <v>17824</v>
      </c>
      <c r="FZ36" s="111">
        <v>0</v>
      </c>
      <c r="GA36" s="114">
        <v>12560</v>
      </c>
      <c r="GB36" s="114">
        <v>115752</v>
      </c>
      <c r="GC36" s="114">
        <v>48200</v>
      </c>
      <c r="GD36" s="114">
        <v>42144</v>
      </c>
      <c r="GE36" s="114">
        <v>0</v>
      </c>
      <c r="GF36" s="113">
        <v>218656</v>
      </c>
      <c r="GG36" s="318">
        <v>236480</v>
      </c>
      <c r="GH36" s="115">
        <v>0</v>
      </c>
      <c r="GI36" s="114">
        <v>0</v>
      </c>
      <c r="GJ36" s="112">
        <v>0</v>
      </c>
      <c r="GK36" s="111">
        <v>0</v>
      </c>
      <c r="GL36" s="114">
        <v>0</v>
      </c>
      <c r="GM36" s="114">
        <v>14240</v>
      </c>
      <c r="GN36" s="114">
        <v>0</v>
      </c>
      <c r="GO36" s="114">
        <v>0</v>
      </c>
      <c r="GP36" s="114">
        <v>0</v>
      </c>
      <c r="GQ36" s="113">
        <v>14240</v>
      </c>
      <c r="GR36" s="116">
        <v>1424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0</v>
      </c>
      <c r="HI36" s="114">
        <v>0</v>
      </c>
      <c r="HJ36" s="114">
        <v>0</v>
      </c>
      <c r="HK36" s="114">
        <v>0</v>
      </c>
      <c r="HL36" s="114">
        <v>0</v>
      </c>
      <c r="HM36" s="113">
        <v>0</v>
      </c>
      <c r="HN36" s="109">
        <v>0</v>
      </c>
      <c r="HO36" s="328"/>
      <c r="HP36" s="329"/>
      <c r="HQ36" s="330"/>
      <c r="HR36" s="331"/>
      <c r="HS36" s="329"/>
      <c r="HT36" s="329"/>
      <c r="HU36" s="329"/>
      <c r="HV36" s="329"/>
      <c r="HW36" s="329"/>
      <c r="HX36" s="332"/>
      <c r="HY36" s="333"/>
      <c r="HZ36" s="150">
        <v>0</v>
      </c>
      <c r="IA36" s="135">
        <v>0</v>
      </c>
      <c r="IB36" s="150">
        <v>0</v>
      </c>
      <c r="IC36" s="134">
        <v>0</v>
      </c>
      <c r="ID36" s="135">
        <v>170942</v>
      </c>
      <c r="IE36" s="136">
        <v>783907</v>
      </c>
      <c r="IF36" s="137">
        <v>115973</v>
      </c>
      <c r="IG36" s="135">
        <v>247318</v>
      </c>
      <c r="IH36" s="137">
        <v>0</v>
      </c>
      <c r="II36" s="138">
        <v>1318140</v>
      </c>
      <c r="IJ36" s="150">
        <v>1318140</v>
      </c>
      <c r="IK36" s="232">
        <v>0</v>
      </c>
      <c r="IL36" s="236">
        <v>0</v>
      </c>
      <c r="IM36" s="237">
        <v>0</v>
      </c>
      <c r="IN36" s="140"/>
      <c r="IO36" s="119">
        <v>0</v>
      </c>
      <c r="IP36" s="119">
        <v>0</v>
      </c>
      <c r="IQ36" s="119">
        <v>0</v>
      </c>
      <c r="IR36" s="119">
        <v>0</v>
      </c>
      <c r="IS36" s="119">
        <v>0</v>
      </c>
      <c r="IT36" s="141">
        <v>0</v>
      </c>
      <c r="IU36" s="320">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36414</v>
      </c>
      <c r="JL36" s="119">
        <v>32771</v>
      </c>
      <c r="JM36" s="119">
        <v>0</v>
      </c>
      <c r="JN36" s="119">
        <v>0</v>
      </c>
      <c r="JO36" s="119">
        <v>0</v>
      </c>
      <c r="JP36" s="120">
        <v>69185</v>
      </c>
      <c r="JQ36" s="320">
        <v>69185</v>
      </c>
      <c r="JR36" s="142">
        <v>0</v>
      </c>
      <c r="JS36" s="119">
        <v>0</v>
      </c>
      <c r="JT36" s="141">
        <v>0</v>
      </c>
      <c r="JU36" s="118">
        <v>0</v>
      </c>
      <c r="JV36" s="119">
        <v>0</v>
      </c>
      <c r="JW36" s="119">
        <v>0</v>
      </c>
      <c r="JX36" s="119">
        <v>115973</v>
      </c>
      <c r="JY36" s="119">
        <v>0</v>
      </c>
      <c r="JZ36" s="119">
        <v>0</v>
      </c>
      <c r="KA36" s="120">
        <v>115973</v>
      </c>
      <c r="KB36" s="320">
        <v>115973</v>
      </c>
      <c r="KC36" s="234">
        <v>0</v>
      </c>
      <c r="KD36" s="230">
        <v>0</v>
      </c>
      <c r="KE36" s="120">
        <v>0</v>
      </c>
      <c r="KF36" s="118">
        <v>0</v>
      </c>
      <c r="KG36" s="119">
        <v>134528</v>
      </c>
      <c r="KH36" s="119">
        <v>0</v>
      </c>
      <c r="KI36" s="119">
        <v>0</v>
      </c>
      <c r="KJ36" s="119">
        <v>0</v>
      </c>
      <c r="KK36" s="119">
        <v>0</v>
      </c>
      <c r="KL36" s="120">
        <v>134528</v>
      </c>
      <c r="KM36" s="143">
        <v>134528</v>
      </c>
      <c r="KN36" s="232">
        <v>0</v>
      </c>
      <c r="KO36" s="236">
        <v>0</v>
      </c>
      <c r="KP36" s="237">
        <v>0</v>
      </c>
      <c r="KQ36" s="140"/>
      <c r="KR36" s="119">
        <v>0</v>
      </c>
      <c r="KS36" s="119">
        <v>751136</v>
      </c>
      <c r="KT36" s="119">
        <v>0</v>
      </c>
      <c r="KU36" s="119">
        <v>247318</v>
      </c>
      <c r="KV36" s="119">
        <v>0</v>
      </c>
      <c r="KW36" s="120">
        <v>998454</v>
      </c>
      <c r="KX36" s="320">
        <v>998454</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31120</v>
      </c>
      <c r="ML36" s="119">
        <v>468456</v>
      </c>
      <c r="MM36" s="119">
        <v>30679</v>
      </c>
      <c r="MN36" s="119">
        <v>0</v>
      </c>
      <c r="MO36" s="120">
        <v>730255</v>
      </c>
      <c r="MP36" s="143">
        <v>730255</v>
      </c>
      <c r="MQ36" s="142">
        <v>0</v>
      </c>
      <c r="MR36" s="119">
        <v>0</v>
      </c>
      <c r="MS36" s="120">
        <v>0</v>
      </c>
      <c r="MT36" s="145"/>
      <c r="MU36" s="119">
        <v>0</v>
      </c>
      <c r="MV36" s="119">
        <v>0</v>
      </c>
      <c r="MW36" s="119">
        <v>468456</v>
      </c>
      <c r="MX36" s="119">
        <v>30679</v>
      </c>
      <c r="MY36" s="119">
        <v>0</v>
      </c>
      <c r="MZ36" s="120">
        <v>499135</v>
      </c>
      <c r="NA36" s="143">
        <v>499135</v>
      </c>
      <c r="NB36" s="142">
        <v>0</v>
      </c>
      <c r="NC36" s="119">
        <v>0</v>
      </c>
      <c r="ND36" s="120">
        <v>0</v>
      </c>
      <c r="NE36" s="145"/>
      <c r="NF36" s="119">
        <v>0</v>
      </c>
      <c r="NG36" s="119">
        <v>231120</v>
      </c>
      <c r="NH36" s="119">
        <v>0</v>
      </c>
      <c r="NI36" s="119">
        <v>0</v>
      </c>
      <c r="NJ36" s="119">
        <v>0</v>
      </c>
      <c r="NK36" s="120">
        <v>231120</v>
      </c>
      <c r="NL36" s="320">
        <v>231120</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5072</v>
      </c>
      <c r="OJ36" s="119">
        <v>7200</v>
      </c>
      <c r="OK36" s="141">
        <v>22272</v>
      </c>
      <c r="OL36" s="118">
        <v>0</v>
      </c>
      <c r="OM36" s="119">
        <v>367314</v>
      </c>
      <c r="ON36" s="119">
        <v>1876135</v>
      </c>
      <c r="OO36" s="119">
        <v>793181</v>
      </c>
      <c r="OP36" s="119">
        <v>497989</v>
      </c>
      <c r="OQ36" s="119">
        <v>0</v>
      </c>
      <c r="OR36" s="120">
        <v>3534619</v>
      </c>
      <c r="OS36" s="143">
        <v>3556891</v>
      </c>
    </row>
    <row r="37" spans="2:409" ht="20.25" customHeight="1" x14ac:dyDescent="0.2">
      <c r="B37" s="126" t="s">
        <v>32</v>
      </c>
      <c r="C37" s="110">
        <v>0</v>
      </c>
      <c r="D37" s="114">
        <v>22976</v>
      </c>
      <c r="E37" s="174">
        <v>22976</v>
      </c>
      <c r="F37" s="175">
        <v>0</v>
      </c>
      <c r="G37" s="176">
        <v>278429</v>
      </c>
      <c r="H37" s="176">
        <v>658685</v>
      </c>
      <c r="I37" s="176">
        <v>346366</v>
      </c>
      <c r="J37" s="176">
        <v>730704</v>
      </c>
      <c r="K37" s="176">
        <v>820554</v>
      </c>
      <c r="L37" s="177">
        <v>2834738</v>
      </c>
      <c r="M37" s="116">
        <v>2857714</v>
      </c>
      <c r="N37" s="110">
        <v>0</v>
      </c>
      <c r="O37" s="114">
        <v>11776</v>
      </c>
      <c r="P37" s="113">
        <v>11776</v>
      </c>
      <c r="Q37" s="110">
        <v>0</v>
      </c>
      <c r="R37" s="114">
        <v>25952</v>
      </c>
      <c r="S37" s="114">
        <v>230056</v>
      </c>
      <c r="T37" s="114">
        <v>135670</v>
      </c>
      <c r="U37" s="114">
        <v>278112</v>
      </c>
      <c r="V37" s="114">
        <v>456573</v>
      </c>
      <c r="W37" s="113">
        <v>1126363</v>
      </c>
      <c r="X37" s="116">
        <v>1138139</v>
      </c>
      <c r="Y37" s="110">
        <v>0</v>
      </c>
      <c r="Z37" s="114">
        <v>0</v>
      </c>
      <c r="AA37" s="113">
        <v>0</v>
      </c>
      <c r="AB37" s="110">
        <v>0</v>
      </c>
      <c r="AC37" s="114">
        <v>10912</v>
      </c>
      <c r="AD37" s="114">
        <v>130376</v>
      </c>
      <c r="AE37" s="114">
        <v>61289</v>
      </c>
      <c r="AF37" s="114">
        <v>227720</v>
      </c>
      <c r="AG37" s="114">
        <v>353880</v>
      </c>
      <c r="AH37" s="113">
        <v>784177</v>
      </c>
      <c r="AI37" s="116">
        <v>784177</v>
      </c>
      <c r="AJ37" s="110">
        <v>0</v>
      </c>
      <c r="AK37" s="114">
        <v>0</v>
      </c>
      <c r="AL37" s="113">
        <v>0</v>
      </c>
      <c r="AM37" s="110">
        <v>0</v>
      </c>
      <c r="AN37" s="114">
        <v>0</v>
      </c>
      <c r="AO37" s="114">
        <v>0</v>
      </c>
      <c r="AP37" s="114">
        <v>0</v>
      </c>
      <c r="AQ37" s="114">
        <v>0</v>
      </c>
      <c r="AR37" s="114">
        <v>102693</v>
      </c>
      <c r="AS37" s="113">
        <v>102693</v>
      </c>
      <c r="AT37" s="116">
        <v>102693</v>
      </c>
      <c r="AU37" s="110">
        <v>0</v>
      </c>
      <c r="AV37" s="114">
        <v>11776</v>
      </c>
      <c r="AW37" s="113">
        <v>11776</v>
      </c>
      <c r="AX37" s="110">
        <v>0</v>
      </c>
      <c r="AY37" s="114">
        <v>15040</v>
      </c>
      <c r="AZ37" s="114">
        <v>51840</v>
      </c>
      <c r="BA37" s="114">
        <v>45093</v>
      </c>
      <c r="BB37" s="114">
        <v>9568</v>
      </c>
      <c r="BC37" s="114">
        <v>0</v>
      </c>
      <c r="BD37" s="113">
        <v>121541</v>
      </c>
      <c r="BE37" s="116">
        <v>133317</v>
      </c>
      <c r="BF37" s="110">
        <v>0</v>
      </c>
      <c r="BG37" s="114">
        <v>0</v>
      </c>
      <c r="BH37" s="112">
        <v>0</v>
      </c>
      <c r="BI37" s="111">
        <v>0</v>
      </c>
      <c r="BJ37" s="114">
        <v>0</v>
      </c>
      <c r="BK37" s="114">
        <v>38240</v>
      </c>
      <c r="BL37" s="114">
        <v>0</v>
      </c>
      <c r="BM37" s="114">
        <v>0</v>
      </c>
      <c r="BN37" s="114">
        <v>0</v>
      </c>
      <c r="BO37" s="113">
        <v>38240</v>
      </c>
      <c r="BP37" s="116">
        <v>38240</v>
      </c>
      <c r="BQ37" s="110">
        <v>0</v>
      </c>
      <c r="BR37" s="114">
        <v>0</v>
      </c>
      <c r="BS37" s="113">
        <v>0</v>
      </c>
      <c r="BT37" s="110">
        <v>0</v>
      </c>
      <c r="BU37" s="114">
        <v>0</v>
      </c>
      <c r="BV37" s="114">
        <v>9600</v>
      </c>
      <c r="BW37" s="114">
        <v>29288</v>
      </c>
      <c r="BX37" s="114">
        <v>40824</v>
      </c>
      <c r="BY37" s="114">
        <v>0</v>
      </c>
      <c r="BZ37" s="113">
        <v>79712</v>
      </c>
      <c r="CA37" s="116">
        <v>79712</v>
      </c>
      <c r="CB37" s="110">
        <v>0</v>
      </c>
      <c r="CC37" s="114">
        <v>0</v>
      </c>
      <c r="CD37" s="113">
        <v>0</v>
      </c>
      <c r="CE37" s="110">
        <v>0</v>
      </c>
      <c r="CF37" s="114">
        <v>211509</v>
      </c>
      <c r="CG37" s="114">
        <v>165885</v>
      </c>
      <c r="CH37" s="114">
        <v>0</v>
      </c>
      <c r="CI37" s="114">
        <v>0</v>
      </c>
      <c r="CJ37" s="114">
        <v>212249</v>
      </c>
      <c r="CK37" s="113">
        <v>589643</v>
      </c>
      <c r="CL37" s="116">
        <v>589643</v>
      </c>
      <c r="CM37" s="110">
        <v>0</v>
      </c>
      <c r="CN37" s="114">
        <v>0</v>
      </c>
      <c r="CO37" s="113">
        <v>0</v>
      </c>
      <c r="CP37" s="111">
        <v>0</v>
      </c>
      <c r="CQ37" s="114">
        <v>90400</v>
      </c>
      <c r="CR37" s="114">
        <v>101480</v>
      </c>
      <c r="CS37" s="114">
        <v>0</v>
      </c>
      <c r="CT37" s="114">
        <v>0</v>
      </c>
      <c r="CU37" s="114">
        <v>129479</v>
      </c>
      <c r="CV37" s="113">
        <v>321359</v>
      </c>
      <c r="CW37" s="116">
        <v>321359</v>
      </c>
      <c r="CX37" s="110">
        <v>0</v>
      </c>
      <c r="CY37" s="114">
        <v>0</v>
      </c>
      <c r="CZ37" s="113">
        <v>0</v>
      </c>
      <c r="DA37" s="110">
        <v>0</v>
      </c>
      <c r="DB37" s="114">
        <v>121109</v>
      </c>
      <c r="DC37" s="114">
        <v>64405</v>
      </c>
      <c r="DD37" s="114">
        <v>0</v>
      </c>
      <c r="DE37" s="114">
        <v>0</v>
      </c>
      <c r="DF37" s="114">
        <v>82770</v>
      </c>
      <c r="DG37" s="113">
        <v>268284</v>
      </c>
      <c r="DH37" s="116">
        <v>268284</v>
      </c>
      <c r="DI37" s="110">
        <v>0</v>
      </c>
      <c r="DJ37" s="114">
        <v>0</v>
      </c>
      <c r="DK37" s="112">
        <v>0</v>
      </c>
      <c r="DL37" s="111">
        <v>0</v>
      </c>
      <c r="DM37" s="114">
        <v>14408</v>
      </c>
      <c r="DN37" s="114">
        <v>0</v>
      </c>
      <c r="DO37" s="114">
        <v>0</v>
      </c>
      <c r="DP37" s="114">
        <v>18128</v>
      </c>
      <c r="DQ37" s="114">
        <v>76372</v>
      </c>
      <c r="DR37" s="113">
        <v>108908</v>
      </c>
      <c r="DS37" s="116">
        <v>108908</v>
      </c>
      <c r="DT37" s="110">
        <v>0</v>
      </c>
      <c r="DU37" s="114">
        <v>0</v>
      </c>
      <c r="DV37" s="113">
        <v>0</v>
      </c>
      <c r="DW37" s="110">
        <v>0</v>
      </c>
      <c r="DX37" s="114">
        <v>14408</v>
      </c>
      <c r="DY37" s="114">
        <v>0</v>
      </c>
      <c r="DZ37" s="114">
        <v>0</v>
      </c>
      <c r="EA37" s="114">
        <v>18128</v>
      </c>
      <c r="EB37" s="114">
        <v>76372</v>
      </c>
      <c r="EC37" s="113">
        <v>108908</v>
      </c>
      <c r="ED37" s="116">
        <v>108908</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0</v>
      </c>
      <c r="FM37" s="114">
        <v>11200</v>
      </c>
      <c r="FN37" s="113">
        <v>11200</v>
      </c>
      <c r="FO37" s="110">
        <v>0</v>
      </c>
      <c r="FP37" s="114">
        <v>26560</v>
      </c>
      <c r="FQ37" s="114">
        <v>93824</v>
      </c>
      <c r="FR37" s="114">
        <v>22784</v>
      </c>
      <c r="FS37" s="114">
        <v>24944</v>
      </c>
      <c r="FT37" s="114">
        <v>75360</v>
      </c>
      <c r="FU37" s="113">
        <v>243472</v>
      </c>
      <c r="FV37" s="116">
        <v>254672</v>
      </c>
      <c r="FW37" s="115">
        <v>0</v>
      </c>
      <c r="FX37" s="114">
        <v>11200</v>
      </c>
      <c r="FY37" s="112">
        <v>11200</v>
      </c>
      <c r="FZ37" s="111">
        <v>0</v>
      </c>
      <c r="GA37" s="114">
        <v>26560</v>
      </c>
      <c r="GB37" s="114">
        <v>93824</v>
      </c>
      <c r="GC37" s="114">
        <v>22784</v>
      </c>
      <c r="GD37" s="114">
        <v>24944</v>
      </c>
      <c r="GE37" s="114">
        <v>75360</v>
      </c>
      <c r="GF37" s="113">
        <v>243472</v>
      </c>
      <c r="GG37" s="318">
        <v>254672</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68920</v>
      </c>
      <c r="HJ37" s="114">
        <v>187912</v>
      </c>
      <c r="HK37" s="114">
        <v>409520</v>
      </c>
      <c r="HL37" s="114">
        <v>0</v>
      </c>
      <c r="HM37" s="113">
        <v>766352</v>
      </c>
      <c r="HN37" s="109">
        <v>766352</v>
      </c>
      <c r="HO37" s="328"/>
      <c r="HP37" s="329"/>
      <c r="HQ37" s="330"/>
      <c r="HR37" s="331"/>
      <c r="HS37" s="329"/>
      <c r="HT37" s="329"/>
      <c r="HU37" s="329"/>
      <c r="HV37" s="329"/>
      <c r="HW37" s="329"/>
      <c r="HX37" s="332"/>
      <c r="HY37" s="333"/>
      <c r="HZ37" s="131">
        <v>0</v>
      </c>
      <c r="IA37" s="132">
        <v>0</v>
      </c>
      <c r="IB37" s="133">
        <v>0</v>
      </c>
      <c r="IC37" s="146">
        <v>0</v>
      </c>
      <c r="ID37" s="132">
        <v>29192</v>
      </c>
      <c r="IE37" s="147">
        <v>135808</v>
      </c>
      <c r="IF37" s="133">
        <v>449816</v>
      </c>
      <c r="IG37" s="132">
        <v>140656</v>
      </c>
      <c r="IH37" s="133">
        <v>94802</v>
      </c>
      <c r="II37" s="148">
        <v>850274</v>
      </c>
      <c r="IJ37" s="139">
        <v>850274</v>
      </c>
      <c r="IK37" s="232">
        <v>0</v>
      </c>
      <c r="IL37" s="236">
        <v>0</v>
      </c>
      <c r="IM37" s="237">
        <v>0</v>
      </c>
      <c r="IN37" s="140"/>
      <c r="IO37" s="119">
        <v>0</v>
      </c>
      <c r="IP37" s="119">
        <v>0</v>
      </c>
      <c r="IQ37" s="119">
        <v>0</v>
      </c>
      <c r="IR37" s="119">
        <v>0</v>
      </c>
      <c r="IS37" s="119">
        <v>0</v>
      </c>
      <c r="IT37" s="141">
        <v>0</v>
      </c>
      <c r="IU37" s="320">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29192</v>
      </c>
      <c r="JL37" s="119">
        <v>135808</v>
      </c>
      <c r="JM37" s="119">
        <v>0</v>
      </c>
      <c r="JN37" s="119">
        <v>0</v>
      </c>
      <c r="JO37" s="119">
        <v>94802</v>
      </c>
      <c r="JP37" s="120">
        <v>259802</v>
      </c>
      <c r="JQ37" s="320">
        <v>259802</v>
      </c>
      <c r="JR37" s="142">
        <v>0</v>
      </c>
      <c r="JS37" s="119">
        <v>0</v>
      </c>
      <c r="JT37" s="141">
        <v>0</v>
      </c>
      <c r="JU37" s="118">
        <v>0</v>
      </c>
      <c r="JV37" s="119">
        <v>0</v>
      </c>
      <c r="JW37" s="119">
        <v>0</v>
      </c>
      <c r="JX37" s="119">
        <v>0</v>
      </c>
      <c r="JY37" s="119">
        <v>140656</v>
      </c>
      <c r="JZ37" s="119">
        <v>0</v>
      </c>
      <c r="KA37" s="120">
        <v>140656</v>
      </c>
      <c r="KB37" s="320">
        <v>140656</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242168</v>
      </c>
      <c r="KU37" s="119">
        <v>0</v>
      </c>
      <c r="KV37" s="119">
        <v>0</v>
      </c>
      <c r="KW37" s="120">
        <v>242168</v>
      </c>
      <c r="KX37" s="320">
        <v>242168</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207648</v>
      </c>
      <c r="LQ37" s="119">
        <v>0</v>
      </c>
      <c r="LR37" s="119">
        <v>0</v>
      </c>
      <c r="LS37" s="120">
        <v>207648</v>
      </c>
      <c r="LT37" s="320">
        <v>207648</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604092</v>
      </c>
      <c r="MM37" s="119">
        <v>774702</v>
      </c>
      <c r="MN37" s="119">
        <v>118544</v>
      </c>
      <c r="MO37" s="120">
        <v>1497338</v>
      </c>
      <c r="MP37" s="143">
        <v>1497338</v>
      </c>
      <c r="MQ37" s="142">
        <v>0</v>
      </c>
      <c r="MR37" s="119">
        <v>0</v>
      </c>
      <c r="MS37" s="120">
        <v>0</v>
      </c>
      <c r="MT37" s="145"/>
      <c r="MU37" s="119">
        <v>0</v>
      </c>
      <c r="MV37" s="119">
        <v>0</v>
      </c>
      <c r="MW37" s="119">
        <v>0</v>
      </c>
      <c r="MX37" s="119">
        <v>511998</v>
      </c>
      <c r="MY37" s="119">
        <v>118544</v>
      </c>
      <c r="MZ37" s="120">
        <v>630542</v>
      </c>
      <c r="NA37" s="143">
        <v>630542</v>
      </c>
      <c r="NB37" s="142">
        <v>0</v>
      </c>
      <c r="NC37" s="119">
        <v>0</v>
      </c>
      <c r="ND37" s="120">
        <v>0</v>
      </c>
      <c r="NE37" s="145"/>
      <c r="NF37" s="119">
        <v>0</v>
      </c>
      <c r="NG37" s="119">
        <v>0</v>
      </c>
      <c r="NH37" s="119">
        <v>604092</v>
      </c>
      <c r="NI37" s="119">
        <v>262704</v>
      </c>
      <c r="NJ37" s="119">
        <v>0</v>
      </c>
      <c r="NK37" s="120">
        <v>866796</v>
      </c>
      <c r="NL37" s="320">
        <v>866796</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22976</v>
      </c>
      <c r="OK37" s="141">
        <v>22976</v>
      </c>
      <c r="OL37" s="118">
        <v>0</v>
      </c>
      <c r="OM37" s="119">
        <v>307621</v>
      </c>
      <c r="ON37" s="119">
        <v>794493</v>
      </c>
      <c r="OO37" s="119">
        <v>1400274</v>
      </c>
      <c r="OP37" s="119">
        <v>1646062</v>
      </c>
      <c r="OQ37" s="119">
        <v>1033900</v>
      </c>
      <c r="OR37" s="120">
        <v>5182350</v>
      </c>
      <c r="OS37" s="143">
        <v>5205326</v>
      </c>
    </row>
    <row r="38" spans="2:409" ht="20.25" customHeight="1" x14ac:dyDescent="0.2">
      <c r="B38" s="126" t="s">
        <v>33</v>
      </c>
      <c r="C38" s="110">
        <v>33446</v>
      </c>
      <c r="D38" s="114">
        <v>31534</v>
      </c>
      <c r="E38" s="113">
        <v>64980</v>
      </c>
      <c r="F38" s="109">
        <v>0</v>
      </c>
      <c r="G38" s="114">
        <v>215293</v>
      </c>
      <c r="H38" s="114">
        <v>249901</v>
      </c>
      <c r="I38" s="114">
        <v>120931</v>
      </c>
      <c r="J38" s="114">
        <v>317143</v>
      </c>
      <c r="K38" s="114">
        <v>58107</v>
      </c>
      <c r="L38" s="173">
        <v>961375</v>
      </c>
      <c r="M38" s="116">
        <v>1026355</v>
      </c>
      <c r="N38" s="110">
        <v>31046</v>
      </c>
      <c r="O38" s="114">
        <v>31534</v>
      </c>
      <c r="P38" s="113">
        <v>62580</v>
      </c>
      <c r="Q38" s="110">
        <v>0</v>
      </c>
      <c r="R38" s="114">
        <v>130694</v>
      </c>
      <c r="S38" s="114">
        <v>31204</v>
      </c>
      <c r="T38" s="114">
        <v>12848</v>
      </c>
      <c r="U38" s="114">
        <v>91533</v>
      </c>
      <c r="V38" s="114">
        <v>58107</v>
      </c>
      <c r="W38" s="113">
        <v>324386</v>
      </c>
      <c r="X38" s="116">
        <v>386966</v>
      </c>
      <c r="Y38" s="110">
        <v>0</v>
      </c>
      <c r="Z38" s="114">
        <v>0</v>
      </c>
      <c r="AA38" s="113">
        <v>0</v>
      </c>
      <c r="AB38" s="110">
        <v>0</v>
      </c>
      <c r="AC38" s="114">
        <v>17732</v>
      </c>
      <c r="AD38" s="114">
        <v>0</v>
      </c>
      <c r="AE38" s="114">
        <v>0</v>
      </c>
      <c r="AF38" s="114">
        <v>0</v>
      </c>
      <c r="AG38" s="114">
        <v>0</v>
      </c>
      <c r="AH38" s="113">
        <v>17732</v>
      </c>
      <c r="AI38" s="116">
        <v>17732</v>
      </c>
      <c r="AJ38" s="110">
        <v>0</v>
      </c>
      <c r="AK38" s="114">
        <v>0</v>
      </c>
      <c r="AL38" s="113">
        <v>0</v>
      </c>
      <c r="AM38" s="110">
        <v>0</v>
      </c>
      <c r="AN38" s="114">
        <v>0</v>
      </c>
      <c r="AO38" s="114">
        <v>0</v>
      </c>
      <c r="AP38" s="114">
        <v>0</v>
      </c>
      <c r="AQ38" s="114">
        <v>33768</v>
      </c>
      <c r="AR38" s="114">
        <v>0</v>
      </c>
      <c r="AS38" s="113">
        <v>33768</v>
      </c>
      <c r="AT38" s="116">
        <v>33768</v>
      </c>
      <c r="AU38" s="110">
        <v>0</v>
      </c>
      <c r="AV38" s="114">
        <v>0</v>
      </c>
      <c r="AW38" s="113">
        <v>0</v>
      </c>
      <c r="AX38" s="110">
        <v>0</v>
      </c>
      <c r="AY38" s="114">
        <v>31166</v>
      </c>
      <c r="AZ38" s="114">
        <v>23676</v>
      </c>
      <c r="BA38" s="114">
        <v>0</v>
      </c>
      <c r="BB38" s="114">
        <v>0</v>
      </c>
      <c r="BC38" s="114">
        <v>14816</v>
      </c>
      <c r="BD38" s="113">
        <v>69658</v>
      </c>
      <c r="BE38" s="116">
        <v>69658</v>
      </c>
      <c r="BF38" s="110">
        <v>31046</v>
      </c>
      <c r="BG38" s="114">
        <v>31534</v>
      </c>
      <c r="BH38" s="112">
        <v>62580</v>
      </c>
      <c r="BI38" s="111">
        <v>0</v>
      </c>
      <c r="BJ38" s="114">
        <v>68756</v>
      </c>
      <c r="BK38" s="114">
        <v>0</v>
      </c>
      <c r="BL38" s="114">
        <v>0</v>
      </c>
      <c r="BM38" s="114">
        <v>45837</v>
      </c>
      <c r="BN38" s="114">
        <v>43291</v>
      </c>
      <c r="BO38" s="113">
        <v>157884</v>
      </c>
      <c r="BP38" s="116">
        <v>220464</v>
      </c>
      <c r="BQ38" s="110">
        <v>0</v>
      </c>
      <c r="BR38" s="114">
        <v>0</v>
      </c>
      <c r="BS38" s="113">
        <v>0</v>
      </c>
      <c r="BT38" s="110">
        <v>0</v>
      </c>
      <c r="BU38" s="114">
        <v>13040</v>
      </c>
      <c r="BV38" s="114">
        <v>7528</v>
      </c>
      <c r="BW38" s="114">
        <v>12848</v>
      </c>
      <c r="BX38" s="114">
        <v>11928</v>
      </c>
      <c r="BY38" s="114">
        <v>0</v>
      </c>
      <c r="BZ38" s="113">
        <v>45344</v>
      </c>
      <c r="CA38" s="116">
        <v>45344</v>
      </c>
      <c r="CB38" s="110">
        <v>0</v>
      </c>
      <c r="CC38" s="114">
        <v>0</v>
      </c>
      <c r="CD38" s="113">
        <v>0</v>
      </c>
      <c r="CE38" s="110">
        <v>0</v>
      </c>
      <c r="CF38" s="114">
        <v>48199</v>
      </c>
      <c r="CG38" s="114">
        <v>32957</v>
      </c>
      <c r="CH38" s="114">
        <v>77251</v>
      </c>
      <c r="CI38" s="114">
        <v>0</v>
      </c>
      <c r="CJ38" s="114">
        <v>0</v>
      </c>
      <c r="CK38" s="113">
        <v>158407</v>
      </c>
      <c r="CL38" s="116">
        <v>158407</v>
      </c>
      <c r="CM38" s="110">
        <v>0</v>
      </c>
      <c r="CN38" s="114">
        <v>0</v>
      </c>
      <c r="CO38" s="113">
        <v>0</v>
      </c>
      <c r="CP38" s="111">
        <v>0</v>
      </c>
      <c r="CQ38" s="114">
        <v>31441</v>
      </c>
      <c r="CR38" s="114">
        <v>0</v>
      </c>
      <c r="CS38" s="114">
        <v>0</v>
      </c>
      <c r="CT38" s="114">
        <v>0</v>
      </c>
      <c r="CU38" s="114">
        <v>0</v>
      </c>
      <c r="CV38" s="113">
        <v>31441</v>
      </c>
      <c r="CW38" s="116">
        <v>31441</v>
      </c>
      <c r="CX38" s="110">
        <v>0</v>
      </c>
      <c r="CY38" s="114">
        <v>0</v>
      </c>
      <c r="CZ38" s="113">
        <v>0</v>
      </c>
      <c r="DA38" s="110">
        <v>0</v>
      </c>
      <c r="DB38" s="114">
        <v>16758</v>
      </c>
      <c r="DC38" s="114">
        <v>32957</v>
      </c>
      <c r="DD38" s="114">
        <v>77251</v>
      </c>
      <c r="DE38" s="114">
        <v>0</v>
      </c>
      <c r="DF38" s="114">
        <v>0</v>
      </c>
      <c r="DG38" s="113">
        <v>126966</v>
      </c>
      <c r="DH38" s="116">
        <v>126966</v>
      </c>
      <c r="DI38" s="110">
        <v>0</v>
      </c>
      <c r="DJ38" s="114">
        <v>0</v>
      </c>
      <c r="DK38" s="112">
        <v>0</v>
      </c>
      <c r="DL38" s="111">
        <v>0</v>
      </c>
      <c r="DM38" s="114">
        <v>0</v>
      </c>
      <c r="DN38" s="114">
        <v>0</v>
      </c>
      <c r="DO38" s="114">
        <v>0</v>
      </c>
      <c r="DP38" s="114">
        <v>0</v>
      </c>
      <c r="DQ38" s="114">
        <v>0</v>
      </c>
      <c r="DR38" s="113">
        <v>0</v>
      </c>
      <c r="DS38" s="116">
        <v>0</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2400</v>
      </c>
      <c r="FM38" s="114">
        <v>0</v>
      </c>
      <c r="FN38" s="113">
        <v>2400</v>
      </c>
      <c r="FO38" s="110">
        <v>0</v>
      </c>
      <c r="FP38" s="114">
        <v>36400</v>
      </c>
      <c r="FQ38" s="114">
        <v>8592</v>
      </c>
      <c r="FR38" s="114">
        <v>30832</v>
      </c>
      <c r="FS38" s="114">
        <v>2800</v>
      </c>
      <c r="FT38" s="114">
        <v>0</v>
      </c>
      <c r="FU38" s="113">
        <v>78624</v>
      </c>
      <c r="FV38" s="116">
        <v>81024</v>
      </c>
      <c r="FW38" s="115">
        <v>2400</v>
      </c>
      <c r="FX38" s="114">
        <v>0</v>
      </c>
      <c r="FY38" s="112">
        <v>2400</v>
      </c>
      <c r="FZ38" s="111">
        <v>0</v>
      </c>
      <c r="GA38" s="114">
        <v>36400</v>
      </c>
      <c r="GB38" s="114">
        <v>8592</v>
      </c>
      <c r="GC38" s="114">
        <v>30832</v>
      </c>
      <c r="GD38" s="114">
        <v>2800</v>
      </c>
      <c r="GE38" s="114">
        <v>0</v>
      </c>
      <c r="GF38" s="113">
        <v>78624</v>
      </c>
      <c r="GG38" s="318">
        <v>8102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177148</v>
      </c>
      <c r="HJ38" s="114">
        <v>0</v>
      </c>
      <c r="HK38" s="114">
        <v>222810</v>
      </c>
      <c r="HL38" s="114">
        <v>0</v>
      </c>
      <c r="HM38" s="113">
        <v>399958</v>
      </c>
      <c r="HN38" s="109">
        <v>399958</v>
      </c>
      <c r="HO38" s="328"/>
      <c r="HP38" s="329"/>
      <c r="HQ38" s="330"/>
      <c r="HR38" s="331"/>
      <c r="HS38" s="329"/>
      <c r="HT38" s="329"/>
      <c r="HU38" s="329"/>
      <c r="HV38" s="329"/>
      <c r="HW38" s="329"/>
      <c r="HX38" s="332"/>
      <c r="HY38" s="333"/>
      <c r="HZ38" s="150">
        <v>0</v>
      </c>
      <c r="IA38" s="135">
        <v>0</v>
      </c>
      <c r="IB38" s="150">
        <v>0</v>
      </c>
      <c r="IC38" s="146">
        <v>0</v>
      </c>
      <c r="ID38" s="132">
        <v>172467</v>
      </c>
      <c r="IE38" s="147">
        <v>0</v>
      </c>
      <c r="IF38" s="133">
        <v>317205</v>
      </c>
      <c r="IG38" s="132">
        <v>0</v>
      </c>
      <c r="IH38" s="133">
        <v>0</v>
      </c>
      <c r="II38" s="148">
        <v>489672</v>
      </c>
      <c r="IJ38" s="150">
        <v>489672</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29656</v>
      </c>
      <c r="JL38" s="119">
        <v>0</v>
      </c>
      <c r="JM38" s="119">
        <v>85232</v>
      </c>
      <c r="JN38" s="119">
        <v>0</v>
      </c>
      <c r="JO38" s="119">
        <v>0</v>
      </c>
      <c r="JP38" s="120">
        <v>114888</v>
      </c>
      <c r="JQ38" s="320">
        <v>114888</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223506</v>
      </c>
      <c r="ML38" s="119">
        <v>0</v>
      </c>
      <c r="MM38" s="119">
        <v>0</v>
      </c>
      <c r="MN38" s="119">
        <v>181904</v>
      </c>
      <c r="MO38" s="120">
        <v>405410</v>
      </c>
      <c r="MP38" s="143">
        <v>405410</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20">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223506</v>
      </c>
      <c r="OD38" s="119">
        <v>0</v>
      </c>
      <c r="OE38" s="119">
        <v>0</v>
      </c>
      <c r="OF38" s="119">
        <v>181904</v>
      </c>
      <c r="OG38" s="120">
        <v>405410</v>
      </c>
      <c r="OH38" s="121">
        <v>405410</v>
      </c>
      <c r="OI38" s="142">
        <v>33446</v>
      </c>
      <c r="OJ38" s="119">
        <v>31534</v>
      </c>
      <c r="OK38" s="141">
        <v>64980</v>
      </c>
      <c r="OL38" s="118">
        <v>0</v>
      </c>
      <c r="OM38" s="119">
        <v>387760</v>
      </c>
      <c r="ON38" s="119">
        <v>473407</v>
      </c>
      <c r="OO38" s="119">
        <v>438136</v>
      </c>
      <c r="OP38" s="119">
        <v>317143</v>
      </c>
      <c r="OQ38" s="119">
        <v>240011</v>
      </c>
      <c r="OR38" s="120">
        <v>1856457</v>
      </c>
      <c r="OS38" s="143">
        <v>1921437</v>
      </c>
    </row>
    <row r="39" spans="2:409" ht="20.25" customHeight="1" x14ac:dyDescent="0.2">
      <c r="B39" s="126" t="s">
        <v>34</v>
      </c>
      <c r="C39" s="110">
        <v>0</v>
      </c>
      <c r="D39" s="114">
        <v>0</v>
      </c>
      <c r="E39" s="174">
        <v>0</v>
      </c>
      <c r="F39" s="175">
        <v>0</v>
      </c>
      <c r="G39" s="176">
        <v>64368</v>
      </c>
      <c r="H39" s="176">
        <v>337821</v>
      </c>
      <c r="I39" s="176">
        <v>371368</v>
      </c>
      <c r="J39" s="176">
        <v>0</v>
      </c>
      <c r="K39" s="176">
        <v>242160</v>
      </c>
      <c r="L39" s="177">
        <v>1015717</v>
      </c>
      <c r="M39" s="116">
        <v>1015717</v>
      </c>
      <c r="N39" s="110">
        <v>0</v>
      </c>
      <c r="O39" s="114">
        <v>0</v>
      </c>
      <c r="P39" s="113">
        <v>0</v>
      </c>
      <c r="Q39" s="110">
        <v>0</v>
      </c>
      <c r="R39" s="114">
        <v>22640</v>
      </c>
      <c r="S39" s="114">
        <v>108576</v>
      </c>
      <c r="T39" s="114">
        <v>36080</v>
      </c>
      <c r="U39" s="114">
        <v>0</v>
      </c>
      <c r="V39" s="114">
        <v>4144</v>
      </c>
      <c r="W39" s="113">
        <v>171440</v>
      </c>
      <c r="X39" s="116">
        <v>171440</v>
      </c>
      <c r="Y39" s="110">
        <v>0</v>
      </c>
      <c r="Z39" s="114">
        <v>0</v>
      </c>
      <c r="AA39" s="113">
        <v>0</v>
      </c>
      <c r="AB39" s="110">
        <v>0</v>
      </c>
      <c r="AC39" s="114">
        <v>20256</v>
      </c>
      <c r="AD39" s="114">
        <v>0</v>
      </c>
      <c r="AE39" s="114">
        <v>0</v>
      </c>
      <c r="AF39" s="114">
        <v>0</v>
      </c>
      <c r="AG39" s="114">
        <v>0</v>
      </c>
      <c r="AH39" s="113">
        <v>20256</v>
      </c>
      <c r="AI39" s="116">
        <v>20256</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10328</v>
      </c>
      <c r="BA39" s="114">
        <v>0</v>
      </c>
      <c r="BB39" s="114">
        <v>0</v>
      </c>
      <c r="BC39" s="114">
        <v>0</v>
      </c>
      <c r="BD39" s="113">
        <v>10328</v>
      </c>
      <c r="BE39" s="116">
        <v>10328</v>
      </c>
      <c r="BF39" s="110">
        <v>0</v>
      </c>
      <c r="BG39" s="114">
        <v>0</v>
      </c>
      <c r="BH39" s="112">
        <v>0</v>
      </c>
      <c r="BI39" s="111">
        <v>0</v>
      </c>
      <c r="BJ39" s="114">
        <v>0</v>
      </c>
      <c r="BK39" s="114">
        <v>60096</v>
      </c>
      <c r="BL39" s="114">
        <v>26480</v>
      </c>
      <c r="BM39" s="114">
        <v>0</v>
      </c>
      <c r="BN39" s="114">
        <v>0</v>
      </c>
      <c r="BO39" s="113">
        <v>86576</v>
      </c>
      <c r="BP39" s="116">
        <v>86576</v>
      </c>
      <c r="BQ39" s="110">
        <v>0</v>
      </c>
      <c r="BR39" s="114">
        <v>0</v>
      </c>
      <c r="BS39" s="113">
        <v>0</v>
      </c>
      <c r="BT39" s="110">
        <v>0</v>
      </c>
      <c r="BU39" s="114">
        <v>2384</v>
      </c>
      <c r="BV39" s="114">
        <v>38152</v>
      </c>
      <c r="BW39" s="114">
        <v>9600</v>
      </c>
      <c r="BX39" s="114">
        <v>0</v>
      </c>
      <c r="BY39" s="114">
        <v>4144</v>
      </c>
      <c r="BZ39" s="113">
        <v>54280</v>
      </c>
      <c r="CA39" s="116">
        <v>54280</v>
      </c>
      <c r="CB39" s="110">
        <v>0</v>
      </c>
      <c r="CC39" s="114">
        <v>0</v>
      </c>
      <c r="CD39" s="113">
        <v>0</v>
      </c>
      <c r="CE39" s="110">
        <v>0</v>
      </c>
      <c r="CF39" s="114">
        <v>30528</v>
      </c>
      <c r="CG39" s="114">
        <v>53264</v>
      </c>
      <c r="CH39" s="114">
        <v>0</v>
      </c>
      <c r="CI39" s="114">
        <v>0</v>
      </c>
      <c r="CJ39" s="114">
        <v>0</v>
      </c>
      <c r="CK39" s="113">
        <v>83792</v>
      </c>
      <c r="CL39" s="116">
        <v>83792</v>
      </c>
      <c r="CM39" s="110">
        <v>0</v>
      </c>
      <c r="CN39" s="114">
        <v>0</v>
      </c>
      <c r="CO39" s="113">
        <v>0</v>
      </c>
      <c r="CP39" s="111">
        <v>0</v>
      </c>
      <c r="CQ39" s="114">
        <v>0</v>
      </c>
      <c r="CR39" s="114">
        <v>0</v>
      </c>
      <c r="CS39" s="114">
        <v>0</v>
      </c>
      <c r="CT39" s="114">
        <v>0</v>
      </c>
      <c r="CU39" s="114">
        <v>0</v>
      </c>
      <c r="CV39" s="113">
        <v>0</v>
      </c>
      <c r="CW39" s="116">
        <v>0</v>
      </c>
      <c r="CX39" s="110">
        <v>0</v>
      </c>
      <c r="CY39" s="114">
        <v>0</v>
      </c>
      <c r="CZ39" s="113">
        <v>0</v>
      </c>
      <c r="DA39" s="110">
        <v>0</v>
      </c>
      <c r="DB39" s="114">
        <v>30528</v>
      </c>
      <c r="DC39" s="114">
        <v>53264</v>
      </c>
      <c r="DD39" s="114">
        <v>0</v>
      </c>
      <c r="DE39" s="114">
        <v>0</v>
      </c>
      <c r="DF39" s="114">
        <v>0</v>
      </c>
      <c r="DG39" s="113">
        <v>83792</v>
      </c>
      <c r="DH39" s="116">
        <v>83792</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0</v>
      </c>
      <c r="FN39" s="113">
        <v>0</v>
      </c>
      <c r="FO39" s="110">
        <v>0</v>
      </c>
      <c r="FP39" s="114">
        <v>11200</v>
      </c>
      <c r="FQ39" s="114">
        <v>4000</v>
      </c>
      <c r="FR39" s="114">
        <v>31624</v>
      </c>
      <c r="FS39" s="114">
        <v>0</v>
      </c>
      <c r="FT39" s="114">
        <v>0</v>
      </c>
      <c r="FU39" s="113">
        <v>46824</v>
      </c>
      <c r="FV39" s="116">
        <v>46824</v>
      </c>
      <c r="FW39" s="115">
        <v>0</v>
      </c>
      <c r="FX39" s="114">
        <v>0</v>
      </c>
      <c r="FY39" s="112">
        <v>0</v>
      </c>
      <c r="FZ39" s="111">
        <v>0</v>
      </c>
      <c r="GA39" s="114">
        <v>11200</v>
      </c>
      <c r="GB39" s="114">
        <v>4000</v>
      </c>
      <c r="GC39" s="114">
        <v>31624</v>
      </c>
      <c r="GD39" s="114">
        <v>0</v>
      </c>
      <c r="GE39" s="114">
        <v>0</v>
      </c>
      <c r="GF39" s="113">
        <v>46824</v>
      </c>
      <c r="GG39" s="318">
        <v>46824</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71981</v>
      </c>
      <c r="HJ39" s="114">
        <v>303664</v>
      </c>
      <c r="HK39" s="114">
        <v>0</v>
      </c>
      <c r="HL39" s="114">
        <v>238016</v>
      </c>
      <c r="HM39" s="113">
        <v>713661</v>
      </c>
      <c r="HN39" s="109">
        <v>713661</v>
      </c>
      <c r="HO39" s="328"/>
      <c r="HP39" s="329"/>
      <c r="HQ39" s="330"/>
      <c r="HR39" s="331"/>
      <c r="HS39" s="329"/>
      <c r="HT39" s="329"/>
      <c r="HU39" s="329"/>
      <c r="HV39" s="329"/>
      <c r="HW39" s="329"/>
      <c r="HX39" s="332"/>
      <c r="HY39" s="333"/>
      <c r="HZ39" s="131">
        <v>0</v>
      </c>
      <c r="IA39" s="132">
        <v>0</v>
      </c>
      <c r="IB39" s="133">
        <v>0</v>
      </c>
      <c r="IC39" s="146">
        <v>0</v>
      </c>
      <c r="ID39" s="132">
        <v>250280</v>
      </c>
      <c r="IE39" s="147">
        <v>0</v>
      </c>
      <c r="IF39" s="133">
        <v>56680</v>
      </c>
      <c r="IG39" s="132">
        <v>0</v>
      </c>
      <c r="IH39" s="133">
        <v>0</v>
      </c>
      <c r="II39" s="148">
        <v>306960</v>
      </c>
      <c r="IJ39" s="139">
        <v>306960</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39568</v>
      </c>
      <c r="JL39" s="119">
        <v>0</v>
      </c>
      <c r="JM39" s="119">
        <v>0</v>
      </c>
      <c r="JN39" s="119">
        <v>0</v>
      </c>
      <c r="JO39" s="119">
        <v>0</v>
      </c>
      <c r="JP39" s="120">
        <v>139568</v>
      </c>
      <c r="JQ39" s="320">
        <v>139568</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110712</v>
      </c>
      <c r="KH39" s="119">
        <v>0</v>
      </c>
      <c r="KI39" s="119">
        <v>0</v>
      </c>
      <c r="KJ39" s="119">
        <v>0</v>
      </c>
      <c r="KK39" s="119">
        <v>0</v>
      </c>
      <c r="KL39" s="120">
        <v>110712</v>
      </c>
      <c r="KM39" s="143">
        <v>110712</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0</v>
      </c>
      <c r="MA39" s="119">
        <v>56680</v>
      </c>
      <c r="MB39" s="119">
        <v>0</v>
      </c>
      <c r="MC39" s="119">
        <v>0</v>
      </c>
      <c r="MD39" s="120">
        <v>56680</v>
      </c>
      <c r="ME39" s="121">
        <v>56680</v>
      </c>
      <c r="MF39" s="142">
        <v>0</v>
      </c>
      <c r="MG39" s="119">
        <v>0</v>
      </c>
      <c r="MH39" s="120">
        <v>0</v>
      </c>
      <c r="MI39" s="145"/>
      <c r="MJ39" s="119">
        <v>0</v>
      </c>
      <c r="MK39" s="119">
        <v>0</v>
      </c>
      <c r="ML39" s="119">
        <v>665064</v>
      </c>
      <c r="MM39" s="119">
        <v>0</v>
      </c>
      <c r="MN39" s="119">
        <v>0</v>
      </c>
      <c r="MO39" s="120">
        <v>665064</v>
      </c>
      <c r="MP39" s="143">
        <v>665064</v>
      </c>
      <c r="MQ39" s="142">
        <v>0</v>
      </c>
      <c r="MR39" s="119">
        <v>0</v>
      </c>
      <c r="MS39" s="120">
        <v>0</v>
      </c>
      <c r="MT39" s="145"/>
      <c r="MU39" s="119">
        <v>0</v>
      </c>
      <c r="MV39" s="119">
        <v>0</v>
      </c>
      <c r="MW39" s="119">
        <v>69440</v>
      </c>
      <c r="MX39" s="119">
        <v>0</v>
      </c>
      <c r="MY39" s="119">
        <v>0</v>
      </c>
      <c r="MZ39" s="120">
        <v>69440</v>
      </c>
      <c r="NA39" s="143">
        <v>69440</v>
      </c>
      <c r="NB39" s="142">
        <v>0</v>
      </c>
      <c r="NC39" s="119">
        <v>0</v>
      </c>
      <c r="ND39" s="120">
        <v>0</v>
      </c>
      <c r="NE39" s="145"/>
      <c r="NF39" s="119">
        <v>0</v>
      </c>
      <c r="NG39" s="119">
        <v>0</v>
      </c>
      <c r="NH39" s="119">
        <v>595624</v>
      </c>
      <c r="NI39" s="119">
        <v>0</v>
      </c>
      <c r="NJ39" s="119">
        <v>0</v>
      </c>
      <c r="NK39" s="120">
        <v>595624</v>
      </c>
      <c r="NL39" s="320">
        <v>595624</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314648</v>
      </c>
      <c r="ON39" s="119">
        <v>337821</v>
      </c>
      <c r="OO39" s="119">
        <v>1093112</v>
      </c>
      <c r="OP39" s="119">
        <v>0</v>
      </c>
      <c r="OQ39" s="119">
        <v>242160</v>
      </c>
      <c r="OR39" s="120">
        <v>1987741</v>
      </c>
      <c r="OS39" s="143">
        <v>1987741</v>
      </c>
    </row>
    <row r="40" spans="2:409" ht="20.25" customHeight="1" x14ac:dyDescent="0.2">
      <c r="B40" s="126" t="s">
        <v>35</v>
      </c>
      <c r="C40" s="110">
        <v>190640</v>
      </c>
      <c r="D40" s="114">
        <v>148112</v>
      </c>
      <c r="E40" s="113">
        <v>338752</v>
      </c>
      <c r="F40" s="109">
        <v>0</v>
      </c>
      <c r="G40" s="114">
        <v>1343472</v>
      </c>
      <c r="H40" s="114">
        <v>755416</v>
      </c>
      <c r="I40" s="114">
        <v>399586</v>
      </c>
      <c r="J40" s="114">
        <v>886580</v>
      </c>
      <c r="K40" s="114">
        <v>578919</v>
      </c>
      <c r="L40" s="173">
        <v>3963973</v>
      </c>
      <c r="M40" s="116">
        <v>4302725</v>
      </c>
      <c r="N40" s="110">
        <v>20512</v>
      </c>
      <c r="O40" s="114">
        <v>21624</v>
      </c>
      <c r="P40" s="113">
        <v>42136</v>
      </c>
      <c r="Q40" s="110">
        <v>0</v>
      </c>
      <c r="R40" s="114">
        <v>306267</v>
      </c>
      <c r="S40" s="114">
        <v>161544</v>
      </c>
      <c r="T40" s="114">
        <v>308106</v>
      </c>
      <c r="U40" s="114">
        <v>277756</v>
      </c>
      <c r="V40" s="114">
        <v>327976</v>
      </c>
      <c r="W40" s="113">
        <v>1381649</v>
      </c>
      <c r="X40" s="116">
        <v>1423785</v>
      </c>
      <c r="Y40" s="110">
        <v>0</v>
      </c>
      <c r="Z40" s="114">
        <v>0</v>
      </c>
      <c r="AA40" s="113">
        <v>0</v>
      </c>
      <c r="AB40" s="110">
        <v>0</v>
      </c>
      <c r="AC40" s="114">
        <v>186691</v>
      </c>
      <c r="AD40" s="114">
        <v>36456</v>
      </c>
      <c r="AE40" s="114">
        <v>208666</v>
      </c>
      <c r="AF40" s="114">
        <v>188268</v>
      </c>
      <c r="AG40" s="114">
        <v>208016</v>
      </c>
      <c r="AH40" s="113">
        <v>828097</v>
      </c>
      <c r="AI40" s="116">
        <v>828097</v>
      </c>
      <c r="AJ40" s="110">
        <v>0</v>
      </c>
      <c r="AK40" s="114">
        <v>0</v>
      </c>
      <c r="AL40" s="113">
        <v>0</v>
      </c>
      <c r="AM40" s="110">
        <v>0</v>
      </c>
      <c r="AN40" s="114">
        <v>0</v>
      </c>
      <c r="AO40" s="114">
        <v>0</v>
      </c>
      <c r="AP40" s="114">
        <v>0</v>
      </c>
      <c r="AQ40" s="114">
        <v>12536</v>
      </c>
      <c r="AR40" s="114">
        <v>97344</v>
      </c>
      <c r="AS40" s="113">
        <v>109880</v>
      </c>
      <c r="AT40" s="116">
        <v>109880</v>
      </c>
      <c r="AU40" s="110">
        <v>0</v>
      </c>
      <c r="AV40" s="114">
        <v>0</v>
      </c>
      <c r="AW40" s="113">
        <v>0</v>
      </c>
      <c r="AX40" s="110">
        <v>0</v>
      </c>
      <c r="AY40" s="114">
        <v>26272</v>
      </c>
      <c r="AZ40" s="114">
        <v>26152</v>
      </c>
      <c r="BA40" s="114">
        <v>0</v>
      </c>
      <c r="BB40" s="114">
        <v>0</v>
      </c>
      <c r="BC40" s="114">
        <v>0</v>
      </c>
      <c r="BD40" s="113">
        <v>52424</v>
      </c>
      <c r="BE40" s="116">
        <v>52424</v>
      </c>
      <c r="BF40" s="110">
        <v>0</v>
      </c>
      <c r="BG40" s="114">
        <v>0</v>
      </c>
      <c r="BH40" s="112">
        <v>0</v>
      </c>
      <c r="BI40" s="111">
        <v>0</v>
      </c>
      <c r="BJ40" s="114">
        <v>37200</v>
      </c>
      <c r="BK40" s="114">
        <v>22944</v>
      </c>
      <c r="BL40" s="114">
        <v>49920</v>
      </c>
      <c r="BM40" s="114">
        <v>30504</v>
      </c>
      <c r="BN40" s="114">
        <v>0</v>
      </c>
      <c r="BO40" s="113">
        <v>140568</v>
      </c>
      <c r="BP40" s="116">
        <v>140568</v>
      </c>
      <c r="BQ40" s="110">
        <v>20512</v>
      </c>
      <c r="BR40" s="114">
        <v>21624</v>
      </c>
      <c r="BS40" s="113">
        <v>42136</v>
      </c>
      <c r="BT40" s="110">
        <v>0</v>
      </c>
      <c r="BU40" s="114">
        <v>56104</v>
      </c>
      <c r="BV40" s="114">
        <v>75992</v>
      </c>
      <c r="BW40" s="114">
        <v>49520</v>
      </c>
      <c r="BX40" s="114">
        <v>46448</v>
      </c>
      <c r="BY40" s="114">
        <v>22616</v>
      </c>
      <c r="BZ40" s="113">
        <v>250680</v>
      </c>
      <c r="CA40" s="116">
        <v>292816</v>
      </c>
      <c r="CB40" s="110">
        <v>0</v>
      </c>
      <c r="CC40" s="114">
        <v>0</v>
      </c>
      <c r="CD40" s="113">
        <v>0</v>
      </c>
      <c r="CE40" s="110">
        <v>0</v>
      </c>
      <c r="CF40" s="114">
        <v>409392</v>
      </c>
      <c r="CG40" s="114">
        <v>244992</v>
      </c>
      <c r="CH40" s="114">
        <v>63312</v>
      </c>
      <c r="CI40" s="114">
        <v>139664</v>
      </c>
      <c r="CJ40" s="114">
        <v>0</v>
      </c>
      <c r="CK40" s="113">
        <v>857360</v>
      </c>
      <c r="CL40" s="116">
        <v>857360</v>
      </c>
      <c r="CM40" s="110">
        <v>0</v>
      </c>
      <c r="CN40" s="114">
        <v>0</v>
      </c>
      <c r="CO40" s="113">
        <v>0</v>
      </c>
      <c r="CP40" s="111">
        <v>0</v>
      </c>
      <c r="CQ40" s="114">
        <v>357368</v>
      </c>
      <c r="CR40" s="114">
        <v>244992</v>
      </c>
      <c r="CS40" s="114">
        <v>63312</v>
      </c>
      <c r="CT40" s="114">
        <v>0</v>
      </c>
      <c r="CU40" s="114">
        <v>0</v>
      </c>
      <c r="CV40" s="113">
        <v>665672</v>
      </c>
      <c r="CW40" s="116">
        <v>665672</v>
      </c>
      <c r="CX40" s="110">
        <v>0</v>
      </c>
      <c r="CY40" s="114">
        <v>0</v>
      </c>
      <c r="CZ40" s="113">
        <v>0</v>
      </c>
      <c r="DA40" s="110">
        <v>0</v>
      </c>
      <c r="DB40" s="114">
        <v>52024</v>
      </c>
      <c r="DC40" s="114">
        <v>0</v>
      </c>
      <c r="DD40" s="114">
        <v>0</v>
      </c>
      <c r="DE40" s="114">
        <v>139664</v>
      </c>
      <c r="DF40" s="114">
        <v>0</v>
      </c>
      <c r="DG40" s="113">
        <v>191688</v>
      </c>
      <c r="DH40" s="116">
        <v>191688</v>
      </c>
      <c r="DI40" s="110">
        <v>0</v>
      </c>
      <c r="DJ40" s="114">
        <v>38000</v>
      </c>
      <c r="DK40" s="112">
        <v>38000</v>
      </c>
      <c r="DL40" s="111">
        <v>0</v>
      </c>
      <c r="DM40" s="114">
        <v>0</v>
      </c>
      <c r="DN40" s="114">
        <v>0</v>
      </c>
      <c r="DO40" s="114">
        <v>0</v>
      </c>
      <c r="DP40" s="114">
        <v>0</v>
      </c>
      <c r="DQ40" s="114">
        <v>0</v>
      </c>
      <c r="DR40" s="113">
        <v>0</v>
      </c>
      <c r="DS40" s="116">
        <v>38000</v>
      </c>
      <c r="DT40" s="110">
        <v>0</v>
      </c>
      <c r="DU40" s="114">
        <v>38000</v>
      </c>
      <c r="DV40" s="113">
        <v>38000</v>
      </c>
      <c r="DW40" s="110">
        <v>0</v>
      </c>
      <c r="DX40" s="114">
        <v>0</v>
      </c>
      <c r="DY40" s="114">
        <v>0</v>
      </c>
      <c r="DZ40" s="114">
        <v>0</v>
      </c>
      <c r="EA40" s="114">
        <v>0</v>
      </c>
      <c r="EB40" s="114">
        <v>0</v>
      </c>
      <c r="EC40" s="113">
        <v>0</v>
      </c>
      <c r="ED40" s="116">
        <v>38000</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5600</v>
      </c>
      <c r="FM40" s="114">
        <v>2800</v>
      </c>
      <c r="FN40" s="113">
        <v>8400</v>
      </c>
      <c r="FO40" s="110">
        <v>0</v>
      </c>
      <c r="FP40" s="114">
        <v>17120</v>
      </c>
      <c r="FQ40" s="114">
        <v>87040</v>
      </c>
      <c r="FR40" s="114">
        <v>24000</v>
      </c>
      <c r="FS40" s="114">
        <v>46760</v>
      </c>
      <c r="FT40" s="114">
        <v>8800</v>
      </c>
      <c r="FU40" s="113">
        <v>183720</v>
      </c>
      <c r="FV40" s="116">
        <v>192120</v>
      </c>
      <c r="FW40" s="115">
        <v>5600</v>
      </c>
      <c r="FX40" s="114">
        <v>2800</v>
      </c>
      <c r="FY40" s="112">
        <v>8400</v>
      </c>
      <c r="FZ40" s="111">
        <v>0</v>
      </c>
      <c r="GA40" s="114">
        <v>17120</v>
      </c>
      <c r="GB40" s="114">
        <v>87040</v>
      </c>
      <c r="GC40" s="114">
        <v>24000</v>
      </c>
      <c r="GD40" s="114">
        <v>46760</v>
      </c>
      <c r="GE40" s="114">
        <v>8800</v>
      </c>
      <c r="GF40" s="113">
        <v>183720</v>
      </c>
      <c r="GG40" s="318">
        <v>192120</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164528</v>
      </c>
      <c r="HE40" s="114">
        <v>85688</v>
      </c>
      <c r="HF40" s="112">
        <v>250216</v>
      </c>
      <c r="HG40" s="111">
        <v>0</v>
      </c>
      <c r="HH40" s="114">
        <v>610693</v>
      </c>
      <c r="HI40" s="114">
        <v>261840</v>
      </c>
      <c r="HJ40" s="114">
        <v>4168</v>
      </c>
      <c r="HK40" s="114">
        <v>422400</v>
      </c>
      <c r="HL40" s="114">
        <v>242143</v>
      </c>
      <c r="HM40" s="113">
        <v>1541244</v>
      </c>
      <c r="HN40" s="109">
        <v>1791460</v>
      </c>
      <c r="HO40" s="328"/>
      <c r="HP40" s="329"/>
      <c r="HQ40" s="330"/>
      <c r="HR40" s="331"/>
      <c r="HS40" s="329"/>
      <c r="HT40" s="329"/>
      <c r="HU40" s="329"/>
      <c r="HV40" s="329"/>
      <c r="HW40" s="329"/>
      <c r="HX40" s="332"/>
      <c r="HY40" s="333"/>
      <c r="HZ40" s="150">
        <v>0</v>
      </c>
      <c r="IA40" s="135">
        <v>0</v>
      </c>
      <c r="IB40" s="150">
        <v>0</v>
      </c>
      <c r="IC40" s="146">
        <v>0</v>
      </c>
      <c r="ID40" s="132">
        <v>0</v>
      </c>
      <c r="IE40" s="147">
        <v>463992</v>
      </c>
      <c r="IF40" s="133">
        <v>231912</v>
      </c>
      <c r="IG40" s="132">
        <v>0</v>
      </c>
      <c r="IH40" s="133">
        <v>0</v>
      </c>
      <c r="II40" s="148">
        <v>695904</v>
      </c>
      <c r="IJ40" s="150">
        <v>695904</v>
      </c>
      <c r="IK40" s="232">
        <v>0</v>
      </c>
      <c r="IL40" s="236">
        <v>0</v>
      </c>
      <c r="IM40" s="237">
        <v>0</v>
      </c>
      <c r="IN40" s="140"/>
      <c r="IO40" s="119">
        <v>0</v>
      </c>
      <c r="IP40" s="119">
        <v>63360</v>
      </c>
      <c r="IQ40" s="119">
        <v>0</v>
      </c>
      <c r="IR40" s="119">
        <v>0</v>
      </c>
      <c r="IS40" s="119">
        <v>0</v>
      </c>
      <c r="IT40" s="141">
        <v>63360</v>
      </c>
      <c r="IU40" s="320">
        <v>6336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20">
        <v>0</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162712</v>
      </c>
      <c r="KI40" s="119">
        <v>231912</v>
      </c>
      <c r="KJ40" s="119">
        <v>0</v>
      </c>
      <c r="KK40" s="119">
        <v>0</v>
      </c>
      <c r="KL40" s="120">
        <v>394624</v>
      </c>
      <c r="KM40" s="143">
        <v>394624</v>
      </c>
      <c r="KN40" s="232">
        <v>0</v>
      </c>
      <c r="KO40" s="236">
        <v>0</v>
      </c>
      <c r="KP40" s="237">
        <v>0</v>
      </c>
      <c r="KQ40" s="140"/>
      <c r="KR40" s="119">
        <v>0</v>
      </c>
      <c r="KS40" s="119">
        <v>237920</v>
      </c>
      <c r="KT40" s="119">
        <v>0</v>
      </c>
      <c r="KU40" s="119">
        <v>0</v>
      </c>
      <c r="KV40" s="119">
        <v>0</v>
      </c>
      <c r="KW40" s="120">
        <v>237920</v>
      </c>
      <c r="KX40" s="320">
        <v>237920</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265672</v>
      </c>
      <c r="MK40" s="119">
        <v>0</v>
      </c>
      <c r="ML40" s="119">
        <v>270056</v>
      </c>
      <c r="MM40" s="119">
        <v>518792</v>
      </c>
      <c r="MN40" s="119">
        <v>279488</v>
      </c>
      <c r="MO40" s="120">
        <v>1334008</v>
      </c>
      <c r="MP40" s="143">
        <v>1334008</v>
      </c>
      <c r="MQ40" s="142">
        <v>0</v>
      </c>
      <c r="MR40" s="119">
        <v>0</v>
      </c>
      <c r="MS40" s="120">
        <v>0</v>
      </c>
      <c r="MT40" s="145"/>
      <c r="MU40" s="119">
        <v>0</v>
      </c>
      <c r="MV40" s="119">
        <v>0</v>
      </c>
      <c r="MW40" s="119">
        <v>0</v>
      </c>
      <c r="MX40" s="119">
        <v>518792</v>
      </c>
      <c r="MY40" s="119">
        <v>279488</v>
      </c>
      <c r="MZ40" s="120">
        <v>798280</v>
      </c>
      <c r="NA40" s="143">
        <v>798280</v>
      </c>
      <c r="NB40" s="142">
        <v>0</v>
      </c>
      <c r="NC40" s="119">
        <v>0</v>
      </c>
      <c r="ND40" s="120">
        <v>0</v>
      </c>
      <c r="NE40" s="145"/>
      <c r="NF40" s="119">
        <v>265672</v>
      </c>
      <c r="NG40" s="119">
        <v>0</v>
      </c>
      <c r="NH40" s="119">
        <v>270056</v>
      </c>
      <c r="NI40" s="119">
        <v>0</v>
      </c>
      <c r="NJ40" s="119">
        <v>0</v>
      </c>
      <c r="NK40" s="120">
        <v>535728</v>
      </c>
      <c r="NL40" s="320">
        <v>535728</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190640</v>
      </c>
      <c r="OJ40" s="119">
        <v>148112</v>
      </c>
      <c r="OK40" s="141">
        <v>338752</v>
      </c>
      <c r="OL40" s="118">
        <v>0</v>
      </c>
      <c r="OM40" s="119">
        <v>1609144</v>
      </c>
      <c r="ON40" s="119">
        <v>1219408</v>
      </c>
      <c r="OO40" s="119">
        <v>901554</v>
      </c>
      <c r="OP40" s="119">
        <v>1405372</v>
      </c>
      <c r="OQ40" s="119">
        <v>858407</v>
      </c>
      <c r="OR40" s="120">
        <v>5993885</v>
      </c>
      <c r="OS40" s="143">
        <v>6332637</v>
      </c>
    </row>
    <row r="41" spans="2:409" ht="20.25" customHeight="1" x14ac:dyDescent="0.2">
      <c r="B41" s="126" t="s">
        <v>36</v>
      </c>
      <c r="C41" s="110">
        <v>24400</v>
      </c>
      <c r="D41" s="114">
        <v>60536</v>
      </c>
      <c r="E41" s="113">
        <v>84936</v>
      </c>
      <c r="F41" s="109">
        <v>0</v>
      </c>
      <c r="G41" s="114">
        <v>492830</v>
      </c>
      <c r="H41" s="114">
        <v>601690</v>
      </c>
      <c r="I41" s="114">
        <v>724361</v>
      </c>
      <c r="J41" s="114">
        <v>425310</v>
      </c>
      <c r="K41" s="114">
        <v>789939</v>
      </c>
      <c r="L41" s="173">
        <v>3034130</v>
      </c>
      <c r="M41" s="116">
        <v>3119066</v>
      </c>
      <c r="N41" s="110">
        <v>24400</v>
      </c>
      <c r="O41" s="114">
        <v>0</v>
      </c>
      <c r="P41" s="113">
        <v>24400</v>
      </c>
      <c r="Q41" s="110">
        <v>0</v>
      </c>
      <c r="R41" s="114">
        <v>223519</v>
      </c>
      <c r="S41" s="114">
        <v>68885</v>
      </c>
      <c r="T41" s="114">
        <v>323676</v>
      </c>
      <c r="U41" s="114">
        <v>12120</v>
      </c>
      <c r="V41" s="114">
        <v>42432</v>
      </c>
      <c r="W41" s="113">
        <v>670632</v>
      </c>
      <c r="X41" s="116">
        <v>695032</v>
      </c>
      <c r="Y41" s="110">
        <v>0</v>
      </c>
      <c r="Z41" s="114">
        <v>0</v>
      </c>
      <c r="AA41" s="113">
        <v>0</v>
      </c>
      <c r="AB41" s="110">
        <v>0</v>
      </c>
      <c r="AC41" s="114">
        <v>115267</v>
      </c>
      <c r="AD41" s="114">
        <v>33939</v>
      </c>
      <c r="AE41" s="114">
        <v>197842</v>
      </c>
      <c r="AF41" s="114">
        <v>0</v>
      </c>
      <c r="AG41" s="114">
        <v>0</v>
      </c>
      <c r="AH41" s="113">
        <v>347048</v>
      </c>
      <c r="AI41" s="116">
        <v>347048</v>
      </c>
      <c r="AJ41" s="110">
        <v>0</v>
      </c>
      <c r="AK41" s="114">
        <v>0</v>
      </c>
      <c r="AL41" s="113">
        <v>0</v>
      </c>
      <c r="AM41" s="110">
        <v>0</v>
      </c>
      <c r="AN41" s="114">
        <v>0</v>
      </c>
      <c r="AO41" s="114">
        <v>0</v>
      </c>
      <c r="AP41" s="114">
        <v>0</v>
      </c>
      <c r="AQ41" s="114">
        <v>0</v>
      </c>
      <c r="AR41" s="114">
        <v>0</v>
      </c>
      <c r="AS41" s="113">
        <v>0</v>
      </c>
      <c r="AT41" s="116">
        <v>0</v>
      </c>
      <c r="AU41" s="110">
        <v>19632</v>
      </c>
      <c r="AV41" s="114">
        <v>0</v>
      </c>
      <c r="AW41" s="113">
        <v>19632</v>
      </c>
      <c r="AX41" s="110">
        <v>0</v>
      </c>
      <c r="AY41" s="114">
        <v>66460</v>
      </c>
      <c r="AZ41" s="114">
        <v>0</v>
      </c>
      <c r="BA41" s="114">
        <v>69054</v>
      </c>
      <c r="BB41" s="114">
        <v>0</v>
      </c>
      <c r="BC41" s="114">
        <v>0</v>
      </c>
      <c r="BD41" s="113">
        <v>135514</v>
      </c>
      <c r="BE41" s="116">
        <v>155146</v>
      </c>
      <c r="BF41" s="110">
        <v>0</v>
      </c>
      <c r="BG41" s="114">
        <v>0</v>
      </c>
      <c r="BH41" s="112">
        <v>0</v>
      </c>
      <c r="BI41" s="111">
        <v>0</v>
      </c>
      <c r="BJ41" s="114">
        <v>0</v>
      </c>
      <c r="BK41" s="114">
        <v>16450</v>
      </c>
      <c r="BL41" s="114">
        <v>22156</v>
      </c>
      <c r="BM41" s="114">
        <v>0</v>
      </c>
      <c r="BN41" s="114">
        <v>0</v>
      </c>
      <c r="BO41" s="113">
        <v>38606</v>
      </c>
      <c r="BP41" s="116">
        <v>38606</v>
      </c>
      <c r="BQ41" s="110">
        <v>4768</v>
      </c>
      <c r="BR41" s="114">
        <v>0</v>
      </c>
      <c r="BS41" s="113">
        <v>4768</v>
      </c>
      <c r="BT41" s="110">
        <v>0</v>
      </c>
      <c r="BU41" s="114">
        <v>41792</v>
      </c>
      <c r="BV41" s="114">
        <v>18496</v>
      </c>
      <c r="BW41" s="114">
        <v>34624</v>
      </c>
      <c r="BX41" s="114">
        <v>12120</v>
      </c>
      <c r="BY41" s="114">
        <v>42432</v>
      </c>
      <c r="BZ41" s="113">
        <v>149464</v>
      </c>
      <c r="CA41" s="116">
        <v>154232</v>
      </c>
      <c r="CB41" s="110">
        <v>0</v>
      </c>
      <c r="CC41" s="114">
        <v>37312</v>
      </c>
      <c r="CD41" s="113">
        <v>37312</v>
      </c>
      <c r="CE41" s="110">
        <v>0</v>
      </c>
      <c r="CF41" s="114">
        <v>76727</v>
      </c>
      <c r="CG41" s="114">
        <v>241652</v>
      </c>
      <c r="CH41" s="114">
        <v>101672</v>
      </c>
      <c r="CI41" s="114">
        <v>0</v>
      </c>
      <c r="CJ41" s="114">
        <v>0</v>
      </c>
      <c r="CK41" s="113">
        <v>420051</v>
      </c>
      <c r="CL41" s="116">
        <v>457363</v>
      </c>
      <c r="CM41" s="110">
        <v>0</v>
      </c>
      <c r="CN41" s="114">
        <v>0</v>
      </c>
      <c r="CO41" s="113">
        <v>0</v>
      </c>
      <c r="CP41" s="111">
        <v>0</v>
      </c>
      <c r="CQ41" s="114">
        <v>76727</v>
      </c>
      <c r="CR41" s="114">
        <v>136061</v>
      </c>
      <c r="CS41" s="114">
        <v>101672</v>
      </c>
      <c r="CT41" s="114">
        <v>0</v>
      </c>
      <c r="CU41" s="114">
        <v>0</v>
      </c>
      <c r="CV41" s="113">
        <v>314460</v>
      </c>
      <c r="CW41" s="116">
        <v>314460</v>
      </c>
      <c r="CX41" s="110">
        <v>0</v>
      </c>
      <c r="CY41" s="114">
        <v>37312</v>
      </c>
      <c r="CZ41" s="113">
        <v>37312</v>
      </c>
      <c r="DA41" s="110">
        <v>0</v>
      </c>
      <c r="DB41" s="114">
        <v>0</v>
      </c>
      <c r="DC41" s="114">
        <v>105591</v>
      </c>
      <c r="DD41" s="114">
        <v>0</v>
      </c>
      <c r="DE41" s="114">
        <v>0</v>
      </c>
      <c r="DF41" s="114">
        <v>0</v>
      </c>
      <c r="DG41" s="113">
        <v>105591</v>
      </c>
      <c r="DH41" s="116">
        <v>142903</v>
      </c>
      <c r="DI41" s="110">
        <v>0</v>
      </c>
      <c r="DJ41" s="114">
        <v>0</v>
      </c>
      <c r="DK41" s="112">
        <v>0</v>
      </c>
      <c r="DL41" s="111">
        <v>0</v>
      </c>
      <c r="DM41" s="114">
        <v>0</v>
      </c>
      <c r="DN41" s="114">
        <v>0</v>
      </c>
      <c r="DO41" s="114">
        <v>17917</v>
      </c>
      <c r="DP41" s="114">
        <v>0</v>
      </c>
      <c r="DQ41" s="114">
        <v>0</v>
      </c>
      <c r="DR41" s="113">
        <v>17917</v>
      </c>
      <c r="DS41" s="116">
        <v>17917</v>
      </c>
      <c r="DT41" s="110">
        <v>0</v>
      </c>
      <c r="DU41" s="114">
        <v>0</v>
      </c>
      <c r="DV41" s="113">
        <v>0</v>
      </c>
      <c r="DW41" s="110">
        <v>0</v>
      </c>
      <c r="DX41" s="114">
        <v>0</v>
      </c>
      <c r="DY41" s="114">
        <v>0</v>
      </c>
      <c r="DZ41" s="114">
        <v>17917</v>
      </c>
      <c r="EA41" s="114">
        <v>0</v>
      </c>
      <c r="EB41" s="114">
        <v>0</v>
      </c>
      <c r="EC41" s="113">
        <v>17917</v>
      </c>
      <c r="ED41" s="116">
        <v>17917</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23224</v>
      </c>
      <c r="FN41" s="113">
        <v>23224</v>
      </c>
      <c r="FO41" s="110">
        <v>0</v>
      </c>
      <c r="FP41" s="114">
        <v>29712</v>
      </c>
      <c r="FQ41" s="114">
        <v>118528</v>
      </c>
      <c r="FR41" s="114">
        <v>44008</v>
      </c>
      <c r="FS41" s="114">
        <v>0</v>
      </c>
      <c r="FT41" s="114">
        <v>35536</v>
      </c>
      <c r="FU41" s="113">
        <v>227784</v>
      </c>
      <c r="FV41" s="116">
        <v>251008</v>
      </c>
      <c r="FW41" s="115">
        <v>0</v>
      </c>
      <c r="FX41" s="114">
        <v>23224</v>
      </c>
      <c r="FY41" s="112">
        <v>23224</v>
      </c>
      <c r="FZ41" s="111">
        <v>0</v>
      </c>
      <c r="GA41" s="114">
        <v>29712</v>
      </c>
      <c r="GB41" s="114">
        <v>85728</v>
      </c>
      <c r="GC41" s="114">
        <v>44008</v>
      </c>
      <c r="GD41" s="114">
        <v>0</v>
      </c>
      <c r="GE41" s="114">
        <v>35536</v>
      </c>
      <c r="GF41" s="113">
        <v>194984</v>
      </c>
      <c r="GG41" s="318">
        <v>218208</v>
      </c>
      <c r="GH41" s="115">
        <v>0</v>
      </c>
      <c r="GI41" s="114">
        <v>0</v>
      </c>
      <c r="GJ41" s="112">
        <v>0</v>
      </c>
      <c r="GK41" s="111">
        <v>0</v>
      </c>
      <c r="GL41" s="114">
        <v>0</v>
      </c>
      <c r="GM41" s="114">
        <v>12800</v>
      </c>
      <c r="GN41" s="114">
        <v>0</v>
      </c>
      <c r="GO41" s="114">
        <v>0</v>
      </c>
      <c r="GP41" s="114">
        <v>0</v>
      </c>
      <c r="GQ41" s="113">
        <v>12800</v>
      </c>
      <c r="GR41" s="116">
        <v>12800</v>
      </c>
      <c r="GS41" s="110">
        <v>0</v>
      </c>
      <c r="GT41" s="114">
        <v>0</v>
      </c>
      <c r="GU41" s="113">
        <v>0</v>
      </c>
      <c r="GV41" s="110">
        <v>0</v>
      </c>
      <c r="GW41" s="114">
        <v>0</v>
      </c>
      <c r="GX41" s="114">
        <v>20000</v>
      </c>
      <c r="GY41" s="114">
        <v>0</v>
      </c>
      <c r="GZ41" s="114">
        <v>0</v>
      </c>
      <c r="HA41" s="114">
        <v>0</v>
      </c>
      <c r="HB41" s="112">
        <v>20000</v>
      </c>
      <c r="HC41" s="116">
        <v>20000</v>
      </c>
      <c r="HD41" s="110">
        <v>0</v>
      </c>
      <c r="HE41" s="114">
        <v>0</v>
      </c>
      <c r="HF41" s="112">
        <v>0</v>
      </c>
      <c r="HG41" s="111">
        <v>0</v>
      </c>
      <c r="HH41" s="114">
        <v>162872</v>
      </c>
      <c r="HI41" s="114">
        <v>172625</v>
      </c>
      <c r="HJ41" s="114">
        <v>237088</v>
      </c>
      <c r="HK41" s="114">
        <v>413190</v>
      </c>
      <c r="HL41" s="114">
        <v>711971</v>
      </c>
      <c r="HM41" s="113">
        <v>1697746</v>
      </c>
      <c r="HN41" s="109">
        <v>1697746</v>
      </c>
      <c r="HO41" s="328"/>
      <c r="HP41" s="329"/>
      <c r="HQ41" s="330"/>
      <c r="HR41" s="331"/>
      <c r="HS41" s="329"/>
      <c r="HT41" s="329"/>
      <c r="HU41" s="329"/>
      <c r="HV41" s="329"/>
      <c r="HW41" s="329"/>
      <c r="HX41" s="332"/>
      <c r="HY41" s="333"/>
      <c r="HZ41" s="131">
        <v>0</v>
      </c>
      <c r="IA41" s="132">
        <v>0</v>
      </c>
      <c r="IB41" s="133">
        <v>0</v>
      </c>
      <c r="IC41" s="146">
        <v>0</v>
      </c>
      <c r="ID41" s="132">
        <v>107758</v>
      </c>
      <c r="IE41" s="147">
        <v>328101</v>
      </c>
      <c r="IF41" s="133">
        <v>0</v>
      </c>
      <c r="IG41" s="132">
        <v>0</v>
      </c>
      <c r="IH41" s="133">
        <v>255472</v>
      </c>
      <c r="II41" s="148">
        <v>691331</v>
      </c>
      <c r="IJ41" s="139">
        <v>691331</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07758</v>
      </c>
      <c r="JL41" s="119">
        <v>85353</v>
      </c>
      <c r="JM41" s="119">
        <v>0</v>
      </c>
      <c r="JN41" s="119">
        <v>0</v>
      </c>
      <c r="JO41" s="119">
        <v>255472</v>
      </c>
      <c r="JP41" s="120">
        <v>448583</v>
      </c>
      <c r="JQ41" s="320">
        <v>448583</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42748</v>
      </c>
      <c r="KT41" s="119">
        <v>0</v>
      </c>
      <c r="KU41" s="119">
        <v>0</v>
      </c>
      <c r="KV41" s="119">
        <v>0</v>
      </c>
      <c r="KW41" s="120">
        <v>242748</v>
      </c>
      <c r="KX41" s="320">
        <v>242748</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228829</v>
      </c>
      <c r="MK41" s="119">
        <v>485117</v>
      </c>
      <c r="ML41" s="119">
        <v>497712</v>
      </c>
      <c r="MM41" s="119">
        <v>799235</v>
      </c>
      <c r="MN41" s="119">
        <v>573366</v>
      </c>
      <c r="MO41" s="120">
        <v>2584259</v>
      </c>
      <c r="MP41" s="143">
        <v>2584259</v>
      </c>
      <c r="MQ41" s="142">
        <v>0</v>
      </c>
      <c r="MR41" s="119">
        <v>0</v>
      </c>
      <c r="MS41" s="120">
        <v>0</v>
      </c>
      <c r="MT41" s="145"/>
      <c r="MU41" s="119">
        <v>0</v>
      </c>
      <c r="MV41" s="119">
        <v>0</v>
      </c>
      <c r="MW41" s="119">
        <v>0</v>
      </c>
      <c r="MX41" s="119">
        <v>799235</v>
      </c>
      <c r="MY41" s="119">
        <v>573366</v>
      </c>
      <c r="MZ41" s="120">
        <v>1372601</v>
      </c>
      <c r="NA41" s="143">
        <v>1372601</v>
      </c>
      <c r="NB41" s="142">
        <v>0</v>
      </c>
      <c r="NC41" s="119">
        <v>0</v>
      </c>
      <c r="ND41" s="120">
        <v>0</v>
      </c>
      <c r="NE41" s="145"/>
      <c r="NF41" s="119">
        <v>228829</v>
      </c>
      <c r="NG41" s="119">
        <v>485117</v>
      </c>
      <c r="NH41" s="119">
        <v>497712</v>
      </c>
      <c r="NI41" s="119">
        <v>0</v>
      </c>
      <c r="NJ41" s="119">
        <v>0</v>
      </c>
      <c r="NK41" s="120">
        <v>1211658</v>
      </c>
      <c r="NL41" s="320">
        <v>1211658</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24400</v>
      </c>
      <c r="OJ41" s="119">
        <v>60536</v>
      </c>
      <c r="OK41" s="141">
        <v>84936</v>
      </c>
      <c r="OL41" s="118">
        <v>0</v>
      </c>
      <c r="OM41" s="119">
        <v>829417</v>
      </c>
      <c r="ON41" s="119">
        <v>1414908</v>
      </c>
      <c r="OO41" s="119">
        <v>1222073</v>
      </c>
      <c r="OP41" s="119">
        <v>1224545</v>
      </c>
      <c r="OQ41" s="119">
        <v>1618777</v>
      </c>
      <c r="OR41" s="120">
        <v>6309720</v>
      </c>
      <c r="OS41" s="143">
        <v>6394656</v>
      </c>
    </row>
    <row r="42" spans="2:409" ht="20.25" customHeight="1" thickBot="1" x14ac:dyDescent="0.25">
      <c r="B42" s="127" t="s">
        <v>37</v>
      </c>
      <c r="C42" s="117">
        <v>0</v>
      </c>
      <c r="D42" s="178">
        <v>0</v>
      </c>
      <c r="E42" s="179">
        <v>0</v>
      </c>
      <c r="F42" s="180">
        <v>0</v>
      </c>
      <c r="G42" s="178">
        <v>0</v>
      </c>
      <c r="H42" s="178">
        <v>209962</v>
      </c>
      <c r="I42" s="178">
        <v>0</v>
      </c>
      <c r="J42" s="178">
        <v>0</v>
      </c>
      <c r="K42" s="178">
        <v>251265</v>
      </c>
      <c r="L42" s="180">
        <v>461227</v>
      </c>
      <c r="M42" s="181">
        <v>461227</v>
      </c>
      <c r="N42" s="117">
        <v>0</v>
      </c>
      <c r="O42" s="178">
        <v>0</v>
      </c>
      <c r="P42" s="179">
        <v>0</v>
      </c>
      <c r="Q42" s="117">
        <v>0</v>
      </c>
      <c r="R42" s="178">
        <v>0</v>
      </c>
      <c r="S42" s="178">
        <v>61401</v>
      </c>
      <c r="T42" s="178">
        <v>0</v>
      </c>
      <c r="U42" s="178">
        <v>0</v>
      </c>
      <c r="V42" s="178">
        <v>12480</v>
      </c>
      <c r="W42" s="179">
        <v>73881</v>
      </c>
      <c r="X42" s="181">
        <v>73881</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61401</v>
      </c>
      <c r="BL42" s="178">
        <v>0</v>
      </c>
      <c r="BM42" s="178">
        <v>0</v>
      </c>
      <c r="BN42" s="178">
        <v>0</v>
      </c>
      <c r="BO42" s="179">
        <v>61401</v>
      </c>
      <c r="BP42" s="181">
        <v>61401</v>
      </c>
      <c r="BQ42" s="117">
        <v>0</v>
      </c>
      <c r="BR42" s="178">
        <v>0</v>
      </c>
      <c r="BS42" s="179">
        <v>0</v>
      </c>
      <c r="BT42" s="117">
        <v>0</v>
      </c>
      <c r="BU42" s="178">
        <v>0</v>
      </c>
      <c r="BV42" s="178">
        <v>0</v>
      </c>
      <c r="BW42" s="178">
        <v>0</v>
      </c>
      <c r="BX42" s="178">
        <v>0</v>
      </c>
      <c r="BY42" s="178">
        <v>12480</v>
      </c>
      <c r="BZ42" s="179">
        <v>12480</v>
      </c>
      <c r="CA42" s="181">
        <v>12480</v>
      </c>
      <c r="CB42" s="117">
        <v>0</v>
      </c>
      <c r="CC42" s="178">
        <v>0</v>
      </c>
      <c r="CD42" s="179">
        <v>0</v>
      </c>
      <c r="CE42" s="117">
        <v>0</v>
      </c>
      <c r="CF42" s="178">
        <v>0</v>
      </c>
      <c r="CG42" s="178">
        <v>125585</v>
      </c>
      <c r="CH42" s="178">
        <v>0</v>
      </c>
      <c r="CI42" s="178">
        <v>0</v>
      </c>
      <c r="CJ42" s="178">
        <v>0</v>
      </c>
      <c r="CK42" s="179">
        <v>125585</v>
      </c>
      <c r="CL42" s="181">
        <v>125585</v>
      </c>
      <c r="CM42" s="117">
        <v>0</v>
      </c>
      <c r="CN42" s="178">
        <v>0</v>
      </c>
      <c r="CO42" s="179">
        <v>0</v>
      </c>
      <c r="CP42" s="182">
        <v>0</v>
      </c>
      <c r="CQ42" s="178">
        <v>0</v>
      </c>
      <c r="CR42" s="178">
        <v>125585</v>
      </c>
      <c r="CS42" s="178">
        <v>0</v>
      </c>
      <c r="CT42" s="178">
        <v>0</v>
      </c>
      <c r="CU42" s="178">
        <v>0</v>
      </c>
      <c r="CV42" s="179">
        <v>125585</v>
      </c>
      <c r="CW42" s="181">
        <v>125585</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0</v>
      </c>
      <c r="FN42" s="179">
        <v>0</v>
      </c>
      <c r="FO42" s="117">
        <v>0</v>
      </c>
      <c r="FP42" s="178">
        <v>0</v>
      </c>
      <c r="FQ42" s="178">
        <v>22976</v>
      </c>
      <c r="FR42" s="178">
        <v>0</v>
      </c>
      <c r="FS42" s="178">
        <v>0</v>
      </c>
      <c r="FT42" s="178">
        <v>0</v>
      </c>
      <c r="FU42" s="179">
        <v>22976</v>
      </c>
      <c r="FV42" s="181">
        <v>22976</v>
      </c>
      <c r="FW42" s="184">
        <v>0</v>
      </c>
      <c r="FX42" s="178">
        <v>0</v>
      </c>
      <c r="FY42" s="183">
        <v>0</v>
      </c>
      <c r="FZ42" s="182">
        <v>0</v>
      </c>
      <c r="GA42" s="178">
        <v>0</v>
      </c>
      <c r="GB42" s="178">
        <v>22976</v>
      </c>
      <c r="GC42" s="178">
        <v>0</v>
      </c>
      <c r="GD42" s="178">
        <v>0</v>
      </c>
      <c r="GE42" s="178">
        <v>0</v>
      </c>
      <c r="GF42" s="179">
        <v>22976</v>
      </c>
      <c r="GG42" s="319">
        <v>22976</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0</v>
      </c>
      <c r="HL42" s="178">
        <v>238785</v>
      </c>
      <c r="HM42" s="179">
        <v>238785</v>
      </c>
      <c r="HN42" s="180">
        <v>238785</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1">
        <v>0</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30227</v>
      </c>
      <c r="MM42" s="161">
        <v>257327</v>
      </c>
      <c r="MN42" s="161">
        <v>0</v>
      </c>
      <c r="MO42" s="165">
        <v>487554</v>
      </c>
      <c r="MP42" s="167">
        <v>487554</v>
      </c>
      <c r="MQ42" s="163">
        <v>0</v>
      </c>
      <c r="MR42" s="161">
        <v>0</v>
      </c>
      <c r="MS42" s="165">
        <v>0</v>
      </c>
      <c r="MT42" s="169"/>
      <c r="MU42" s="161">
        <v>0</v>
      </c>
      <c r="MV42" s="161">
        <v>0</v>
      </c>
      <c r="MW42" s="161">
        <v>230227</v>
      </c>
      <c r="MX42" s="161">
        <v>257327</v>
      </c>
      <c r="MY42" s="161">
        <v>0</v>
      </c>
      <c r="MZ42" s="165">
        <v>487554</v>
      </c>
      <c r="NA42" s="167">
        <v>487554</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0</v>
      </c>
      <c r="OK42" s="162">
        <v>0</v>
      </c>
      <c r="OL42" s="164">
        <v>0</v>
      </c>
      <c r="OM42" s="161">
        <v>0</v>
      </c>
      <c r="ON42" s="161">
        <v>209962</v>
      </c>
      <c r="OO42" s="161">
        <v>230227</v>
      </c>
      <c r="OP42" s="161">
        <v>257327</v>
      </c>
      <c r="OQ42" s="161">
        <v>251265</v>
      </c>
      <c r="OR42" s="165">
        <v>948781</v>
      </c>
      <c r="OS42" s="167">
        <v>948781</v>
      </c>
    </row>
    <row r="43" spans="2:409" x14ac:dyDescent="0.2">
      <c r="B43" s="44"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FW6:GG6"/>
    <mergeCell ref="GH6:GR6"/>
    <mergeCell ref="GR7:GR8"/>
    <mergeCell ref="GS7:GU7"/>
    <mergeCell ref="ES7:EY7"/>
    <mergeCell ref="FA7:FC7"/>
    <mergeCell ref="FD7:FJ7"/>
    <mergeCell ref="FK7:FK8"/>
    <mergeCell ref="GS6:HC6"/>
    <mergeCell ref="FA6:FK6"/>
    <mergeCell ref="G1:H1"/>
    <mergeCell ref="I1:J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8"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4</v>
      </c>
      <c r="F1" s="502">
        <f>第１表!G2</f>
        <v>10</v>
      </c>
      <c r="G1" s="609">
        <f>IF(F1&lt;3,F1-2+12,F1-2)</f>
        <v>8</v>
      </c>
      <c r="H1" s="609"/>
      <c r="IB1" s="367"/>
      <c r="IC1" s="252"/>
      <c r="ID1" s="614"/>
      <c r="IE1" s="614"/>
    </row>
    <row r="2" spans="1:409" ht="24" customHeight="1" x14ac:dyDescent="0.2">
      <c r="B2" s="20" t="s">
        <v>147</v>
      </c>
      <c r="E2" s="249"/>
      <c r="F2" s="250"/>
      <c r="G2" s="354"/>
      <c r="H2" s="354"/>
      <c r="IB2" s="251"/>
      <c r="IC2" s="252"/>
      <c r="ID2" s="370"/>
      <c r="IE2" s="370"/>
    </row>
    <row r="3" spans="1:409" ht="24" customHeight="1" thickBot="1" x14ac:dyDescent="0.25">
      <c r="B3" s="20" t="s">
        <v>156</v>
      </c>
    </row>
    <row r="4" spans="1:409" ht="18" customHeight="1" thickBot="1" x14ac:dyDescent="0.25">
      <c r="B4" s="708" t="s">
        <v>42</v>
      </c>
      <c r="C4" s="711" t="s">
        <v>63</v>
      </c>
      <c r="D4" s="711"/>
      <c r="E4" s="711"/>
      <c r="F4" s="711"/>
      <c r="G4" s="711"/>
      <c r="H4" s="711"/>
      <c r="I4" s="711"/>
      <c r="J4" s="711"/>
      <c r="K4" s="711"/>
      <c r="L4" s="711"/>
      <c r="M4" s="711"/>
      <c r="N4" s="714"/>
      <c r="O4" s="714"/>
      <c r="P4" s="714"/>
      <c r="Q4" s="714"/>
      <c r="R4" s="714"/>
      <c r="S4" s="714"/>
      <c r="T4" s="714"/>
      <c r="U4" s="714"/>
      <c r="V4" s="714"/>
      <c r="W4" s="714"/>
      <c r="X4" s="714"/>
      <c r="Y4" s="714"/>
      <c r="Z4" s="714"/>
      <c r="AA4" s="714"/>
      <c r="AB4" s="714"/>
      <c r="AC4" s="714"/>
      <c r="AD4" s="714"/>
      <c r="AE4" s="714"/>
      <c r="AF4" s="714"/>
      <c r="AG4" s="714"/>
      <c r="AH4" s="714"/>
      <c r="AI4" s="714"/>
      <c r="AJ4" s="714"/>
      <c r="AK4" s="714"/>
      <c r="AL4" s="714"/>
      <c r="AM4" s="714"/>
      <c r="AN4" s="714"/>
      <c r="AO4" s="714"/>
      <c r="AP4" s="714"/>
      <c r="AQ4" s="714"/>
      <c r="AR4" s="714"/>
      <c r="AS4" s="714"/>
      <c r="AT4" s="714"/>
      <c r="AU4" s="714"/>
      <c r="AV4" s="714"/>
      <c r="AW4" s="714"/>
      <c r="AX4" s="714"/>
      <c r="AY4" s="714"/>
      <c r="AZ4" s="714"/>
      <c r="BA4" s="714"/>
      <c r="BB4" s="714"/>
      <c r="BC4" s="714"/>
      <c r="BD4" s="714"/>
      <c r="BE4" s="714"/>
      <c r="BF4" s="714"/>
      <c r="BG4" s="714"/>
      <c r="BH4" s="714"/>
      <c r="BI4" s="714"/>
      <c r="BJ4" s="714"/>
      <c r="BK4" s="714"/>
      <c r="BL4" s="714"/>
      <c r="BM4" s="714"/>
      <c r="BN4" s="714"/>
      <c r="BO4" s="714"/>
      <c r="BP4" s="714"/>
      <c r="BQ4" s="714"/>
      <c r="BR4" s="714"/>
      <c r="BS4" s="714"/>
      <c r="BT4" s="714"/>
      <c r="BU4" s="714"/>
      <c r="BV4" s="714"/>
      <c r="BW4" s="714"/>
      <c r="BX4" s="714"/>
      <c r="BY4" s="714"/>
      <c r="BZ4" s="714"/>
      <c r="CA4" s="714"/>
      <c r="CB4" s="714"/>
      <c r="CC4" s="714"/>
      <c r="CD4" s="714"/>
      <c r="CE4" s="714"/>
      <c r="CF4" s="714"/>
      <c r="CG4" s="714"/>
      <c r="CH4" s="714"/>
      <c r="CI4" s="714"/>
      <c r="CJ4" s="714"/>
      <c r="CK4" s="714"/>
      <c r="CL4" s="714"/>
      <c r="CM4" s="714"/>
      <c r="CN4" s="714"/>
      <c r="CO4" s="714"/>
      <c r="CP4" s="714"/>
      <c r="CQ4" s="714"/>
      <c r="CR4" s="714"/>
      <c r="CS4" s="714"/>
      <c r="CT4" s="714"/>
      <c r="CU4" s="714"/>
      <c r="CV4" s="714"/>
      <c r="CW4" s="714"/>
      <c r="CX4" s="714"/>
      <c r="CY4" s="714"/>
      <c r="CZ4" s="714"/>
      <c r="DA4" s="714"/>
      <c r="DB4" s="714"/>
      <c r="DC4" s="714"/>
      <c r="DD4" s="714"/>
      <c r="DE4" s="714"/>
      <c r="DF4" s="714"/>
      <c r="DG4" s="714"/>
      <c r="DH4" s="714"/>
      <c r="DI4" s="714"/>
      <c r="DJ4" s="714"/>
      <c r="DK4" s="714"/>
      <c r="DL4" s="714"/>
      <c r="DM4" s="714"/>
      <c r="DN4" s="714"/>
      <c r="DO4" s="714"/>
      <c r="DP4" s="714"/>
      <c r="DQ4" s="714"/>
      <c r="DR4" s="714"/>
      <c r="DS4" s="714"/>
      <c r="DT4" s="714"/>
      <c r="DU4" s="714"/>
      <c r="DV4" s="714"/>
      <c r="DW4" s="714"/>
      <c r="DX4" s="714"/>
      <c r="DY4" s="714"/>
      <c r="DZ4" s="714"/>
      <c r="EA4" s="714"/>
      <c r="EB4" s="714"/>
      <c r="EC4" s="714"/>
      <c r="ED4" s="714"/>
      <c r="EE4" s="714"/>
      <c r="EF4" s="714"/>
      <c r="EG4" s="714"/>
      <c r="EH4" s="714"/>
      <c r="EI4" s="714"/>
      <c r="EJ4" s="714"/>
      <c r="EK4" s="714"/>
      <c r="EL4" s="714"/>
      <c r="EM4" s="714"/>
      <c r="EN4" s="714"/>
      <c r="EO4" s="714"/>
      <c r="EP4" s="714"/>
      <c r="EQ4" s="714"/>
      <c r="ER4" s="714"/>
      <c r="ES4" s="714"/>
      <c r="ET4" s="714"/>
      <c r="EU4" s="714"/>
      <c r="EV4" s="714"/>
      <c r="EW4" s="714"/>
      <c r="EX4" s="714"/>
      <c r="EY4" s="714"/>
      <c r="EZ4" s="714"/>
      <c r="FA4" s="714"/>
      <c r="FB4" s="714"/>
      <c r="FC4" s="714"/>
      <c r="FD4" s="714"/>
      <c r="FE4" s="714"/>
      <c r="FF4" s="714"/>
      <c r="FG4" s="714"/>
      <c r="FH4" s="714"/>
      <c r="FI4" s="714"/>
      <c r="FJ4" s="714"/>
      <c r="FK4" s="714"/>
      <c r="FL4" s="714"/>
      <c r="FM4" s="714"/>
      <c r="FN4" s="714"/>
      <c r="FO4" s="714"/>
      <c r="FP4" s="714"/>
      <c r="FQ4" s="714"/>
      <c r="FR4" s="714"/>
      <c r="FS4" s="714"/>
      <c r="FT4" s="714"/>
      <c r="FU4" s="714"/>
      <c r="FV4" s="714"/>
      <c r="FW4" s="714"/>
      <c r="FX4" s="714"/>
      <c r="FY4" s="714"/>
      <c r="FZ4" s="714"/>
      <c r="GA4" s="714"/>
      <c r="GB4" s="714"/>
      <c r="GC4" s="714"/>
      <c r="GD4" s="714"/>
      <c r="GE4" s="714"/>
      <c r="GF4" s="714"/>
      <c r="GG4" s="714"/>
      <c r="GH4" s="714"/>
      <c r="GI4" s="714"/>
      <c r="GJ4" s="714"/>
      <c r="GK4" s="714"/>
      <c r="GL4" s="714"/>
      <c r="GM4" s="714"/>
      <c r="GN4" s="714"/>
      <c r="GO4" s="714"/>
      <c r="GP4" s="714"/>
      <c r="GQ4" s="714"/>
      <c r="GR4" s="714"/>
      <c r="GS4" s="714"/>
      <c r="GT4" s="714"/>
      <c r="GU4" s="714"/>
      <c r="GV4" s="714"/>
      <c r="GW4" s="714"/>
      <c r="GX4" s="714"/>
      <c r="GY4" s="714"/>
      <c r="GZ4" s="714"/>
      <c r="HA4" s="714"/>
      <c r="HB4" s="714"/>
      <c r="HC4" s="714"/>
      <c r="HD4" s="714"/>
      <c r="HE4" s="714"/>
      <c r="HF4" s="714"/>
      <c r="HG4" s="714"/>
      <c r="HH4" s="714"/>
      <c r="HI4" s="714"/>
      <c r="HJ4" s="714"/>
      <c r="HK4" s="714"/>
      <c r="HL4" s="714"/>
      <c r="HM4" s="714"/>
      <c r="HN4" s="714"/>
      <c r="HO4" s="714"/>
      <c r="HP4" s="714"/>
      <c r="HQ4" s="714"/>
      <c r="HR4" s="714"/>
      <c r="HS4" s="714"/>
      <c r="HT4" s="714"/>
      <c r="HU4" s="714"/>
      <c r="HV4" s="714"/>
      <c r="HW4" s="714"/>
      <c r="HX4" s="714"/>
      <c r="HY4" s="715"/>
      <c r="HZ4" s="611" t="s">
        <v>85</v>
      </c>
      <c r="IA4" s="612"/>
      <c r="IB4" s="612"/>
      <c r="IC4" s="612"/>
      <c r="ID4" s="612"/>
      <c r="IE4" s="612"/>
      <c r="IF4" s="612"/>
      <c r="IG4" s="612"/>
      <c r="IH4" s="612"/>
      <c r="II4" s="612"/>
      <c r="IJ4" s="612"/>
      <c r="IK4" s="612"/>
      <c r="IL4" s="612"/>
      <c r="IM4" s="612"/>
      <c r="IN4" s="612"/>
      <c r="IO4" s="612"/>
      <c r="IP4" s="612"/>
      <c r="IQ4" s="612"/>
      <c r="IR4" s="612"/>
      <c r="IS4" s="612"/>
      <c r="IT4" s="612"/>
      <c r="IU4" s="612"/>
      <c r="IV4" s="612"/>
      <c r="IW4" s="612"/>
      <c r="IX4" s="612"/>
      <c r="IY4" s="612"/>
      <c r="IZ4" s="612"/>
      <c r="JA4" s="612"/>
      <c r="JB4" s="612"/>
      <c r="JC4" s="612"/>
      <c r="JD4" s="612"/>
      <c r="JE4" s="612"/>
      <c r="JF4" s="612"/>
      <c r="JG4" s="612"/>
      <c r="JH4" s="612"/>
      <c r="JI4" s="612"/>
      <c r="JJ4" s="612"/>
      <c r="JK4" s="612"/>
      <c r="JL4" s="612"/>
      <c r="JM4" s="612"/>
      <c r="JN4" s="612"/>
      <c r="JO4" s="612"/>
      <c r="JP4" s="612"/>
      <c r="JQ4" s="612"/>
      <c r="JR4" s="612"/>
      <c r="JS4" s="612"/>
      <c r="JT4" s="612"/>
      <c r="JU4" s="612"/>
      <c r="JV4" s="612"/>
      <c r="JW4" s="612"/>
      <c r="JX4" s="612"/>
      <c r="JY4" s="612"/>
      <c r="JZ4" s="612"/>
      <c r="KA4" s="612"/>
      <c r="KB4" s="612"/>
      <c r="KC4" s="612"/>
      <c r="KD4" s="612"/>
      <c r="KE4" s="612"/>
      <c r="KF4" s="612"/>
      <c r="KG4" s="612"/>
      <c r="KH4" s="612"/>
      <c r="KI4" s="612"/>
      <c r="KJ4" s="612"/>
      <c r="KK4" s="612"/>
      <c r="KL4" s="612"/>
      <c r="KM4" s="612"/>
      <c r="KN4" s="612"/>
      <c r="KO4" s="612"/>
      <c r="KP4" s="612"/>
      <c r="KQ4" s="612"/>
      <c r="KR4" s="612"/>
      <c r="KS4" s="612"/>
      <c r="KT4" s="612"/>
      <c r="KU4" s="612"/>
      <c r="KV4" s="612"/>
      <c r="KW4" s="612"/>
      <c r="KX4" s="612"/>
      <c r="KY4" s="612"/>
      <c r="KZ4" s="612"/>
      <c r="LA4" s="612"/>
      <c r="LB4" s="612"/>
      <c r="LC4" s="612"/>
      <c r="LD4" s="612"/>
      <c r="LE4" s="612"/>
      <c r="LF4" s="612"/>
      <c r="LG4" s="612"/>
      <c r="LH4" s="612"/>
      <c r="LI4" s="612"/>
      <c r="LJ4" s="612"/>
      <c r="LK4" s="612"/>
      <c r="LL4" s="612"/>
      <c r="LM4" s="612"/>
      <c r="LN4" s="612"/>
      <c r="LO4" s="612"/>
      <c r="LP4" s="612"/>
      <c r="LQ4" s="612"/>
      <c r="LR4" s="612"/>
      <c r="LS4" s="612"/>
      <c r="LT4" s="612"/>
      <c r="LU4" s="612"/>
      <c r="LV4" s="612"/>
      <c r="LW4" s="612"/>
      <c r="LX4" s="612"/>
      <c r="LY4" s="612"/>
      <c r="LZ4" s="612"/>
      <c r="MA4" s="612"/>
      <c r="MB4" s="612"/>
      <c r="MC4" s="612"/>
      <c r="MD4" s="612"/>
      <c r="ME4" s="613"/>
      <c r="MF4" s="611" t="s">
        <v>86</v>
      </c>
      <c r="MG4" s="612"/>
      <c r="MH4" s="612"/>
      <c r="MI4" s="612"/>
      <c r="MJ4" s="612"/>
      <c r="MK4" s="612"/>
      <c r="ML4" s="612"/>
      <c r="MM4" s="612"/>
      <c r="MN4" s="612"/>
      <c r="MO4" s="612"/>
      <c r="MP4" s="612"/>
      <c r="MQ4" s="612"/>
      <c r="MR4" s="612"/>
      <c r="MS4" s="612"/>
      <c r="MT4" s="612"/>
      <c r="MU4" s="612"/>
      <c r="MV4" s="612"/>
      <c r="MW4" s="612"/>
      <c r="MX4" s="612"/>
      <c r="MY4" s="612"/>
      <c r="MZ4" s="612"/>
      <c r="NA4" s="612"/>
      <c r="NB4" s="612"/>
      <c r="NC4" s="612"/>
      <c r="ND4" s="612"/>
      <c r="NE4" s="612"/>
      <c r="NF4" s="612"/>
      <c r="NG4" s="612"/>
      <c r="NH4" s="612"/>
      <c r="NI4" s="612"/>
      <c r="NJ4" s="612"/>
      <c r="NK4" s="612"/>
      <c r="NL4" s="612"/>
      <c r="NM4" s="612"/>
      <c r="NN4" s="612"/>
      <c r="NO4" s="612"/>
      <c r="NP4" s="612"/>
      <c r="NQ4" s="612"/>
      <c r="NR4" s="612"/>
      <c r="NS4" s="612"/>
      <c r="NT4" s="612"/>
      <c r="NU4" s="612"/>
      <c r="NV4" s="612"/>
      <c r="NW4" s="612"/>
      <c r="NX4" s="612"/>
      <c r="NY4" s="612"/>
      <c r="NZ4" s="612"/>
      <c r="OA4" s="612"/>
      <c r="OB4" s="612"/>
      <c r="OC4" s="612"/>
      <c r="OD4" s="612"/>
      <c r="OE4" s="612"/>
      <c r="OF4" s="612"/>
      <c r="OG4" s="612"/>
      <c r="OH4" s="613"/>
      <c r="OI4" s="601" t="s">
        <v>60</v>
      </c>
      <c r="OJ4" s="506"/>
      <c r="OK4" s="506"/>
      <c r="OL4" s="506"/>
      <c r="OM4" s="506"/>
      <c r="ON4" s="506"/>
      <c r="OO4" s="506"/>
      <c r="OP4" s="506"/>
      <c r="OQ4" s="506"/>
      <c r="OR4" s="506"/>
      <c r="OS4" s="507"/>
    </row>
    <row r="5" spans="1:409" ht="18" customHeight="1" thickBot="1" x14ac:dyDescent="0.25">
      <c r="B5" s="709"/>
      <c r="C5" s="712"/>
      <c r="D5" s="712"/>
      <c r="E5" s="712"/>
      <c r="F5" s="712"/>
      <c r="G5" s="712"/>
      <c r="H5" s="712"/>
      <c r="I5" s="712"/>
      <c r="J5" s="712"/>
      <c r="K5" s="712"/>
      <c r="L5" s="712"/>
      <c r="M5" s="712"/>
      <c r="N5" s="716" t="s">
        <v>64</v>
      </c>
      <c r="O5" s="717"/>
      <c r="P5" s="717"/>
      <c r="Q5" s="717"/>
      <c r="R5" s="717"/>
      <c r="S5" s="717"/>
      <c r="T5" s="717"/>
      <c r="U5" s="717"/>
      <c r="V5" s="717"/>
      <c r="W5" s="717"/>
      <c r="X5" s="717"/>
      <c r="Y5" s="717"/>
      <c r="Z5" s="717"/>
      <c r="AA5" s="717"/>
      <c r="AB5" s="717"/>
      <c r="AC5" s="717"/>
      <c r="AD5" s="717"/>
      <c r="AE5" s="717"/>
      <c r="AF5" s="717"/>
      <c r="AG5" s="717"/>
      <c r="AH5" s="717"/>
      <c r="AI5" s="717"/>
      <c r="AJ5" s="717"/>
      <c r="AK5" s="717"/>
      <c r="AL5" s="717"/>
      <c r="AM5" s="717"/>
      <c r="AN5" s="717"/>
      <c r="AO5" s="717"/>
      <c r="AP5" s="717"/>
      <c r="AQ5" s="717"/>
      <c r="AR5" s="717"/>
      <c r="AS5" s="717"/>
      <c r="AT5" s="717"/>
      <c r="AU5" s="717"/>
      <c r="AV5" s="717"/>
      <c r="AW5" s="717"/>
      <c r="AX5" s="717"/>
      <c r="AY5" s="717"/>
      <c r="AZ5" s="717"/>
      <c r="BA5" s="717"/>
      <c r="BB5" s="717"/>
      <c r="BC5" s="717"/>
      <c r="BD5" s="717"/>
      <c r="BE5" s="717"/>
      <c r="BF5" s="717"/>
      <c r="BG5" s="717"/>
      <c r="BH5" s="717"/>
      <c r="BI5" s="717"/>
      <c r="BJ5" s="717"/>
      <c r="BK5" s="717"/>
      <c r="BL5" s="717"/>
      <c r="BM5" s="717"/>
      <c r="BN5" s="717"/>
      <c r="BO5" s="717"/>
      <c r="BP5" s="717"/>
      <c r="BQ5" s="717"/>
      <c r="BR5" s="717"/>
      <c r="BS5" s="717"/>
      <c r="BT5" s="717"/>
      <c r="BU5" s="717"/>
      <c r="BV5" s="717"/>
      <c r="BW5" s="717"/>
      <c r="BX5" s="717"/>
      <c r="BY5" s="717"/>
      <c r="BZ5" s="717"/>
      <c r="CA5" s="718"/>
      <c r="CB5" s="716" t="s">
        <v>65</v>
      </c>
      <c r="CC5" s="717"/>
      <c r="CD5" s="717"/>
      <c r="CE5" s="717"/>
      <c r="CF5" s="717"/>
      <c r="CG5" s="717"/>
      <c r="CH5" s="717"/>
      <c r="CI5" s="717"/>
      <c r="CJ5" s="717"/>
      <c r="CK5" s="717"/>
      <c r="CL5" s="717"/>
      <c r="CM5" s="717"/>
      <c r="CN5" s="717"/>
      <c r="CO5" s="717"/>
      <c r="CP5" s="717"/>
      <c r="CQ5" s="717"/>
      <c r="CR5" s="717"/>
      <c r="CS5" s="717"/>
      <c r="CT5" s="717"/>
      <c r="CU5" s="717"/>
      <c r="CV5" s="717"/>
      <c r="CW5" s="717"/>
      <c r="CX5" s="717"/>
      <c r="CY5" s="717"/>
      <c r="CZ5" s="717"/>
      <c r="DA5" s="717"/>
      <c r="DB5" s="717"/>
      <c r="DC5" s="717"/>
      <c r="DD5" s="717"/>
      <c r="DE5" s="717"/>
      <c r="DF5" s="717"/>
      <c r="DG5" s="717"/>
      <c r="DH5" s="718"/>
      <c r="DI5" s="523" t="s">
        <v>66</v>
      </c>
      <c r="DJ5" s="524"/>
      <c r="DK5" s="524"/>
      <c r="DL5" s="524"/>
      <c r="DM5" s="524"/>
      <c r="DN5" s="524"/>
      <c r="DO5" s="524"/>
      <c r="DP5" s="524"/>
      <c r="DQ5" s="524"/>
      <c r="DR5" s="524"/>
      <c r="DS5" s="524"/>
      <c r="DT5" s="524"/>
      <c r="DU5" s="524"/>
      <c r="DV5" s="524"/>
      <c r="DW5" s="524"/>
      <c r="DX5" s="524"/>
      <c r="DY5" s="524"/>
      <c r="DZ5" s="524"/>
      <c r="EA5" s="524"/>
      <c r="EB5" s="524"/>
      <c r="EC5" s="524"/>
      <c r="ED5" s="524"/>
      <c r="EE5" s="524"/>
      <c r="EF5" s="524"/>
      <c r="EG5" s="524"/>
      <c r="EH5" s="524"/>
      <c r="EI5" s="524"/>
      <c r="EJ5" s="524"/>
      <c r="EK5" s="524"/>
      <c r="EL5" s="524"/>
      <c r="EM5" s="524"/>
      <c r="EN5" s="524"/>
      <c r="EO5" s="524"/>
      <c r="EP5" s="524"/>
      <c r="EQ5" s="524"/>
      <c r="ER5" s="524"/>
      <c r="ES5" s="524"/>
      <c r="ET5" s="524"/>
      <c r="EU5" s="524"/>
      <c r="EV5" s="524"/>
      <c r="EW5" s="524"/>
      <c r="EX5" s="524"/>
      <c r="EY5" s="524"/>
      <c r="EZ5" s="524"/>
      <c r="FA5" s="524"/>
      <c r="FB5" s="524"/>
      <c r="FC5" s="524"/>
      <c r="FD5" s="524"/>
      <c r="FE5" s="524"/>
      <c r="FF5" s="524"/>
      <c r="FG5" s="524"/>
      <c r="FH5" s="524"/>
      <c r="FI5" s="524"/>
      <c r="FJ5" s="524"/>
      <c r="FK5" s="525"/>
      <c r="FL5" s="716" t="s">
        <v>67</v>
      </c>
      <c r="FM5" s="717"/>
      <c r="FN5" s="717"/>
      <c r="FO5" s="717"/>
      <c r="FP5" s="717"/>
      <c r="FQ5" s="717"/>
      <c r="FR5" s="717"/>
      <c r="FS5" s="717"/>
      <c r="FT5" s="717"/>
      <c r="FU5" s="717"/>
      <c r="FV5" s="717"/>
      <c r="FW5" s="717"/>
      <c r="FX5" s="717"/>
      <c r="FY5" s="717"/>
      <c r="FZ5" s="717"/>
      <c r="GA5" s="717"/>
      <c r="GB5" s="717"/>
      <c r="GC5" s="717"/>
      <c r="GD5" s="717"/>
      <c r="GE5" s="717"/>
      <c r="GF5" s="717"/>
      <c r="GG5" s="717"/>
      <c r="GH5" s="717"/>
      <c r="GI5" s="717"/>
      <c r="GJ5" s="717"/>
      <c r="GK5" s="717"/>
      <c r="GL5" s="717"/>
      <c r="GM5" s="717"/>
      <c r="GN5" s="717"/>
      <c r="GO5" s="717"/>
      <c r="GP5" s="717"/>
      <c r="GQ5" s="717"/>
      <c r="GR5" s="717"/>
      <c r="GS5" s="717"/>
      <c r="GT5" s="717"/>
      <c r="GU5" s="717"/>
      <c r="GV5" s="717"/>
      <c r="GW5" s="717"/>
      <c r="GX5" s="717"/>
      <c r="GY5" s="717"/>
      <c r="GZ5" s="717"/>
      <c r="HA5" s="717"/>
      <c r="HB5" s="717"/>
      <c r="HC5" s="718"/>
      <c r="HD5" s="719" t="s">
        <v>68</v>
      </c>
      <c r="HE5" s="720"/>
      <c r="HF5" s="720"/>
      <c r="HG5" s="720"/>
      <c r="HH5" s="720"/>
      <c r="HI5" s="720"/>
      <c r="HJ5" s="720"/>
      <c r="HK5" s="720"/>
      <c r="HL5" s="720"/>
      <c r="HM5" s="720"/>
      <c r="HN5" s="721"/>
      <c r="HO5" s="719" t="s">
        <v>69</v>
      </c>
      <c r="HP5" s="720"/>
      <c r="HQ5" s="720"/>
      <c r="HR5" s="720"/>
      <c r="HS5" s="720"/>
      <c r="HT5" s="720"/>
      <c r="HU5" s="720"/>
      <c r="HV5" s="720"/>
      <c r="HW5" s="720"/>
      <c r="HX5" s="720"/>
      <c r="HY5" s="721"/>
      <c r="HZ5" s="661"/>
      <c r="IA5" s="662"/>
      <c r="IB5" s="662"/>
      <c r="IC5" s="662"/>
      <c r="ID5" s="662"/>
      <c r="IE5" s="662"/>
      <c r="IF5" s="662"/>
      <c r="IG5" s="662"/>
      <c r="IH5" s="662"/>
      <c r="II5" s="662"/>
      <c r="IJ5" s="663"/>
      <c r="IK5" s="601" t="s">
        <v>94</v>
      </c>
      <c r="IL5" s="506"/>
      <c r="IM5" s="506"/>
      <c r="IN5" s="506"/>
      <c r="IO5" s="506"/>
      <c r="IP5" s="506"/>
      <c r="IQ5" s="506"/>
      <c r="IR5" s="506"/>
      <c r="IS5" s="506"/>
      <c r="IT5" s="506"/>
      <c r="IU5" s="507"/>
      <c r="IV5" s="601" t="s">
        <v>88</v>
      </c>
      <c r="IW5" s="506"/>
      <c r="IX5" s="506"/>
      <c r="IY5" s="506"/>
      <c r="IZ5" s="506"/>
      <c r="JA5" s="506"/>
      <c r="JB5" s="506"/>
      <c r="JC5" s="506"/>
      <c r="JD5" s="506"/>
      <c r="JE5" s="506"/>
      <c r="JF5" s="507"/>
      <c r="JG5" s="664" t="s">
        <v>144</v>
      </c>
      <c r="JH5" s="665"/>
      <c r="JI5" s="665"/>
      <c r="JJ5" s="665"/>
      <c r="JK5" s="665"/>
      <c r="JL5" s="665"/>
      <c r="JM5" s="665"/>
      <c r="JN5" s="665"/>
      <c r="JO5" s="665"/>
      <c r="JP5" s="665"/>
      <c r="JQ5" s="666"/>
      <c r="JR5" s="601" t="s">
        <v>90</v>
      </c>
      <c r="JS5" s="506"/>
      <c r="JT5" s="506"/>
      <c r="JU5" s="506"/>
      <c r="JV5" s="506"/>
      <c r="JW5" s="506"/>
      <c r="JX5" s="506"/>
      <c r="JY5" s="506"/>
      <c r="JZ5" s="506"/>
      <c r="KA5" s="506"/>
      <c r="KB5" s="507"/>
      <c r="KC5" s="601" t="s">
        <v>89</v>
      </c>
      <c r="KD5" s="506"/>
      <c r="KE5" s="506"/>
      <c r="KF5" s="506"/>
      <c r="KG5" s="506"/>
      <c r="KH5" s="506"/>
      <c r="KI5" s="506"/>
      <c r="KJ5" s="506"/>
      <c r="KK5" s="506"/>
      <c r="KL5" s="506"/>
      <c r="KM5" s="507"/>
      <c r="KN5" s="601" t="s">
        <v>91</v>
      </c>
      <c r="KO5" s="506"/>
      <c r="KP5" s="506"/>
      <c r="KQ5" s="506"/>
      <c r="KR5" s="506"/>
      <c r="KS5" s="506"/>
      <c r="KT5" s="506"/>
      <c r="KU5" s="506"/>
      <c r="KV5" s="506"/>
      <c r="KW5" s="506"/>
      <c r="KX5" s="507"/>
      <c r="KY5" s="601" t="s">
        <v>92</v>
      </c>
      <c r="KZ5" s="506"/>
      <c r="LA5" s="506"/>
      <c r="LB5" s="506"/>
      <c r="LC5" s="506"/>
      <c r="LD5" s="506"/>
      <c r="LE5" s="506"/>
      <c r="LF5" s="506"/>
      <c r="LG5" s="506"/>
      <c r="LH5" s="506"/>
      <c r="LI5" s="507"/>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601" t="s">
        <v>57</v>
      </c>
      <c r="MR5" s="506"/>
      <c r="MS5" s="506"/>
      <c r="MT5" s="506"/>
      <c r="MU5" s="506"/>
      <c r="MV5" s="506"/>
      <c r="MW5" s="506"/>
      <c r="MX5" s="506"/>
      <c r="MY5" s="506"/>
      <c r="MZ5" s="506"/>
      <c r="NA5" s="507"/>
      <c r="NB5" s="601" t="s">
        <v>58</v>
      </c>
      <c r="NC5" s="506"/>
      <c r="ND5" s="506"/>
      <c r="NE5" s="506"/>
      <c r="NF5" s="506"/>
      <c r="NG5" s="506"/>
      <c r="NH5" s="506"/>
      <c r="NI5" s="506"/>
      <c r="NJ5" s="506"/>
      <c r="NK5" s="506"/>
      <c r="NL5" s="507"/>
      <c r="NM5" s="601" t="s">
        <v>59</v>
      </c>
      <c r="NN5" s="506"/>
      <c r="NO5" s="506"/>
      <c r="NP5" s="506"/>
      <c r="NQ5" s="506"/>
      <c r="NR5" s="506"/>
      <c r="NS5" s="506"/>
      <c r="NT5" s="506"/>
      <c r="NU5" s="506"/>
      <c r="NV5" s="506"/>
      <c r="NW5" s="507"/>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18" customHeight="1" thickBot="1" x14ac:dyDescent="0.25">
      <c r="B6" s="709"/>
      <c r="C6" s="713"/>
      <c r="D6" s="713"/>
      <c r="E6" s="713"/>
      <c r="F6" s="713"/>
      <c r="G6" s="713"/>
      <c r="H6" s="713"/>
      <c r="I6" s="713"/>
      <c r="J6" s="713"/>
      <c r="K6" s="713"/>
      <c r="L6" s="713"/>
      <c r="M6" s="713"/>
      <c r="N6" s="515"/>
      <c r="O6" s="516"/>
      <c r="P6" s="516"/>
      <c r="Q6" s="516"/>
      <c r="R6" s="516"/>
      <c r="S6" s="516"/>
      <c r="T6" s="516"/>
      <c r="U6" s="516"/>
      <c r="V6" s="516"/>
      <c r="W6" s="516"/>
      <c r="X6" s="517"/>
      <c r="Y6" s="701" t="s">
        <v>70</v>
      </c>
      <c r="Z6" s="519"/>
      <c r="AA6" s="519"/>
      <c r="AB6" s="519"/>
      <c r="AC6" s="519"/>
      <c r="AD6" s="519"/>
      <c r="AE6" s="519"/>
      <c r="AF6" s="519"/>
      <c r="AG6" s="519"/>
      <c r="AH6" s="519"/>
      <c r="AI6" s="520"/>
      <c r="AJ6" s="696" t="s">
        <v>71</v>
      </c>
      <c r="AK6" s="697"/>
      <c r="AL6" s="697"/>
      <c r="AM6" s="697"/>
      <c r="AN6" s="697"/>
      <c r="AO6" s="697"/>
      <c r="AP6" s="697"/>
      <c r="AQ6" s="697"/>
      <c r="AR6" s="697"/>
      <c r="AS6" s="697"/>
      <c r="AT6" s="698"/>
      <c r="AU6" s="696" t="s">
        <v>72</v>
      </c>
      <c r="AV6" s="697"/>
      <c r="AW6" s="697"/>
      <c r="AX6" s="697"/>
      <c r="AY6" s="697"/>
      <c r="AZ6" s="697"/>
      <c r="BA6" s="697"/>
      <c r="BB6" s="697"/>
      <c r="BC6" s="697"/>
      <c r="BD6" s="697"/>
      <c r="BE6" s="698"/>
      <c r="BF6" s="696" t="s">
        <v>73</v>
      </c>
      <c r="BG6" s="697"/>
      <c r="BH6" s="697"/>
      <c r="BI6" s="697"/>
      <c r="BJ6" s="697"/>
      <c r="BK6" s="697"/>
      <c r="BL6" s="697"/>
      <c r="BM6" s="697"/>
      <c r="BN6" s="697"/>
      <c r="BO6" s="697"/>
      <c r="BP6" s="698"/>
      <c r="BQ6" s="696" t="s">
        <v>74</v>
      </c>
      <c r="BR6" s="697"/>
      <c r="BS6" s="697"/>
      <c r="BT6" s="697"/>
      <c r="BU6" s="697"/>
      <c r="BV6" s="697"/>
      <c r="BW6" s="697"/>
      <c r="BX6" s="697"/>
      <c r="BY6" s="697"/>
      <c r="BZ6" s="697"/>
      <c r="CA6" s="698"/>
      <c r="CB6" s="699"/>
      <c r="CC6" s="700"/>
      <c r="CD6" s="700"/>
      <c r="CE6" s="700"/>
      <c r="CF6" s="700"/>
      <c r="CG6" s="700"/>
      <c r="CH6" s="700"/>
      <c r="CI6" s="700"/>
      <c r="CJ6" s="700"/>
      <c r="CK6" s="700"/>
      <c r="CL6" s="725"/>
      <c r="CM6" s="696" t="s">
        <v>75</v>
      </c>
      <c r="CN6" s="697"/>
      <c r="CO6" s="697"/>
      <c r="CP6" s="697"/>
      <c r="CQ6" s="697"/>
      <c r="CR6" s="697"/>
      <c r="CS6" s="697"/>
      <c r="CT6" s="697"/>
      <c r="CU6" s="697"/>
      <c r="CV6" s="697"/>
      <c r="CW6" s="698"/>
      <c r="CX6" s="696" t="s">
        <v>76</v>
      </c>
      <c r="CY6" s="697"/>
      <c r="CZ6" s="697"/>
      <c r="DA6" s="697"/>
      <c r="DB6" s="697"/>
      <c r="DC6" s="697"/>
      <c r="DD6" s="697"/>
      <c r="DE6" s="697"/>
      <c r="DF6" s="697"/>
      <c r="DG6" s="697"/>
      <c r="DH6" s="698"/>
      <c r="DI6" s="699"/>
      <c r="DJ6" s="700"/>
      <c r="DK6" s="700"/>
      <c r="DL6" s="700"/>
      <c r="DM6" s="700"/>
      <c r="DN6" s="700"/>
      <c r="DO6" s="700"/>
      <c r="DP6" s="700"/>
      <c r="DQ6" s="700"/>
      <c r="DR6" s="700"/>
      <c r="DS6" s="700"/>
      <c r="DT6" s="696" t="s">
        <v>77</v>
      </c>
      <c r="DU6" s="697"/>
      <c r="DV6" s="697"/>
      <c r="DW6" s="697"/>
      <c r="DX6" s="697"/>
      <c r="DY6" s="697"/>
      <c r="DZ6" s="697"/>
      <c r="EA6" s="697"/>
      <c r="EB6" s="697"/>
      <c r="EC6" s="697"/>
      <c r="ED6" s="698"/>
      <c r="EE6" s="696" t="s">
        <v>78</v>
      </c>
      <c r="EF6" s="697"/>
      <c r="EG6" s="697"/>
      <c r="EH6" s="697"/>
      <c r="EI6" s="697"/>
      <c r="EJ6" s="697"/>
      <c r="EK6" s="697"/>
      <c r="EL6" s="697"/>
      <c r="EM6" s="697"/>
      <c r="EN6" s="697"/>
      <c r="EO6" s="698"/>
      <c r="EP6" s="696" t="s">
        <v>79</v>
      </c>
      <c r="EQ6" s="697"/>
      <c r="ER6" s="697"/>
      <c r="ES6" s="697"/>
      <c r="ET6" s="697"/>
      <c r="EU6" s="697"/>
      <c r="EV6" s="697"/>
      <c r="EW6" s="697"/>
      <c r="EX6" s="697"/>
      <c r="EY6" s="697"/>
      <c r="EZ6" s="698"/>
      <c r="FA6" s="621" t="s">
        <v>152</v>
      </c>
      <c r="FB6" s="697"/>
      <c r="FC6" s="697"/>
      <c r="FD6" s="697"/>
      <c r="FE6" s="697"/>
      <c r="FF6" s="697"/>
      <c r="FG6" s="697"/>
      <c r="FH6" s="697"/>
      <c r="FI6" s="697"/>
      <c r="FJ6" s="697"/>
      <c r="FK6" s="698"/>
      <c r="FL6" s="699"/>
      <c r="FM6" s="700"/>
      <c r="FN6" s="700"/>
      <c r="FO6" s="700"/>
      <c r="FP6" s="700"/>
      <c r="FQ6" s="700"/>
      <c r="FR6" s="700"/>
      <c r="FS6" s="700"/>
      <c r="FT6" s="700"/>
      <c r="FU6" s="700"/>
      <c r="FV6" s="700"/>
      <c r="FW6" s="696" t="s">
        <v>80</v>
      </c>
      <c r="FX6" s="697"/>
      <c r="FY6" s="697"/>
      <c r="FZ6" s="697"/>
      <c r="GA6" s="697"/>
      <c r="GB6" s="697"/>
      <c r="GC6" s="697"/>
      <c r="GD6" s="697"/>
      <c r="GE6" s="697"/>
      <c r="GF6" s="697"/>
      <c r="GG6" s="698"/>
      <c r="GH6" s="701" t="s">
        <v>81</v>
      </c>
      <c r="GI6" s="519"/>
      <c r="GJ6" s="519"/>
      <c r="GK6" s="519"/>
      <c r="GL6" s="519"/>
      <c r="GM6" s="519"/>
      <c r="GN6" s="519"/>
      <c r="GO6" s="519"/>
      <c r="GP6" s="519"/>
      <c r="GQ6" s="519"/>
      <c r="GR6" s="520"/>
      <c r="GS6" s="701" t="s">
        <v>82</v>
      </c>
      <c r="GT6" s="519"/>
      <c r="GU6" s="519"/>
      <c r="GV6" s="519"/>
      <c r="GW6" s="519"/>
      <c r="GX6" s="519"/>
      <c r="GY6" s="519"/>
      <c r="GZ6" s="519"/>
      <c r="HA6" s="519"/>
      <c r="HB6" s="519"/>
      <c r="HC6" s="520"/>
      <c r="HD6" s="722"/>
      <c r="HE6" s="723"/>
      <c r="HF6" s="723"/>
      <c r="HG6" s="723"/>
      <c r="HH6" s="723"/>
      <c r="HI6" s="723"/>
      <c r="HJ6" s="723"/>
      <c r="HK6" s="723"/>
      <c r="HL6" s="723"/>
      <c r="HM6" s="723"/>
      <c r="HN6" s="724"/>
      <c r="HO6" s="722"/>
      <c r="HP6" s="723"/>
      <c r="HQ6" s="723"/>
      <c r="HR6" s="723"/>
      <c r="HS6" s="723"/>
      <c r="HT6" s="723"/>
      <c r="HU6" s="723"/>
      <c r="HV6" s="723"/>
      <c r="HW6" s="723"/>
      <c r="HX6" s="723"/>
      <c r="HY6" s="724"/>
      <c r="HZ6" s="615"/>
      <c r="IA6" s="616"/>
      <c r="IB6" s="616"/>
      <c r="IC6" s="616"/>
      <c r="ID6" s="616"/>
      <c r="IE6" s="616"/>
      <c r="IF6" s="616"/>
      <c r="IG6" s="616"/>
      <c r="IH6" s="616"/>
      <c r="II6" s="616"/>
      <c r="IJ6" s="617"/>
      <c r="IK6" s="602"/>
      <c r="IL6" s="595"/>
      <c r="IM6" s="595"/>
      <c r="IN6" s="595"/>
      <c r="IO6" s="595"/>
      <c r="IP6" s="595"/>
      <c r="IQ6" s="595"/>
      <c r="IR6" s="595"/>
      <c r="IS6" s="595"/>
      <c r="IT6" s="595"/>
      <c r="IU6" s="603"/>
      <c r="IV6" s="602"/>
      <c r="IW6" s="595"/>
      <c r="IX6" s="595"/>
      <c r="IY6" s="595"/>
      <c r="IZ6" s="595"/>
      <c r="JA6" s="595"/>
      <c r="JB6" s="595"/>
      <c r="JC6" s="595"/>
      <c r="JD6" s="595"/>
      <c r="JE6" s="595"/>
      <c r="JF6" s="603"/>
      <c r="JG6" s="667"/>
      <c r="JH6" s="668"/>
      <c r="JI6" s="668"/>
      <c r="JJ6" s="668"/>
      <c r="JK6" s="668"/>
      <c r="JL6" s="668"/>
      <c r="JM6" s="668"/>
      <c r="JN6" s="668"/>
      <c r="JO6" s="668"/>
      <c r="JP6" s="668"/>
      <c r="JQ6" s="669"/>
      <c r="JR6" s="602"/>
      <c r="JS6" s="595"/>
      <c r="JT6" s="595"/>
      <c r="JU6" s="595"/>
      <c r="JV6" s="595"/>
      <c r="JW6" s="595"/>
      <c r="JX6" s="595"/>
      <c r="JY6" s="595"/>
      <c r="JZ6" s="595"/>
      <c r="KA6" s="595"/>
      <c r="KB6" s="603"/>
      <c r="KC6" s="602"/>
      <c r="KD6" s="595"/>
      <c r="KE6" s="595"/>
      <c r="KF6" s="595"/>
      <c r="KG6" s="595"/>
      <c r="KH6" s="595"/>
      <c r="KI6" s="595"/>
      <c r="KJ6" s="595"/>
      <c r="KK6" s="595"/>
      <c r="KL6" s="595"/>
      <c r="KM6" s="603"/>
      <c r="KN6" s="602"/>
      <c r="KO6" s="595"/>
      <c r="KP6" s="595"/>
      <c r="KQ6" s="595"/>
      <c r="KR6" s="595"/>
      <c r="KS6" s="595"/>
      <c r="KT6" s="595"/>
      <c r="KU6" s="595"/>
      <c r="KV6" s="595"/>
      <c r="KW6" s="595"/>
      <c r="KX6" s="603"/>
      <c r="KY6" s="602"/>
      <c r="KZ6" s="595"/>
      <c r="LA6" s="595"/>
      <c r="LB6" s="595"/>
      <c r="LC6" s="595"/>
      <c r="LD6" s="595"/>
      <c r="LE6" s="595"/>
      <c r="LF6" s="595"/>
      <c r="LG6" s="595"/>
      <c r="LH6" s="595"/>
      <c r="LI6" s="603"/>
      <c r="LJ6" s="615"/>
      <c r="LK6" s="616"/>
      <c r="LL6" s="616"/>
      <c r="LM6" s="616"/>
      <c r="LN6" s="616"/>
      <c r="LO6" s="616"/>
      <c r="LP6" s="616"/>
      <c r="LQ6" s="616"/>
      <c r="LR6" s="616"/>
      <c r="LS6" s="616"/>
      <c r="LT6" s="617"/>
      <c r="LU6" s="676"/>
      <c r="LV6" s="677"/>
      <c r="LW6" s="677"/>
      <c r="LX6" s="677"/>
      <c r="LY6" s="677"/>
      <c r="LZ6" s="677"/>
      <c r="MA6" s="677"/>
      <c r="MB6" s="677"/>
      <c r="MC6" s="677"/>
      <c r="MD6" s="677"/>
      <c r="ME6" s="678"/>
      <c r="MF6" s="615"/>
      <c r="MG6" s="616"/>
      <c r="MH6" s="616"/>
      <c r="MI6" s="616"/>
      <c r="MJ6" s="616"/>
      <c r="MK6" s="616"/>
      <c r="ML6" s="616"/>
      <c r="MM6" s="616"/>
      <c r="MN6" s="616"/>
      <c r="MO6" s="616"/>
      <c r="MP6" s="617"/>
      <c r="MQ6" s="602"/>
      <c r="MR6" s="595"/>
      <c r="MS6" s="595"/>
      <c r="MT6" s="595"/>
      <c r="MU6" s="595"/>
      <c r="MV6" s="595"/>
      <c r="MW6" s="595"/>
      <c r="MX6" s="595"/>
      <c r="MY6" s="595"/>
      <c r="MZ6" s="595"/>
      <c r="NA6" s="603"/>
      <c r="NB6" s="602"/>
      <c r="NC6" s="595"/>
      <c r="ND6" s="595"/>
      <c r="NE6" s="595"/>
      <c r="NF6" s="595"/>
      <c r="NG6" s="595"/>
      <c r="NH6" s="595"/>
      <c r="NI6" s="595"/>
      <c r="NJ6" s="595"/>
      <c r="NK6" s="595"/>
      <c r="NL6" s="603"/>
      <c r="NM6" s="602"/>
      <c r="NN6" s="595"/>
      <c r="NO6" s="595"/>
      <c r="NP6" s="595"/>
      <c r="NQ6" s="595"/>
      <c r="NR6" s="595"/>
      <c r="NS6" s="595"/>
      <c r="NT6" s="595"/>
      <c r="NU6" s="595"/>
      <c r="NV6" s="595"/>
      <c r="NW6" s="603"/>
      <c r="NX6" s="654"/>
      <c r="NY6" s="655"/>
      <c r="NZ6" s="655"/>
      <c r="OA6" s="655"/>
      <c r="OB6" s="655"/>
      <c r="OC6" s="655"/>
      <c r="OD6" s="655"/>
      <c r="OE6" s="655"/>
      <c r="OF6" s="655"/>
      <c r="OG6" s="655"/>
      <c r="OH6" s="656"/>
      <c r="OI6" s="602"/>
      <c r="OJ6" s="595"/>
      <c r="OK6" s="595"/>
      <c r="OL6" s="595"/>
      <c r="OM6" s="595"/>
      <c r="ON6" s="595"/>
      <c r="OO6" s="595"/>
      <c r="OP6" s="595"/>
      <c r="OQ6" s="595"/>
      <c r="OR6" s="595"/>
      <c r="OS6" s="603"/>
    </row>
    <row r="7" spans="1:409" ht="23.25" customHeight="1" x14ac:dyDescent="0.2">
      <c r="B7" s="709"/>
      <c r="C7" s="694" t="s">
        <v>61</v>
      </c>
      <c r="D7" s="694"/>
      <c r="E7" s="694"/>
      <c r="F7" s="706" t="s">
        <v>62</v>
      </c>
      <c r="G7" s="694"/>
      <c r="H7" s="694"/>
      <c r="I7" s="694"/>
      <c r="J7" s="694"/>
      <c r="K7" s="694"/>
      <c r="L7" s="694"/>
      <c r="M7" s="706" t="s">
        <v>52</v>
      </c>
      <c r="N7" s="705" t="s">
        <v>61</v>
      </c>
      <c r="O7" s="694"/>
      <c r="P7" s="694"/>
      <c r="Q7" s="706" t="s">
        <v>62</v>
      </c>
      <c r="R7" s="694"/>
      <c r="S7" s="694"/>
      <c r="T7" s="694"/>
      <c r="U7" s="694"/>
      <c r="V7" s="694"/>
      <c r="W7" s="707"/>
      <c r="X7" s="702" t="s">
        <v>52</v>
      </c>
      <c r="Y7" s="515" t="s">
        <v>61</v>
      </c>
      <c r="Z7" s="516"/>
      <c r="AA7" s="688"/>
      <c r="AB7" s="687" t="s">
        <v>62</v>
      </c>
      <c r="AC7" s="516"/>
      <c r="AD7" s="516"/>
      <c r="AE7" s="516"/>
      <c r="AF7" s="516"/>
      <c r="AG7" s="516"/>
      <c r="AH7" s="688"/>
      <c r="AI7" s="517" t="s">
        <v>52</v>
      </c>
      <c r="AJ7" s="682" t="s">
        <v>61</v>
      </c>
      <c r="AK7" s="683"/>
      <c r="AL7" s="684"/>
      <c r="AM7" s="685" t="s">
        <v>62</v>
      </c>
      <c r="AN7" s="683"/>
      <c r="AO7" s="683"/>
      <c r="AP7" s="683"/>
      <c r="AQ7" s="683"/>
      <c r="AR7" s="683"/>
      <c r="AS7" s="686"/>
      <c r="AT7" s="517" t="s">
        <v>52</v>
      </c>
      <c r="AU7" s="682" t="s">
        <v>61</v>
      </c>
      <c r="AV7" s="683"/>
      <c r="AW7" s="684"/>
      <c r="AX7" s="685" t="s">
        <v>62</v>
      </c>
      <c r="AY7" s="683"/>
      <c r="AZ7" s="683"/>
      <c r="BA7" s="683"/>
      <c r="BB7" s="683"/>
      <c r="BC7" s="683"/>
      <c r="BD7" s="686"/>
      <c r="BE7" s="517" t="s">
        <v>52</v>
      </c>
      <c r="BF7" s="682" t="s">
        <v>61</v>
      </c>
      <c r="BG7" s="683"/>
      <c r="BH7" s="684"/>
      <c r="BI7" s="685" t="s">
        <v>62</v>
      </c>
      <c r="BJ7" s="683"/>
      <c r="BK7" s="683"/>
      <c r="BL7" s="683"/>
      <c r="BM7" s="683"/>
      <c r="BN7" s="683"/>
      <c r="BO7" s="686"/>
      <c r="BP7" s="517" t="s">
        <v>52</v>
      </c>
      <c r="BQ7" s="682" t="s">
        <v>61</v>
      </c>
      <c r="BR7" s="683"/>
      <c r="BS7" s="684"/>
      <c r="BT7" s="685" t="s">
        <v>62</v>
      </c>
      <c r="BU7" s="683"/>
      <c r="BV7" s="683"/>
      <c r="BW7" s="683"/>
      <c r="BX7" s="683"/>
      <c r="BY7" s="683"/>
      <c r="BZ7" s="686"/>
      <c r="CA7" s="517" t="s">
        <v>52</v>
      </c>
      <c r="CB7" s="689" t="s">
        <v>61</v>
      </c>
      <c r="CC7" s="690"/>
      <c r="CD7" s="691"/>
      <c r="CE7" s="692" t="s">
        <v>62</v>
      </c>
      <c r="CF7" s="690"/>
      <c r="CG7" s="690"/>
      <c r="CH7" s="690"/>
      <c r="CI7" s="690"/>
      <c r="CJ7" s="690"/>
      <c r="CK7" s="693"/>
      <c r="CL7" s="702" t="s">
        <v>52</v>
      </c>
      <c r="CM7" s="682" t="s">
        <v>61</v>
      </c>
      <c r="CN7" s="683"/>
      <c r="CO7" s="686"/>
      <c r="CP7" s="685" t="s">
        <v>62</v>
      </c>
      <c r="CQ7" s="683"/>
      <c r="CR7" s="683"/>
      <c r="CS7" s="683"/>
      <c r="CT7" s="683"/>
      <c r="CU7" s="683"/>
      <c r="CV7" s="686"/>
      <c r="CW7" s="704" t="s">
        <v>52</v>
      </c>
      <c r="CX7" s="682" t="s">
        <v>61</v>
      </c>
      <c r="CY7" s="683"/>
      <c r="CZ7" s="686"/>
      <c r="DA7" s="685" t="s">
        <v>62</v>
      </c>
      <c r="DB7" s="683"/>
      <c r="DC7" s="683"/>
      <c r="DD7" s="683"/>
      <c r="DE7" s="683"/>
      <c r="DF7" s="683"/>
      <c r="DG7" s="686"/>
      <c r="DH7" s="704" t="s">
        <v>52</v>
      </c>
      <c r="DI7" s="689" t="s">
        <v>61</v>
      </c>
      <c r="DJ7" s="690"/>
      <c r="DK7" s="693"/>
      <c r="DL7" s="692" t="s">
        <v>62</v>
      </c>
      <c r="DM7" s="690"/>
      <c r="DN7" s="690"/>
      <c r="DO7" s="690"/>
      <c r="DP7" s="690"/>
      <c r="DQ7" s="690"/>
      <c r="DR7" s="693"/>
      <c r="DS7" s="702" t="s">
        <v>52</v>
      </c>
      <c r="DT7" s="682" t="s">
        <v>61</v>
      </c>
      <c r="DU7" s="683"/>
      <c r="DV7" s="684"/>
      <c r="DW7" s="685" t="s">
        <v>62</v>
      </c>
      <c r="DX7" s="683"/>
      <c r="DY7" s="683"/>
      <c r="DZ7" s="683"/>
      <c r="EA7" s="683"/>
      <c r="EB7" s="683"/>
      <c r="EC7" s="686"/>
      <c r="ED7" s="517" t="s">
        <v>52</v>
      </c>
      <c r="EE7" s="682" t="s">
        <v>61</v>
      </c>
      <c r="EF7" s="683"/>
      <c r="EG7" s="684"/>
      <c r="EH7" s="685" t="s">
        <v>62</v>
      </c>
      <c r="EI7" s="683"/>
      <c r="EJ7" s="683"/>
      <c r="EK7" s="683"/>
      <c r="EL7" s="683"/>
      <c r="EM7" s="683"/>
      <c r="EN7" s="686"/>
      <c r="EO7" s="517" t="s">
        <v>52</v>
      </c>
      <c r="EP7" s="682" t="s">
        <v>61</v>
      </c>
      <c r="EQ7" s="683"/>
      <c r="ER7" s="684"/>
      <c r="ES7" s="685" t="s">
        <v>62</v>
      </c>
      <c r="ET7" s="683"/>
      <c r="EU7" s="683"/>
      <c r="EV7" s="683"/>
      <c r="EW7" s="683"/>
      <c r="EX7" s="683"/>
      <c r="EY7" s="686"/>
      <c r="EZ7" s="517" t="s">
        <v>52</v>
      </c>
      <c r="FA7" s="682" t="s">
        <v>61</v>
      </c>
      <c r="FB7" s="683"/>
      <c r="FC7" s="684"/>
      <c r="FD7" s="685" t="s">
        <v>62</v>
      </c>
      <c r="FE7" s="683"/>
      <c r="FF7" s="683"/>
      <c r="FG7" s="683"/>
      <c r="FH7" s="683"/>
      <c r="FI7" s="683"/>
      <c r="FJ7" s="686"/>
      <c r="FK7" s="517" t="s">
        <v>52</v>
      </c>
      <c r="FL7" s="689" t="s">
        <v>61</v>
      </c>
      <c r="FM7" s="690"/>
      <c r="FN7" s="691"/>
      <c r="FO7" s="692" t="s">
        <v>62</v>
      </c>
      <c r="FP7" s="690"/>
      <c r="FQ7" s="690"/>
      <c r="FR7" s="690"/>
      <c r="FS7" s="690"/>
      <c r="FT7" s="690"/>
      <c r="FU7" s="693"/>
      <c r="FV7" s="694" t="s">
        <v>52</v>
      </c>
      <c r="FW7" s="682" t="s">
        <v>61</v>
      </c>
      <c r="FX7" s="683"/>
      <c r="FY7" s="684"/>
      <c r="FZ7" s="685" t="s">
        <v>62</v>
      </c>
      <c r="GA7" s="683"/>
      <c r="GB7" s="683"/>
      <c r="GC7" s="683"/>
      <c r="GD7" s="683"/>
      <c r="GE7" s="683"/>
      <c r="GF7" s="686"/>
      <c r="GG7" s="517" t="s">
        <v>52</v>
      </c>
      <c r="GH7" s="515" t="s">
        <v>61</v>
      </c>
      <c r="GI7" s="516"/>
      <c r="GJ7" s="516"/>
      <c r="GK7" s="687" t="s">
        <v>62</v>
      </c>
      <c r="GL7" s="516"/>
      <c r="GM7" s="516"/>
      <c r="GN7" s="516"/>
      <c r="GO7" s="516"/>
      <c r="GP7" s="516"/>
      <c r="GQ7" s="688"/>
      <c r="GR7" s="680" t="s">
        <v>52</v>
      </c>
      <c r="GS7" s="515" t="s">
        <v>61</v>
      </c>
      <c r="GT7" s="516"/>
      <c r="GU7" s="688"/>
      <c r="GV7" s="687" t="s">
        <v>62</v>
      </c>
      <c r="GW7" s="516"/>
      <c r="GX7" s="516"/>
      <c r="GY7" s="516"/>
      <c r="GZ7" s="516"/>
      <c r="HA7" s="516"/>
      <c r="HB7" s="688"/>
      <c r="HC7" s="680" t="s">
        <v>52</v>
      </c>
      <c r="HD7" s="682" t="s">
        <v>61</v>
      </c>
      <c r="HE7" s="683"/>
      <c r="HF7" s="684"/>
      <c r="HG7" s="685" t="s">
        <v>62</v>
      </c>
      <c r="HH7" s="683"/>
      <c r="HI7" s="683"/>
      <c r="HJ7" s="683"/>
      <c r="HK7" s="683"/>
      <c r="HL7" s="683"/>
      <c r="HM7" s="686"/>
      <c r="HN7" s="517" t="s">
        <v>52</v>
      </c>
      <c r="HO7" s="682" t="s">
        <v>61</v>
      </c>
      <c r="HP7" s="683"/>
      <c r="HQ7" s="684"/>
      <c r="HR7" s="685" t="s">
        <v>62</v>
      </c>
      <c r="HS7" s="683"/>
      <c r="HT7" s="683"/>
      <c r="HU7" s="683"/>
      <c r="HV7" s="683"/>
      <c r="HW7" s="683"/>
      <c r="HX7" s="686"/>
      <c r="HY7" s="517" t="s">
        <v>52</v>
      </c>
      <c r="HZ7" s="583" t="s">
        <v>61</v>
      </c>
      <c r="IA7" s="584"/>
      <c r="IB7" s="585"/>
      <c r="IC7" s="643" t="s">
        <v>62</v>
      </c>
      <c r="ID7" s="584"/>
      <c r="IE7" s="584"/>
      <c r="IF7" s="584"/>
      <c r="IG7" s="584"/>
      <c r="IH7" s="584"/>
      <c r="II7" s="644"/>
      <c r="IJ7" s="587" t="s">
        <v>52</v>
      </c>
      <c r="IK7" s="591" t="s">
        <v>61</v>
      </c>
      <c r="IL7" s="592"/>
      <c r="IM7" s="593"/>
      <c r="IN7" s="641" t="s">
        <v>62</v>
      </c>
      <c r="IO7" s="592"/>
      <c r="IP7" s="592"/>
      <c r="IQ7" s="592"/>
      <c r="IR7" s="592"/>
      <c r="IS7" s="592"/>
      <c r="IT7" s="642"/>
      <c r="IU7" s="603" t="s">
        <v>52</v>
      </c>
      <c r="IV7" s="591" t="s">
        <v>61</v>
      </c>
      <c r="IW7" s="592"/>
      <c r="IX7" s="642"/>
      <c r="IY7" s="641" t="s">
        <v>62</v>
      </c>
      <c r="IZ7" s="592"/>
      <c r="JA7" s="592"/>
      <c r="JB7" s="592"/>
      <c r="JC7" s="592"/>
      <c r="JD7" s="592"/>
      <c r="JE7" s="642"/>
      <c r="JF7" s="603" t="s">
        <v>52</v>
      </c>
      <c r="JG7" s="591" t="s">
        <v>61</v>
      </c>
      <c r="JH7" s="592"/>
      <c r="JI7" s="593"/>
      <c r="JJ7" s="641" t="s">
        <v>62</v>
      </c>
      <c r="JK7" s="592"/>
      <c r="JL7" s="592"/>
      <c r="JM7" s="592"/>
      <c r="JN7" s="592"/>
      <c r="JO7" s="592"/>
      <c r="JP7" s="642"/>
      <c r="JQ7" s="649" t="s">
        <v>52</v>
      </c>
      <c r="JR7" s="591" t="s">
        <v>61</v>
      </c>
      <c r="JS7" s="592"/>
      <c r="JT7" s="593"/>
      <c r="JU7" s="641" t="s">
        <v>62</v>
      </c>
      <c r="JV7" s="592"/>
      <c r="JW7" s="592"/>
      <c r="JX7" s="592"/>
      <c r="JY7" s="592"/>
      <c r="JZ7" s="592"/>
      <c r="KA7" s="642"/>
      <c r="KB7" s="649" t="s">
        <v>52</v>
      </c>
      <c r="KC7" s="591" t="s">
        <v>61</v>
      </c>
      <c r="KD7" s="592"/>
      <c r="KE7" s="593"/>
      <c r="KF7" s="641" t="s">
        <v>62</v>
      </c>
      <c r="KG7" s="592"/>
      <c r="KH7" s="592"/>
      <c r="KI7" s="592"/>
      <c r="KJ7" s="592"/>
      <c r="KK7" s="592"/>
      <c r="KL7" s="642"/>
      <c r="KM7" s="649" t="s">
        <v>52</v>
      </c>
      <c r="KN7" s="591" t="s">
        <v>61</v>
      </c>
      <c r="KO7" s="592"/>
      <c r="KP7" s="593"/>
      <c r="KQ7" s="641" t="s">
        <v>62</v>
      </c>
      <c r="KR7" s="592"/>
      <c r="KS7" s="592"/>
      <c r="KT7" s="592"/>
      <c r="KU7" s="592"/>
      <c r="KV7" s="592"/>
      <c r="KW7" s="642"/>
      <c r="KX7" s="649" t="s">
        <v>52</v>
      </c>
      <c r="KY7" s="591" t="s">
        <v>61</v>
      </c>
      <c r="KZ7" s="592"/>
      <c r="LA7" s="593"/>
      <c r="LB7" s="641" t="s">
        <v>62</v>
      </c>
      <c r="LC7" s="592"/>
      <c r="LD7" s="592"/>
      <c r="LE7" s="592"/>
      <c r="LF7" s="592"/>
      <c r="LG7" s="592"/>
      <c r="LH7" s="642"/>
      <c r="LI7" s="649" t="s">
        <v>52</v>
      </c>
      <c r="LJ7" s="591" t="s">
        <v>61</v>
      </c>
      <c r="LK7" s="592"/>
      <c r="LL7" s="593"/>
      <c r="LM7" s="641" t="s">
        <v>62</v>
      </c>
      <c r="LN7" s="592"/>
      <c r="LO7" s="592"/>
      <c r="LP7" s="592"/>
      <c r="LQ7" s="592"/>
      <c r="LR7" s="592"/>
      <c r="LS7" s="642"/>
      <c r="LT7" s="649" t="s">
        <v>52</v>
      </c>
      <c r="LU7" s="591" t="s">
        <v>61</v>
      </c>
      <c r="LV7" s="592"/>
      <c r="LW7" s="593"/>
      <c r="LX7" s="641" t="s">
        <v>62</v>
      </c>
      <c r="LY7" s="592"/>
      <c r="LZ7" s="592"/>
      <c r="MA7" s="592"/>
      <c r="MB7" s="592"/>
      <c r="MC7" s="592"/>
      <c r="MD7" s="642"/>
      <c r="ME7" s="649" t="s">
        <v>52</v>
      </c>
      <c r="MF7" s="583" t="s">
        <v>61</v>
      </c>
      <c r="MG7" s="584"/>
      <c r="MH7" s="585"/>
      <c r="MI7" s="643" t="s">
        <v>62</v>
      </c>
      <c r="MJ7" s="584"/>
      <c r="MK7" s="584"/>
      <c r="ML7" s="584"/>
      <c r="MM7" s="584"/>
      <c r="MN7" s="584"/>
      <c r="MO7" s="644"/>
      <c r="MP7" s="637" t="s">
        <v>52</v>
      </c>
      <c r="MQ7" s="591" t="s">
        <v>61</v>
      </c>
      <c r="MR7" s="592"/>
      <c r="MS7" s="593"/>
      <c r="MT7" s="641" t="s">
        <v>62</v>
      </c>
      <c r="MU7" s="592"/>
      <c r="MV7" s="592"/>
      <c r="MW7" s="592"/>
      <c r="MX7" s="592"/>
      <c r="MY7" s="592"/>
      <c r="MZ7" s="642"/>
      <c r="NA7" s="649" t="s">
        <v>52</v>
      </c>
      <c r="NB7" s="591" t="s">
        <v>61</v>
      </c>
      <c r="NC7" s="592"/>
      <c r="ND7" s="593"/>
      <c r="NE7" s="641" t="s">
        <v>62</v>
      </c>
      <c r="NF7" s="592"/>
      <c r="NG7" s="592"/>
      <c r="NH7" s="592"/>
      <c r="NI7" s="592"/>
      <c r="NJ7" s="592"/>
      <c r="NK7" s="642"/>
      <c r="NL7" s="649" t="s">
        <v>52</v>
      </c>
      <c r="NM7" s="591" t="s">
        <v>61</v>
      </c>
      <c r="NN7" s="592"/>
      <c r="NO7" s="593"/>
      <c r="NP7" s="641" t="s">
        <v>62</v>
      </c>
      <c r="NQ7" s="592"/>
      <c r="NR7" s="592"/>
      <c r="NS7" s="592"/>
      <c r="NT7" s="592"/>
      <c r="NU7" s="592"/>
      <c r="NV7" s="642"/>
      <c r="NW7" s="649" t="s">
        <v>52</v>
      </c>
      <c r="NX7" s="591" t="s">
        <v>61</v>
      </c>
      <c r="NY7" s="592"/>
      <c r="NZ7" s="593"/>
      <c r="OA7" s="641" t="s">
        <v>62</v>
      </c>
      <c r="OB7" s="592"/>
      <c r="OC7" s="592"/>
      <c r="OD7" s="592"/>
      <c r="OE7" s="592"/>
      <c r="OF7" s="592"/>
      <c r="OG7" s="642"/>
      <c r="OH7" s="649" t="s">
        <v>52</v>
      </c>
      <c r="OI7" s="583" t="s">
        <v>61</v>
      </c>
      <c r="OJ7" s="584"/>
      <c r="OK7" s="585"/>
      <c r="OL7" s="643" t="s">
        <v>62</v>
      </c>
      <c r="OM7" s="584"/>
      <c r="ON7" s="584"/>
      <c r="OO7" s="584"/>
      <c r="OP7" s="584"/>
      <c r="OQ7" s="584"/>
      <c r="OR7" s="644"/>
      <c r="OS7" s="637" t="s">
        <v>52</v>
      </c>
    </row>
    <row r="8" spans="1:409" ht="28.5" customHeight="1" thickBot="1" x14ac:dyDescent="0.25">
      <c r="B8" s="710"/>
      <c r="C8" s="325" t="s">
        <v>43</v>
      </c>
      <c r="D8" s="47" t="s">
        <v>44</v>
      </c>
      <c r="E8" s="326" t="s">
        <v>45</v>
      </c>
      <c r="F8" s="52" t="s">
        <v>83</v>
      </c>
      <c r="G8" s="47" t="s">
        <v>47</v>
      </c>
      <c r="H8" s="47" t="s">
        <v>48</v>
      </c>
      <c r="I8" s="47" t="s">
        <v>49</v>
      </c>
      <c r="J8" s="47" t="s">
        <v>50</v>
      </c>
      <c r="K8" s="47" t="s">
        <v>51</v>
      </c>
      <c r="L8" s="48" t="s">
        <v>45</v>
      </c>
      <c r="M8" s="726"/>
      <c r="N8" s="51" t="s">
        <v>43</v>
      </c>
      <c r="O8" s="47" t="s">
        <v>44</v>
      </c>
      <c r="P8" s="48" t="s">
        <v>45</v>
      </c>
      <c r="Q8" s="52" t="s">
        <v>83</v>
      </c>
      <c r="R8" s="47" t="s">
        <v>47</v>
      </c>
      <c r="S8" s="47" t="s">
        <v>48</v>
      </c>
      <c r="T8" s="47" t="s">
        <v>49</v>
      </c>
      <c r="U8" s="47" t="s">
        <v>50</v>
      </c>
      <c r="V8" s="47" t="s">
        <v>51</v>
      </c>
      <c r="W8" s="48" t="s">
        <v>45</v>
      </c>
      <c r="X8" s="703"/>
      <c r="Y8" s="51" t="s">
        <v>43</v>
      </c>
      <c r="Z8" s="47" t="s">
        <v>44</v>
      </c>
      <c r="AA8" s="48" t="s">
        <v>45</v>
      </c>
      <c r="AB8" s="52" t="s">
        <v>83</v>
      </c>
      <c r="AC8" s="47" t="s">
        <v>47</v>
      </c>
      <c r="AD8" s="47" t="s">
        <v>48</v>
      </c>
      <c r="AE8" s="47" t="s">
        <v>49</v>
      </c>
      <c r="AF8" s="47" t="s">
        <v>50</v>
      </c>
      <c r="AG8" s="47" t="s">
        <v>51</v>
      </c>
      <c r="AH8" s="48" t="s">
        <v>45</v>
      </c>
      <c r="AI8" s="679"/>
      <c r="AJ8" s="51" t="s">
        <v>43</v>
      </c>
      <c r="AK8" s="47" t="s">
        <v>44</v>
      </c>
      <c r="AL8" s="326" t="s">
        <v>45</v>
      </c>
      <c r="AM8" s="52" t="s">
        <v>83</v>
      </c>
      <c r="AN8" s="47" t="s">
        <v>47</v>
      </c>
      <c r="AO8" s="47" t="s">
        <v>48</v>
      </c>
      <c r="AP8" s="47" t="s">
        <v>49</v>
      </c>
      <c r="AQ8" s="47" t="s">
        <v>50</v>
      </c>
      <c r="AR8" s="47" t="s">
        <v>51</v>
      </c>
      <c r="AS8" s="48" t="s">
        <v>45</v>
      </c>
      <c r="AT8" s="679"/>
      <c r="AU8" s="51" t="s">
        <v>43</v>
      </c>
      <c r="AV8" s="47" t="s">
        <v>44</v>
      </c>
      <c r="AW8" s="326" t="s">
        <v>45</v>
      </c>
      <c r="AX8" s="52" t="s">
        <v>83</v>
      </c>
      <c r="AY8" s="47" t="s">
        <v>47</v>
      </c>
      <c r="AZ8" s="47" t="s">
        <v>48</v>
      </c>
      <c r="BA8" s="47" t="s">
        <v>49</v>
      </c>
      <c r="BB8" s="47" t="s">
        <v>50</v>
      </c>
      <c r="BC8" s="47" t="s">
        <v>51</v>
      </c>
      <c r="BD8" s="48" t="s">
        <v>45</v>
      </c>
      <c r="BE8" s="679"/>
      <c r="BF8" s="327" t="s">
        <v>43</v>
      </c>
      <c r="BG8" s="47" t="s">
        <v>44</v>
      </c>
      <c r="BH8" s="326" t="s">
        <v>45</v>
      </c>
      <c r="BI8" s="52" t="s">
        <v>83</v>
      </c>
      <c r="BJ8" s="47" t="s">
        <v>47</v>
      </c>
      <c r="BK8" s="47" t="s">
        <v>48</v>
      </c>
      <c r="BL8" s="47" t="s">
        <v>49</v>
      </c>
      <c r="BM8" s="47" t="s">
        <v>50</v>
      </c>
      <c r="BN8" s="47" t="s">
        <v>51</v>
      </c>
      <c r="BO8" s="48" t="s">
        <v>45</v>
      </c>
      <c r="BP8" s="679"/>
      <c r="BQ8" s="51" t="s">
        <v>43</v>
      </c>
      <c r="BR8" s="47" t="s">
        <v>44</v>
      </c>
      <c r="BS8" s="326" t="s">
        <v>45</v>
      </c>
      <c r="BT8" s="52" t="s">
        <v>83</v>
      </c>
      <c r="BU8" s="47" t="s">
        <v>47</v>
      </c>
      <c r="BV8" s="47" t="s">
        <v>48</v>
      </c>
      <c r="BW8" s="47" t="s">
        <v>49</v>
      </c>
      <c r="BX8" s="47" t="s">
        <v>50</v>
      </c>
      <c r="BY8" s="47" t="s">
        <v>51</v>
      </c>
      <c r="BZ8" s="48" t="s">
        <v>45</v>
      </c>
      <c r="CA8" s="679"/>
      <c r="CB8" s="51" t="s">
        <v>43</v>
      </c>
      <c r="CC8" s="47" t="s">
        <v>44</v>
      </c>
      <c r="CD8" s="326" t="s">
        <v>45</v>
      </c>
      <c r="CE8" s="52" t="s">
        <v>83</v>
      </c>
      <c r="CF8" s="47" t="s">
        <v>47</v>
      </c>
      <c r="CG8" s="47" t="s">
        <v>48</v>
      </c>
      <c r="CH8" s="47" t="s">
        <v>49</v>
      </c>
      <c r="CI8" s="47" t="s">
        <v>50</v>
      </c>
      <c r="CJ8" s="47" t="s">
        <v>51</v>
      </c>
      <c r="CK8" s="48" t="s">
        <v>45</v>
      </c>
      <c r="CL8" s="703"/>
      <c r="CM8" s="51" t="s">
        <v>43</v>
      </c>
      <c r="CN8" s="47" t="s">
        <v>44</v>
      </c>
      <c r="CO8" s="48" t="s">
        <v>45</v>
      </c>
      <c r="CP8" s="52" t="s">
        <v>83</v>
      </c>
      <c r="CQ8" s="47" t="s">
        <v>47</v>
      </c>
      <c r="CR8" s="47" t="s">
        <v>48</v>
      </c>
      <c r="CS8" s="47" t="s">
        <v>49</v>
      </c>
      <c r="CT8" s="47" t="s">
        <v>50</v>
      </c>
      <c r="CU8" s="47" t="s">
        <v>51</v>
      </c>
      <c r="CV8" s="48" t="s">
        <v>45</v>
      </c>
      <c r="CW8" s="703"/>
      <c r="CX8" s="51" t="s">
        <v>43</v>
      </c>
      <c r="CY8" s="47" t="s">
        <v>44</v>
      </c>
      <c r="CZ8" s="48" t="s">
        <v>45</v>
      </c>
      <c r="DA8" s="52" t="s">
        <v>83</v>
      </c>
      <c r="DB8" s="47" t="s">
        <v>47</v>
      </c>
      <c r="DC8" s="47" t="s">
        <v>48</v>
      </c>
      <c r="DD8" s="47" t="s">
        <v>49</v>
      </c>
      <c r="DE8" s="47" t="s">
        <v>50</v>
      </c>
      <c r="DF8" s="47" t="s">
        <v>51</v>
      </c>
      <c r="DG8" s="48" t="s">
        <v>45</v>
      </c>
      <c r="DH8" s="703"/>
      <c r="DI8" s="51" t="s">
        <v>43</v>
      </c>
      <c r="DJ8" s="47" t="s">
        <v>44</v>
      </c>
      <c r="DK8" s="48" t="s">
        <v>45</v>
      </c>
      <c r="DL8" s="52" t="s">
        <v>83</v>
      </c>
      <c r="DM8" s="47" t="s">
        <v>47</v>
      </c>
      <c r="DN8" s="47" t="s">
        <v>48</v>
      </c>
      <c r="DO8" s="47" t="s">
        <v>49</v>
      </c>
      <c r="DP8" s="47" t="s">
        <v>50</v>
      </c>
      <c r="DQ8" s="47" t="s">
        <v>51</v>
      </c>
      <c r="DR8" s="48" t="s">
        <v>45</v>
      </c>
      <c r="DS8" s="703"/>
      <c r="DT8" s="51" t="s">
        <v>43</v>
      </c>
      <c r="DU8" s="47" t="s">
        <v>44</v>
      </c>
      <c r="DV8" s="326" t="s">
        <v>45</v>
      </c>
      <c r="DW8" s="52" t="s">
        <v>83</v>
      </c>
      <c r="DX8" s="47" t="s">
        <v>47</v>
      </c>
      <c r="DY8" s="47" t="s">
        <v>48</v>
      </c>
      <c r="DZ8" s="47" t="s">
        <v>49</v>
      </c>
      <c r="EA8" s="47" t="s">
        <v>50</v>
      </c>
      <c r="EB8" s="47" t="s">
        <v>51</v>
      </c>
      <c r="EC8" s="48" t="s">
        <v>45</v>
      </c>
      <c r="ED8" s="679"/>
      <c r="EE8" s="51" t="s">
        <v>43</v>
      </c>
      <c r="EF8" s="47" t="s">
        <v>44</v>
      </c>
      <c r="EG8" s="326" t="s">
        <v>45</v>
      </c>
      <c r="EH8" s="52" t="s">
        <v>83</v>
      </c>
      <c r="EI8" s="47" t="s">
        <v>47</v>
      </c>
      <c r="EJ8" s="47" t="s">
        <v>48</v>
      </c>
      <c r="EK8" s="47" t="s">
        <v>49</v>
      </c>
      <c r="EL8" s="47" t="s">
        <v>50</v>
      </c>
      <c r="EM8" s="47" t="s">
        <v>51</v>
      </c>
      <c r="EN8" s="48" t="s">
        <v>45</v>
      </c>
      <c r="EO8" s="679"/>
      <c r="EP8" s="51" t="s">
        <v>43</v>
      </c>
      <c r="EQ8" s="47" t="s">
        <v>44</v>
      </c>
      <c r="ER8" s="326" t="s">
        <v>45</v>
      </c>
      <c r="ES8" s="52" t="s">
        <v>83</v>
      </c>
      <c r="ET8" s="47" t="s">
        <v>47</v>
      </c>
      <c r="EU8" s="47" t="s">
        <v>48</v>
      </c>
      <c r="EV8" s="47" t="s">
        <v>49</v>
      </c>
      <c r="EW8" s="47" t="s">
        <v>50</v>
      </c>
      <c r="EX8" s="47" t="s">
        <v>51</v>
      </c>
      <c r="EY8" s="48" t="s">
        <v>45</v>
      </c>
      <c r="EZ8" s="679"/>
      <c r="FA8" s="51" t="s">
        <v>43</v>
      </c>
      <c r="FB8" s="47" t="s">
        <v>44</v>
      </c>
      <c r="FC8" s="326" t="s">
        <v>45</v>
      </c>
      <c r="FD8" s="52" t="s">
        <v>83</v>
      </c>
      <c r="FE8" s="47" t="s">
        <v>47</v>
      </c>
      <c r="FF8" s="47" t="s">
        <v>48</v>
      </c>
      <c r="FG8" s="47" t="s">
        <v>49</v>
      </c>
      <c r="FH8" s="47" t="s">
        <v>50</v>
      </c>
      <c r="FI8" s="47" t="s">
        <v>51</v>
      </c>
      <c r="FJ8" s="48" t="s">
        <v>45</v>
      </c>
      <c r="FK8" s="679"/>
      <c r="FL8" s="51" t="s">
        <v>43</v>
      </c>
      <c r="FM8" s="47" t="s">
        <v>44</v>
      </c>
      <c r="FN8" s="326" t="s">
        <v>45</v>
      </c>
      <c r="FO8" s="52" t="s">
        <v>83</v>
      </c>
      <c r="FP8" s="47" t="s">
        <v>47</v>
      </c>
      <c r="FQ8" s="47" t="s">
        <v>48</v>
      </c>
      <c r="FR8" s="47" t="s">
        <v>49</v>
      </c>
      <c r="FS8" s="47" t="s">
        <v>50</v>
      </c>
      <c r="FT8" s="47" t="s">
        <v>51</v>
      </c>
      <c r="FU8" s="48" t="s">
        <v>45</v>
      </c>
      <c r="FV8" s="695"/>
      <c r="FW8" s="51" t="s">
        <v>43</v>
      </c>
      <c r="FX8" s="47" t="s">
        <v>44</v>
      </c>
      <c r="FY8" s="326" t="s">
        <v>45</v>
      </c>
      <c r="FZ8" s="52" t="s">
        <v>83</v>
      </c>
      <c r="GA8" s="47" t="s">
        <v>47</v>
      </c>
      <c r="GB8" s="47" t="s">
        <v>48</v>
      </c>
      <c r="GC8" s="47" t="s">
        <v>49</v>
      </c>
      <c r="GD8" s="47" t="s">
        <v>50</v>
      </c>
      <c r="GE8" s="47" t="s">
        <v>51</v>
      </c>
      <c r="GF8" s="48" t="s">
        <v>45</v>
      </c>
      <c r="GG8" s="679"/>
      <c r="GH8" s="51" t="s">
        <v>43</v>
      </c>
      <c r="GI8" s="47" t="s">
        <v>44</v>
      </c>
      <c r="GJ8" s="326" t="s">
        <v>45</v>
      </c>
      <c r="GK8" s="52" t="s">
        <v>83</v>
      </c>
      <c r="GL8" s="47" t="s">
        <v>47</v>
      </c>
      <c r="GM8" s="47" t="s">
        <v>48</v>
      </c>
      <c r="GN8" s="47" t="s">
        <v>49</v>
      </c>
      <c r="GO8" s="47" t="s">
        <v>50</v>
      </c>
      <c r="GP8" s="47" t="s">
        <v>51</v>
      </c>
      <c r="GQ8" s="48" t="s">
        <v>45</v>
      </c>
      <c r="GR8" s="681"/>
      <c r="GS8" s="51" t="s">
        <v>43</v>
      </c>
      <c r="GT8" s="47" t="s">
        <v>44</v>
      </c>
      <c r="GU8" s="326" t="s">
        <v>45</v>
      </c>
      <c r="GV8" s="52" t="s">
        <v>83</v>
      </c>
      <c r="GW8" s="47" t="s">
        <v>47</v>
      </c>
      <c r="GX8" s="47" t="s">
        <v>48</v>
      </c>
      <c r="GY8" s="47" t="s">
        <v>49</v>
      </c>
      <c r="GZ8" s="47" t="s">
        <v>50</v>
      </c>
      <c r="HA8" s="47" t="s">
        <v>51</v>
      </c>
      <c r="HB8" s="48" t="s">
        <v>45</v>
      </c>
      <c r="HC8" s="681"/>
      <c r="HD8" s="51" t="s">
        <v>43</v>
      </c>
      <c r="HE8" s="47" t="s">
        <v>44</v>
      </c>
      <c r="HF8" s="326" t="s">
        <v>45</v>
      </c>
      <c r="HG8" s="52" t="s">
        <v>83</v>
      </c>
      <c r="HH8" s="47" t="s">
        <v>47</v>
      </c>
      <c r="HI8" s="47" t="s">
        <v>48</v>
      </c>
      <c r="HJ8" s="47" t="s">
        <v>49</v>
      </c>
      <c r="HK8" s="47" t="s">
        <v>50</v>
      </c>
      <c r="HL8" s="47" t="s">
        <v>51</v>
      </c>
      <c r="HM8" s="48" t="s">
        <v>45</v>
      </c>
      <c r="HN8" s="679"/>
      <c r="HO8" s="51" t="s">
        <v>43</v>
      </c>
      <c r="HP8" s="47" t="s">
        <v>44</v>
      </c>
      <c r="HQ8" s="326" t="s">
        <v>45</v>
      </c>
      <c r="HR8" s="52" t="s">
        <v>83</v>
      </c>
      <c r="HS8" s="47" t="s">
        <v>47</v>
      </c>
      <c r="HT8" s="47" t="s">
        <v>48</v>
      </c>
      <c r="HU8" s="47" t="s">
        <v>49</v>
      </c>
      <c r="HV8" s="47" t="s">
        <v>50</v>
      </c>
      <c r="HW8" s="47" t="s">
        <v>51</v>
      </c>
      <c r="HX8" s="48" t="s">
        <v>45</v>
      </c>
      <c r="HY8" s="679"/>
      <c r="HZ8" s="368" t="s">
        <v>43</v>
      </c>
      <c r="IA8" s="369" t="s">
        <v>44</v>
      </c>
      <c r="IB8" s="41" t="s">
        <v>45</v>
      </c>
      <c r="IC8" s="42" t="s">
        <v>83</v>
      </c>
      <c r="ID8" s="369" t="s">
        <v>47</v>
      </c>
      <c r="IE8" s="369" t="s">
        <v>48</v>
      </c>
      <c r="IF8" s="369" t="s">
        <v>49</v>
      </c>
      <c r="IG8" s="369" t="s">
        <v>50</v>
      </c>
      <c r="IH8" s="369" t="s">
        <v>51</v>
      </c>
      <c r="II8" s="17" t="s">
        <v>45</v>
      </c>
      <c r="IJ8" s="648"/>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73" customFormat="1" ht="20.25" customHeight="1" x14ac:dyDescent="0.2">
      <c r="A9" s="44"/>
      <c r="B9" s="467" t="s">
        <v>4</v>
      </c>
      <c r="C9" s="387">
        <v>23785561</v>
      </c>
      <c r="D9" s="388">
        <v>38956242</v>
      </c>
      <c r="E9" s="389">
        <v>62741803</v>
      </c>
      <c r="F9" s="390">
        <v>0</v>
      </c>
      <c r="G9" s="388">
        <v>243220130</v>
      </c>
      <c r="H9" s="388">
        <v>319172352</v>
      </c>
      <c r="I9" s="388">
        <v>278243554</v>
      </c>
      <c r="J9" s="388">
        <v>288104953</v>
      </c>
      <c r="K9" s="388">
        <v>219352236</v>
      </c>
      <c r="L9" s="391">
        <v>1348093225</v>
      </c>
      <c r="M9" s="392">
        <v>1410835028</v>
      </c>
      <c r="N9" s="387">
        <v>6676471</v>
      </c>
      <c r="O9" s="388">
        <v>13468820</v>
      </c>
      <c r="P9" s="393">
        <v>20145291</v>
      </c>
      <c r="Q9" s="387">
        <v>0</v>
      </c>
      <c r="R9" s="388">
        <v>76224709</v>
      </c>
      <c r="S9" s="388">
        <v>111045123</v>
      </c>
      <c r="T9" s="388">
        <v>90900016</v>
      </c>
      <c r="U9" s="388">
        <v>99395580</v>
      </c>
      <c r="V9" s="388">
        <v>104714363</v>
      </c>
      <c r="W9" s="393">
        <v>482279791</v>
      </c>
      <c r="X9" s="392">
        <v>502425082</v>
      </c>
      <c r="Y9" s="387">
        <v>0</v>
      </c>
      <c r="Z9" s="388">
        <v>0</v>
      </c>
      <c r="AA9" s="393">
        <v>0</v>
      </c>
      <c r="AB9" s="394">
        <v>0</v>
      </c>
      <c r="AC9" s="395">
        <v>30270597</v>
      </c>
      <c r="AD9" s="395">
        <v>45721832</v>
      </c>
      <c r="AE9" s="395">
        <v>43780798</v>
      </c>
      <c r="AF9" s="395">
        <v>49880945</v>
      </c>
      <c r="AG9" s="395">
        <v>54284668</v>
      </c>
      <c r="AH9" s="393">
        <v>223938840</v>
      </c>
      <c r="AI9" s="392">
        <v>223938840</v>
      </c>
      <c r="AJ9" s="396">
        <v>30131</v>
      </c>
      <c r="AK9" s="395">
        <v>99626</v>
      </c>
      <c r="AL9" s="393">
        <v>129757</v>
      </c>
      <c r="AM9" s="394">
        <v>0</v>
      </c>
      <c r="AN9" s="395">
        <v>536027</v>
      </c>
      <c r="AO9" s="391">
        <v>1650250</v>
      </c>
      <c r="AP9" s="395">
        <v>2483018</v>
      </c>
      <c r="AQ9" s="395">
        <v>6321539</v>
      </c>
      <c r="AR9" s="395">
        <v>13287688</v>
      </c>
      <c r="AS9" s="393">
        <v>24278522</v>
      </c>
      <c r="AT9" s="392">
        <v>24408279</v>
      </c>
      <c r="AU9" s="396">
        <v>3586684</v>
      </c>
      <c r="AV9" s="395">
        <v>9269670</v>
      </c>
      <c r="AW9" s="393">
        <v>12856354</v>
      </c>
      <c r="AX9" s="394">
        <v>0</v>
      </c>
      <c r="AY9" s="395">
        <v>29814210</v>
      </c>
      <c r="AZ9" s="395">
        <v>43558905</v>
      </c>
      <c r="BA9" s="395">
        <v>27664751</v>
      </c>
      <c r="BB9" s="395">
        <v>25348692</v>
      </c>
      <c r="BC9" s="395">
        <v>23913365</v>
      </c>
      <c r="BD9" s="393">
        <v>150299923</v>
      </c>
      <c r="BE9" s="397">
        <v>163156277</v>
      </c>
      <c r="BF9" s="396">
        <v>422000</v>
      </c>
      <c r="BG9" s="391">
        <v>1380529</v>
      </c>
      <c r="BH9" s="398">
        <v>1802529</v>
      </c>
      <c r="BI9" s="394">
        <v>0</v>
      </c>
      <c r="BJ9" s="395">
        <v>2878687</v>
      </c>
      <c r="BK9" s="395">
        <v>4642114</v>
      </c>
      <c r="BL9" s="395">
        <v>3044074</v>
      </c>
      <c r="BM9" s="395">
        <v>3281056</v>
      </c>
      <c r="BN9" s="395">
        <v>1586319</v>
      </c>
      <c r="BO9" s="393">
        <v>15432250</v>
      </c>
      <c r="BP9" s="392">
        <v>17234779</v>
      </c>
      <c r="BQ9" s="396">
        <v>2637656</v>
      </c>
      <c r="BR9" s="395">
        <v>2718995</v>
      </c>
      <c r="BS9" s="393">
        <v>5356651</v>
      </c>
      <c r="BT9" s="394">
        <v>0</v>
      </c>
      <c r="BU9" s="395">
        <v>12725188</v>
      </c>
      <c r="BV9" s="395">
        <v>15472022</v>
      </c>
      <c r="BW9" s="395">
        <v>13927375</v>
      </c>
      <c r="BX9" s="395">
        <v>14563348</v>
      </c>
      <c r="BY9" s="395">
        <v>11642323</v>
      </c>
      <c r="BZ9" s="393">
        <v>68330256</v>
      </c>
      <c r="CA9" s="392">
        <v>73686907</v>
      </c>
      <c r="CB9" s="396">
        <v>1915071</v>
      </c>
      <c r="CC9" s="395">
        <v>4687442</v>
      </c>
      <c r="CD9" s="393">
        <v>6602513</v>
      </c>
      <c r="CE9" s="394">
        <v>0</v>
      </c>
      <c r="CF9" s="395">
        <v>60492848</v>
      </c>
      <c r="CG9" s="395">
        <v>73214643</v>
      </c>
      <c r="CH9" s="399">
        <v>52366179</v>
      </c>
      <c r="CI9" s="395">
        <v>36906805</v>
      </c>
      <c r="CJ9" s="395">
        <v>16601595</v>
      </c>
      <c r="CK9" s="393">
        <v>239582070</v>
      </c>
      <c r="CL9" s="392">
        <v>246184583</v>
      </c>
      <c r="CM9" s="387">
        <v>0</v>
      </c>
      <c r="CN9" s="388">
        <v>0</v>
      </c>
      <c r="CO9" s="393">
        <v>0</v>
      </c>
      <c r="CP9" s="394">
        <v>0</v>
      </c>
      <c r="CQ9" s="395">
        <v>48823407</v>
      </c>
      <c r="CR9" s="395">
        <v>52493339</v>
      </c>
      <c r="CS9" s="395">
        <v>35950856</v>
      </c>
      <c r="CT9" s="395">
        <v>24946463</v>
      </c>
      <c r="CU9" s="395">
        <v>11238099</v>
      </c>
      <c r="CV9" s="400">
        <v>173452164</v>
      </c>
      <c r="CW9" s="392">
        <v>173452164</v>
      </c>
      <c r="CX9" s="396">
        <v>1915071</v>
      </c>
      <c r="CY9" s="395">
        <v>4687442</v>
      </c>
      <c r="CZ9" s="393">
        <v>6602513</v>
      </c>
      <c r="DA9" s="394">
        <v>0</v>
      </c>
      <c r="DB9" s="395">
        <v>11669441</v>
      </c>
      <c r="DC9" s="395">
        <v>20721304</v>
      </c>
      <c r="DD9" s="395">
        <v>16415323</v>
      </c>
      <c r="DE9" s="395">
        <v>11960342</v>
      </c>
      <c r="DF9" s="395">
        <v>5363496</v>
      </c>
      <c r="DG9" s="393">
        <v>66129906</v>
      </c>
      <c r="DH9" s="392">
        <v>72732419</v>
      </c>
      <c r="DI9" s="396">
        <v>155348</v>
      </c>
      <c r="DJ9" s="395">
        <v>541922</v>
      </c>
      <c r="DK9" s="398">
        <v>697270</v>
      </c>
      <c r="DL9" s="394">
        <v>0</v>
      </c>
      <c r="DM9" s="395">
        <v>6970997</v>
      </c>
      <c r="DN9" s="395">
        <v>11773129</v>
      </c>
      <c r="DO9" s="395">
        <v>19503382</v>
      </c>
      <c r="DP9" s="395">
        <v>17943528</v>
      </c>
      <c r="DQ9" s="395">
        <v>10068620</v>
      </c>
      <c r="DR9" s="401">
        <v>66259656</v>
      </c>
      <c r="DS9" s="392">
        <v>66956926</v>
      </c>
      <c r="DT9" s="396">
        <v>124530</v>
      </c>
      <c r="DU9" s="395">
        <v>377272</v>
      </c>
      <c r="DV9" s="393">
        <v>501802</v>
      </c>
      <c r="DW9" s="394">
        <v>0</v>
      </c>
      <c r="DX9" s="395">
        <v>6172372</v>
      </c>
      <c r="DY9" s="395">
        <v>9982799</v>
      </c>
      <c r="DZ9" s="395">
        <v>17393984</v>
      </c>
      <c r="EA9" s="395">
        <v>16069696</v>
      </c>
      <c r="EB9" s="395">
        <v>8415014</v>
      </c>
      <c r="EC9" s="393">
        <v>58033865</v>
      </c>
      <c r="ED9" s="392">
        <v>58535667</v>
      </c>
      <c r="EE9" s="396">
        <v>30818</v>
      </c>
      <c r="EF9" s="391">
        <v>164650</v>
      </c>
      <c r="EG9" s="393">
        <v>195468</v>
      </c>
      <c r="EH9" s="397">
        <v>0</v>
      </c>
      <c r="EI9" s="395">
        <v>798625</v>
      </c>
      <c r="EJ9" s="395">
        <v>1790330</v>
      </c>
      <c r="EK9" s="395">
        <v>2109398</v>
      </c>
      <c r="EL9" s="395">
        <v>1873832</v>
      </c>
      <c r="EM9" s="399">
        <v>1653606</v>
      </c>
      <c r="EN9" s="391">
        <v>8225791</v>
      </c>
      <c r="EO9" s="392">
        <v>8421259</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4173487</v>
      </c>
      <c r="FM9" s="395">
        <v>8034016</v>
      </c>
      <c r="FN9" s="393">
        <v>12207503</v>
      </c>
      <c r="FO9" s="394">
        <v>0</v>
      </c>
      <c r="FP9" s="395">
        <v>12629466</v>
      </c>
      <c r="FQ9" s="395">
        <v>29033074</v>
      </c>
      <c r="FR9" s="395">
        <v>22153766</v>
      </c>
      <c r="FS9" s="395">
        <v>19903113</v>
      </c>
      <c r="FT9" s="395">
        <v>14770598</v>
      </c>
      <c r="FU9" s="393">
        <v>98490017</v>
      </c>
      <c r="FV9" s="392">
        <v>110697520</v>
      </c>
      <c r="FW9" s="396">
        <v>2096874</v>
      </c>
      <c r="FX9" s="395">
        <v>5282336</v>
      </c>
      <c r="FY9" s="391">
        <v>7379210</v>
      </c>
      <c r="FZ9" s="397">
        <v>0</v>
      </c>
      <c r="GA9" s="395">
        <v>8473782</v>
      </c>
      <c r="GB9" s="403">
        <v>26113444</v>
      </c>
      <c r="GC9" s="395">
        <v>20130254</v>
      </c>
      <c r="GD9" s="403">
        <v>18223812</v>
      </c>
      <c r="GE9" s="395">
        <v>14281372</v>
      </c>
      <c r="GF9" s="400">
        <v>87222664</v>
      </c>
      <c r="GG9" s="404">
        <v>94601874</v>
      </c>
      <c r="GH9" s="405">
        <v>210791</v>
      </c>
      <c r="GI9" s="395">
        <v>460823</v>
      </c>
      <c r="GJ9" s="403">
        <v>671614</v>
      </c>
      <c r="GK9" s="390">
        <v>0</v>
      </c>
      <c r="GL9" s="395">
        <v>957043</v>
      </c>
      <c r="GM9" s="391">
        <v>787715</v>
      </c>
      <c r="GN9" s="395">
        <v>487784</v>
      </c>
      <c r="GO9" s="391">
        <v>595351</v>
      </c>
      <c r="GP9" s="395">
        <v>218571</v>
      </c>
      <c r="GQ9" s="401">
        <v>3046464</v>
      </c>
      <c r="GR9" s="392">
        <v>3718078</v>
      </c>
      <c r="GS9" s="391">
        <v>1865822</v>
      </c>
      <c r="GT9" s="395">
        <v>2290857</v>
      </c>
      <c r="GU9" s="393">
        <v>4156679</v>
      </c>
      <c r="GV9" s="391">
        <v>0</v>
      </c>
      <c r="GW9" s="395">
        <v>3198641</v>
      </c>
      <c r="GX9" s="391">
        <v>2131915</v>
      </c>
      <c r="GY9" s="395">
        <v>1535728</v>
      </c>
      <c r="GZ9" s="391">
        <v>1083950</v>
      </c>
      <c r="HA9" s="395">
        <v>270655</v>
      </c>
      <c r="HB9" s="391">
        <v>8220889</v>
      </c>
      <c r="HC9" s="392">
        <v>12377568</v>
      </c>
      <c r="HD9" s="391">
        <v>10865184</v>
      </c>
      <c r="HE9" s="395">
        <v>12224042</v>
      </c>
      <c r="HF9" s="391">
        <v>23089226</v>
      </c>
      <c r="HG9" s="397">
        <v>0</v>
      </c>
      <c r="HH9" s="395">
        <v>86902110</v>
      </c>
      <c r="HI9" s="403">
        <v>94106383</v>
      </c>
      <c r="HJ9" s="395">
        <v>93320211</v>
      </c>
      <c r="HK9" s="403">
        <v>113955927</v>
      </c>
      <c r="HL9" s="395">
        <v>73197060</v>
      </c>
      <c r="HM9" s="400">
        <v>461481691</v>
      </c>
      <c r="HN9" s="391">
        <v>484570917</v>
      </c>
      <c r="HO9" s="468"/>
      <c r="HP9" s="469"/>
      <c r="HQ9" s="470"/>
      <c r="HR9" s="471"/>
      <c r="HS9" s="469"/>
      <c r="HT9" s="471"/>
      <c r="HU9" s="469"/>
      <c r="HV9" s="471"/>
      <c r="HW9" s="469"/>
      <c r="HX9" s="471"/>
      <c r="HY9" s="472"/>
      <c r="HZ9" s="406">
        <v>403893</v>
      </c>
      <c r="IA9" s="407">
        <v>794713</v>
      </c>
      <c r="IB9" s="408">
        <v>1198606</v>
      </c>
      <c r="IC9" s="409">
        <v>0</v>
      </c>
      <c r="ID9" s="407">
        <v>49545376</v>
      </c>
      <c r="IE9" s="410">
        <v>62230804</v>
      </c>
      <c r="IF9" s="411">
        <v>71522182</v>
      </c>
      <c r="IG9" s="407">
        <v>55031558</v>
      </c>
      <c r="IH9" s="411">
        <v>43519504</v>
      </c>
      <c r="II9" s="412">
        <v>281849424</v>
      </c>
      <c r="IJ9" s="413">
        <v>283048030</v>
      </c>
      <c r="IK9" s="414">
        <v>0</v>
      </c>
      <c r="IL9" s="415">
        <v>0</v>
      </c>
      <c r="IM9" s="416">
        <v>0</v>
      </c>
      <c r="IN9" s="417"/>
      <c r="IO9" s="418">
        <v>1272541</v>
      </c>
      <c r="IP9" s="418">
        <v>3284952</v>
      </c>
      <c r="IQ9" s="418">
        <v>3505858</v>
      </c>
      <c r="IR9" s="418">
        <v>4959339</v>
      </c>
      <c r="IS9" s="418">
        <v>5352335</v>
      </c>
      <c r="IT9" s="419">
        <v>18375025</v>
      </c>
      <c r="IU9" s="420">
        <v>18375025</v>
      </c>
      <c r="IV9" s="421">
        <v>0</v>
      </c>
      <c r="IW9" s="418">
        <v>0</v>
      </c>
      <c r="IX9" s="422">
        <v>0</v>
      </c>
      <c r="IY9" s="423"/>
      <c r="IZ9" s="418">
        <v>134751</v>
      </c>
      <c r="JA9" s="418">
        <v>625286</v>
      </c>
      <c r="JB9" s="418">
        <v>737560</v>
      </c>
      <c r="JC9" s="418">
        <v>1152753</v>
      </c>
      <c r="JD9" s="418">
        <v>880613</v>
      </c>
      <c r="JE9" s="422">
        <v>3530963</v>
      </c>
      <c r="JF9" s="424">
        <v>3530963</v>
      </c>
      <c r="JG9" s="421">
        <v>0</v>
      </c>
      <c r="JH9" s="418">
        <v>0</v>
      </c>
      <c r="JI9" s="419">
        <v>0</v>
      </c>
      <c r="JJ9" s="425">
        <v>0</v>
      </c>
      <c r="JK9" s="418">
        <v>22764950</v>
      </c>
      <c r="JL9" s="418">
        <v>21933123</v>
      </c>
      <c r="JM9" s="418">
        <v>17110331</v>
      </c>
      <c r="JN9" s="418">
        <v>8472675</v>
      </c>
      <c r="JO9" s="418">
        <v>3359818</v>
      </c>
      <c r="JP9" s="422">
        <v>73640897</v>
      </c>
      <c r="JQ9" s="420">
        <v>73640897</v>
      </c>
      <c r="JR9" s="421">
        <v>27417</v>
      </c>
      <c r="JS9" s="418">
        <v>0</v>
      </c>
      <c r="JT9" s="419">
        <v>27417</v>
      </c>
      <c r="JU9" s="425">
        <v>0</v>
      </c>
      <c r="JV9" s="418">
        <v>2853019</v>
      </c>
      <c r="JW9" s="418">
        <v>6238361</v>
      </c>
      <c r="JX9" s="418">
        <v>5531945</v>
      </c>
      <c r="JY9" s="418">
        <v>2916147</v>
      </c>
      <c r="JZ9" s="418">
        <v>2645851</v>
      </c>
      <c r="KA9" s="422">
        <v>20185323</v>
      </c>
      <c r="KB9" s="420">
        <v>20212740</v>
      </c>
      <c r="KC9" s="426">
        <v>376476</v>
      </c>
      <c r="KD9" s="427">
        <v>794713</v>
      </c>
      <c r="KE9" s="422">
        <v>1171189</v>
      </c>
      <c r="KF9" s="425">
        <v>0</v>
      </c>
      <c r="KG9" s="418">
        <v>7068443</v>
      </c>
      <c r="KH9" s="418">
        <v>5681130</v>
      </c>
      <c r="KI9" s="418">
        <v>9887944</v>
      </c>
      <c r="KJ9" s="418">
        <v>7604977</v>
      </c>
      <c r="KK9" s="418">
        <v>5120141</v>
      </c>
      <c r="KL9" s="422">
        <v>35362635</v>
      </c>
      <c r="KM9" s="428">
        <v>36533824</v>
      </c>
      <c r="KN9" s="414">
        <v>0</v>
      </c>
      <c r="KO9" s="415">
        <v>0</v>
      </c>
      <c r="KP9" s="416">
        <v>0</v>
      </c>
      <c r="KQ9" s="417"/>
      <c r="KR9" s="418">
        <v>14023713</v>
      </c>
      <c r="KS9" s="418">
        <v>21016853</v>
      </c>
      <c r="KT9" s="418">
        <v>26886789</v>
      </c>
      <c r="KU9" s="418">
        <v>20975159</v>
      </c>
      <c r="KV9" s="418">
        <v>15240355</v>
      </c>
      <c r="KW9" s="422">
        <v>98142869</v>
      </c>
      <c r="KX9" s="420">
        <v>98142869</v>
      </c>
      <c r="KY9" s="421">
        <v>0</v>
      </c>
      <c r="KZ9" s="418">
        <v>0</v>
      </c>
      <c r="LA9" s="422">
        <v>0</v>
      </c>
      <c r="LB9" s="429"/>
      <c r="LC9" s="418">
        <v>272771</v>
      </c>
      <c r="LD9" s="418">
        <v>1097407</v>
      </c>
      <c r="LE9" s="418">
        <v>1028341</v>
      </c>
      <c r="LF9" s="418">
        <v>954278</v>
      </c>
      <c r="LG9" s="418">
        <v>612703</v>
      </c>
      <c r="LH9" s="422">
        <v>3965500</v>
      </c>
      <c r="LI9" s="424">
        <v>3965500</v>
      </c>
      <c r="LJ9" s="421">
        <v>0</v>
      </c>
      <c r="LK9" s="418">
        <v>0</v>
      </c>
      <c r="LL9" s="422">
        <v>0</v>
      </c>
      <c r="LM9" s="429"/>
      <c r="LN9" s="418">
        <v>192859</v>
      </c>
      <c r="LO9" s="418">
        <v>339734</v>
      </c>
      <c r="LP9" s="418">
        <v>2663489</v>
      </c>
      <c r="LQ9" s="418">
        <v>3793106</v>
      </c>
      <c r="LR9" s="418">
        <v>1304551</v>
      </c>
      <c r="LS9" s="422">
        <v>8293739</v>
      </c>
      <c r="LT9" s="420">
        <v>8293739</v>
      </c>
      <c r="LU9" s="421">
        <v>0</v>
      </c>
      <c r="LV9" s="418">
        <v>0</v>
      </c>
      <c r="LW9" s="422">
        <v>0</v>
      </c>
      <c r="LX9" s="429"/>
      <c r="LY9" s="418">
        <v>962329</v>
      </c>
      <c r="LZ9" s="418">
        <v>2013958</v>
      </c>
      <c r="MA9" s="418">
        <v>4169925</v>
      </c>
      <c r="MB9" s="418">
        <v>4203124</v>
      </c>
      <c r="MC9" s="418">
        <v>9003137</v>
      </c>
      <c r="MD9" s="422">
        <v>20352473</v>
      </c>
      <c r="ME9" s="424">
        <v>20352473</v>
      </c>
      <c r="MF9" s="421">
        <v>0</v>
      </c>
      <c r="MG9" s="418">
        <v>0</v>
      </c>
      <c r="MH9" s="422">
        <v>0</v>
      </c>
      <c r="MI9" s="429"/>
      <c r="MJ9" s="418">
        <v>10726116</v>
      </c>
      <c r="MK9" s="418">
        <v>31471492</v>
      </c>
      <c r="ML9" s="418">
        <v>96485203</v>
      </c>
      <c r="MM9" s="418">
        <v>168448654</v>
      </c>
      <c r="MN9" s="418">
        <v>110602362</v>
      </c>
      <c r="MO9" s="422">
        <v>417733827</v>
      </c>
      <c r="MP9" s="428">
        <v>417733827</v>
      </c>
      <c r="MQ9" s="421">
        <v>0</v>
      </c>
      <c r="MR9" s="418">
        <v>0</v>
      </c>
      <c r="MS9" s="422">
        <v>0</v>
      </c>
      <c r="MT9" s="429"/>
      <c r="MU9" s="418">
        <v>532489</v>
      </c>
      <c r="MV9" s="418">
        <v>5038446</v>
      </c>
      <c r="MW9" s="418">
        <v>50703669</v>
      </c>
      <c r="MX9" s="418">
        <v>91321539</v>
      </c>
      <c r="MY9" s="418">
        <v>68231765</v>
      </c>
      <c r="MZ9" s="422">
        <v>215827908</v>
      </c>
      <c r="NA9" s="428">
        <v>215827908</v>
      </c>
      <c r="NB9" s="421">
        <v>0</v>
      </c>
      <c r="NC9" s="418">
        <v>0</v>
      </c>
      <c r="ND9" s="422">
        <v>0</v>
      </c>
      <c r="NE9" s="429"/>
      <c r="NF9" s="418">
        <v>10193627</v>
      </c>
      <c r="NG9" s="418">
        <v>26208724</v>
      </c>
      <c r="NH9" s="418">
        <v>45314663</v>
      </c>
      <c r="NI9" s="418">
        <v>69779927</v>
      </c>
      <c r="NJ9" s="418">
        <v>32089909</v>
      </c>
      <c r="NK9" s="422">
        <v>183586850</v>
      </c>
      <c r="NL9" s="420">
        <v>183586850</v>
      </c>
      <c r="NM9" s="421">
        <v>0</v>
      </c>
      <c r="NN9" s="418">
        <v>0</v>
      </c>
      <c r="NO9" s="422">
        <v>0</v>
      </c>
      <c r="NP9" s="429"/>
      <c r="NQ9" s="418">
        <v>0</v>
      </c>
      <c r="NR9" s="418">
        <v>0</v>
      </c>
      <c r="NS9" s="418">
        <v>178528</v>
      </c>
      <c r="NT9" s="418">
        <v>3231629</v>
      </c>
      <c r="NU9" s="418">
        <v>5095550</v>
      </c>
      <c r="NV9" s="422">
        <v>8505707</v>
      </c>
      <c r="NW9" s="424">
        <v>8505707</v>
      </c>
      <c r="NX9" s="421">
        <v>0</v>
      </c>
      <c r="NY9" s="418">
        <v>0</v>
      </c>
      <c r="NZ9" s="422">
        <v>0</v>
      </c>
      <c r="OA9" s="429"/>
      <c r="OB9" s="418">
        <v>0</v>
      </c>
      <c r="OC9" s="418">
        <v>224322</v>
      </c>
      <c r="OD9" s="418">
        <v>288343</v>
      </c>
      <c r="OE9" s="418">
        <v>4115559</v>
      </c>
      <c r="OF9" s="418">
        <v>5185138</v>
      </c>
      <c r="OG9" s="422">
        <v>9813362</v>
      </c>
      <c r="OH9" s="424">
        <v>9813362</v>
      </c>
      <c r="OI9" s="421">
        <v>24189454</v>
      </c>
      <c r="OJ9" s="418">
        <v>39750955</v>
      </c>
      <c r="OK9" s="419">
        <v>63940409</v>
      </c>
      <c r="OL9" s="425">
        <v>0</v>
      </c>
      <c r="OM9" s="418">
        <v>303491622</v>
      </c>
      <c r="ON9" s="418">
        <v>412874648</v>
      </c>
      <c r="OO9" s="418">
        <v>446250939</v>
      </c>
      <c r="OP9" s="418">
        <v>511585165</v>
      </c>
      <c r="OQ9" s="418">
        <v>373474102</v>
      </c>
      <c r="OR9" s="422">
        <v>2047676476</v>
      </c>
      <c r="OS9" s="428">
        <v>2111616885</v>
      </c>
    </row>
    <row r="10" spans="1:409" s="473" customFormat="1" ht="20.25" customHeight="1" x14ac:dyDescent="0.2">
      <c r="A10" s="44"/>
      <c r="B10" s="474" t="s">
        <v>5</v>
      </c>
      <c r="C10" s="432">
        <v>10837059</v>
      </c>
      <c r="D10" s="433">
        <v>19863037</v>
      </c>
      <c r="E10" s="434">
        <v>30700096</v>
      </c>
      <c r="F10" s="435">
        <v>0</v>
      </c>
      <c r="G10" s="433">
        <v>94349363</v>
      </c>
      <c r="H10" s="433">
        <v>160069202</v>
      </c>
      <c r="I10" s="433">
        <v>126857939</v>
      </c>
      <c r="J10" s="433">
        <v>125652546</v>
      </c>
      <c r="K10" s="433">
        <v>92346300</v>
      </c>
      <c r="L10" s="435">
        <v>599275350</v>
      </c>
      <c r="M10" s="436">
        <v>629975446</v>
      </c>
      <c r="N10" s="432">
        <v>3168383</v>
      </c>
      <c r="O10" s="433">
        <v>7365686</v>
      </c>
      <c r="P10" s="434">
        <v>10534069</v>
      </c>
      <c r="Q10" s="432">
        <v>0</v>
      </c>
      <c r="R10" s="433">
        <v>29390381</v>
      </c>
      <c r="S10" s="433">
        <v>59191868</v>
      </c>
      <c r="T10" s="433">
        <v>41286995</v>
      </c>
      <c r="U10" s="433">
        <v>43339906</v>
      </c>
      <c r="V10" s="433">
        <v>41016496</v>
      </c>
      <c r="W10" s="434">
        <v>214225646</v>
      </c>
      <c r="X10" s="436">
        <v>224759715</v>
      </c>
      <c r="Y10" s="432">
        <v>0</v>
      </c>
      <c r="Z10" s="433">
        <v>0</v>
      </c>
      <c r="AA10" s="434">
        <v>0</v>
      </c>
      <c r="AB10" s="432">
        <v>0</v>
      </c>
      <c r="AC10" s="433">
        <v>11823597</v>
      </c>
      <c r="AD10" s="433">
        <v>24101499</v>
      </c>
      <c r="AE10" s="433">
        <v>18550489</v>
      </c>
      <c r="AF10" s="433">
        <v>20118455</v>
      </c>
      <c r="AG10" s="433">
        <v>19173739</v>
      </c>
      <c r="AH10" s="434">
        <v>93767779</v>
      </c>
      <c r="AI10" s="436">
        <v>93767779</v>
      </c>
      <c r="AJ10" s="432">
        <v>30131</v>
      </c>
      <c r="AK10" s="433">
        <v>35580</v>
      </c>
      <c r="AL10" s="434">
        <v>65711</v>
      </c>
      <c r="AM10" s="432">
        <v>0</v>
      </c>
      <c r="AN10" s="433">
        <v>96387</v>
      </c>
      <c r="AO10" s="433">
        <v>724393</v>
      </c>
      <c r="AP10" s="433">
        <v>1058700</v>
      </c>
      <c r="AQ10" s="433">
        <v>2804535</v>
      </c>
      <c r="AR10" s="433">
        <v>5680153</v>
      </c>
      <c r="AS10" s="434">
        <v>10364168</v>
      </c>
      <c r="AT10" s="436">
        <v>10429879</v>
      </c>
      <c r="AU10" s="432">
        <v>1791181</v>
      </c>
      <c r="AV10" s="433">
        <v>4944857</v>
      </c>
      <c r="AW10" s="434">
        <v>6736038</v>
      </c>
      <c r="AX10" s="432">
        <v>0</v>
      </c>
      <c r="AY10" s="433">
        <v>11456519</v>
      </c>
      <c r="AZ10" s="433">
        <v>24498358</v>
      </c>
      <c r="BA10" s="433">
        <v>14171328</v>
      </c>
      <c r="BB10" s="433">
        <v>12728965</v>
      </c>
      <c r="BC10" s="433">
        <v>10567108</v>
      </c>
      <c r="BD10" s="434">
        <v>73422278</v>
      </c>
      <c r="BE10" s="436">
        <v>80158316</v>
      </c>
      <c r="BF10" s="432">
        <v>177567</v>
      </c>
      <c r="BG10" s="433">
        <v>923097</v>
      </c>
      <c r="BH10" s="437">
        <v>1100664</v>
      </c>
      <c r="BI10" s="438">
        <v>0</v>
      </c>
      <c r="BJ10" s="433">
        <v>688747</v>
      </c>
      <c r="BK10" s="433">
        <v>2242321</v>
      </c>
      <c r="BL10" s="433">
        <v>1278235</v>
      </c>
      <c r="BM10" s="433">
        <v>1433651</v>
      </c>
      <c r="BN10" s="433">
        <v>686270</v>
      </c>
      <c r="BO10" s="434">
        <v>6329224</v>
      </c>
      <c r="BP10" s="436">
        <v>7429888</v>
      </c>
      <c r="BQ10" s="432">
        <v>1169504</v>
      </c>
      <c r="BR10" s="433">
        <v>1462152</v>
      </c>
      <c r="BS10" s="434">
        <v>2631656</v>
      </c>
      <c r="BT10" s="432">
        <v>0</v>
      </c>
      <c r="BU10" s="433">
        <v>5325131</v>
      </c>
      <c r="BV10" s="433">
        <v>7625297</v>
      </c>
      <c r="BW10" s="433">
        <v>6228243</v>
      </c>
      <c r="BX10" s="433">
        <v>6254300</v>
      </c>
      <c r="BY10" s="433">
        <v>4909226</v>
      </c>
      <c r="BZ10" s="434">
        <v>30342197</v>
      </c>
      <c r="CA10" s="436">
        <v>32973853</v>
      </c>
      <c r="CB10" s="432">
        <v>838145</v>
      </c>
      <c r="CC10" s="433">
        <v>2100635</v>
      </c>
      <c r="CD10" s="434">
        <v>2938780</v>
      </c>
      <c r="CE10" s="432">
        <v>0</v>
      </c>
      <c r="CF10" s="433">
        <v>21093091</v>
      </c>
      <c r="CG10" s="433">
        <v>32081988</v>
      </c>
      <c r="CH10" s="433">
        <v>23449940</v>
      </c>
      <c r="CI10" s="433">
        <v>14619011</v>
      </c>
      <c r="CJ10" s="433">
        <v>7227220</v>
      </c>
      <c r="CK10" s="434">
        <v>98471250</v>
      </c>
      <c r="CL10" s="436">
        <v>101410030</v>
      </c>
      <c r="CM10" s="432">
        <v>0</v>
      </c>
      <c r="CN10" s="433">
        <v>0</v>
      </c>
      <c r="CO10" s="434">
        <v>0</v>
      </c>
      <c r="CP10" s="438">
        <v>0</v>
      </c>
      <c r="CQ10" s="433">
        <v>17102505</v>
      </c>
      <c r="CR10" s="433">
        <v>21877723</v>
      </c>
      <c r="CS10" s="433">
        <v>15091218</v>
      </c>
      <c r="CT10" s="433">
        <v>9196781</v>
      </c>
      <c r="CU10" s="433">
        <v>4480429</v>
      </c>
      <c r="CV10" s="434">
        <v>67748656</v>
      </c>
      <c r="CW10" s="436">
        <v>67748656</v>
      </c>
      <c r="CX10" s="432">
        <v>838145</v>
      </c>
      <c r="CY10" s="433">
        <v>2100635</v>
      </c>
      <c r="CZ10" s="434">
        <v>2938780</v>
      </c>
      <c r="DA10" s="432">
        <v>0</v>
      </c>
      <c r="DB10" s="433">
        <v>3990586</v>
      </c>
      <c r="DC10" s="433">
        <v>10204265</v>
      </c>
      <c r="DD10" s="433">
        <v>8358722</v>
      </c>
      <c r="DE10" s="433">
        <v>5422230</v>
      </c>
      <c r="DF10" s="433">
        <v>2746791</v>
      </c>
      <c r="DG10" s="434">
        <v>30722594</v>
      </c>
      <c r="DH10" s="436">
        <v>33661374</v>
      </c>
      <c r="DI10" s="432">
        <v>38848</v>
      </c>
      <c r="DJ10" s="433">
        <v>345706</v>
      </c>
      <c r="DK10" s="437">
        <v>384554</v>
      </c>
      <c r="DL10" s="438">
        <v>0</v>
      </c>
      <c r="DM10" s="433">
        <v>3223831</v>
      </c>
      <c r="DN10" s="433">
        <v>6179987</v>
      </c>
      <c r="DO10" s="433">
        <v>7487492</v>
      </c>
      <c r="DP10" s="433">
        <v>8920385</v>
      </c>
      <c r="DQ10" s="433">
        <v>5278256</v>
      </c>
      <c r="DR10" s="434">
        <v>31089951</v>
      </c>
      <c r="DS10" s="436">
        <v>31474505</v>
      </c>
      <c r="DT10" s="432">
        <v>38848</v>
      </c>
      <c r="DU10" s="433">
        <v>181056</v>
      </c>
      <c r="DV10" s="434">
        <v>219904</v>
      </c>
      <c r="DW10" s="432">
        <v>0</v>
      </c>
      <c r="DX10" s="433">
        <v>2697596</v>
      </c>
      <c r="DY10" s="433">
        <v>5177438</v>
      </c>
      <c r="DZ10" s="433">
        <v>6227682</v>
      </c>
      <c r="EA10" s="433">
        <v>7536727</v>
      </c>
      <c r="EB10" s="433">
        <v>4056681</v>
      </c>
      <c r="EC10" s="434">
        <v>25696124</v>
      </c>
      <c r="ED10" s="436">
        <v>25916028</v>
      </c>
      <c r="EE10" s="432">
        <v>0</v>
      </c>
      <c r="EF10" s="437">
        <v>164650</v>
      </c>
      <c r="EG10" s="434">
        <v>164650</v>
      </c>
      <c r="EH10" s="432">
        <v>0</v>
      </c>
      <c r="EI10" s="433">
        <v>526235</v>
      </c>
      <c r="EJ10" s="433">
        <v>1002549</v>
      </c>
      <c r="EK10" s="433">
        <v>1259810</v>
      </c>
      <c r="EL10" s="433">
        <v>1383658</v>
      </c>
      <c r="EM10" s="433">
        <v>1221575</v>
      </c>
      <c r="EN10" s="437">
        <v>5393827</v>
      </c>
      <c r="EO10" s="436">
        <v>5558477</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2022349</v>
      </c>
      <c r="FM10" s="433">
        <v>3855512</v>
      </c>
      <c r="FN10" s="434">
        <v>5877861</v>
      </c>
      <c r="FO10" s="432">
        <v>0</v>
      </c>
      <c r="FP10" s="433">
        <v>3964520</v>
      </c>
      <c r="FQ10" s="433">
        <v>14021304</v>
      </c>
      <c r="FR10" s="433">
        <v>9421489</v>
      </c>
      <c r="FS10" s="433">
        <v>8585476</v>
      </c>
      <c r="FT10" s="433">
        <v>5829323</v>
      </c>
      <c r="FU10" s="434">
        <v>41822112</v>
      </c>
      <c r="FV10" s="436">
        <v>47699973</v>
      </c>
      <c r="FW10" s="440">
        <v>834386</v>
      </c>
      <c r="FX10" s="433">
        <v>2188028</v>
      </c>
      <c r="FY10" s="437">
        <v>3022414</v>
      </c>
      <c r="FZ10" s="438">
        <v>0</v>
      </c>
      <c r="GA10" s="433">
        <v>2428449</v>
      </c>
      <c r="GB10" s="433">
        <v>12490973</v>
      </c>
      <c r="GC10" s="433">
        <v>8543098</v>
      </c>
      <c r="GD10" s="433">
        <v>7576447</v>
      </c>
      <c r="GE10" s="433">
        <v>5700891</v>
      </c>
      <c r="GF10" s="434">
        <v>36739858</v>
      </c>
      <c r="GG10" s="441">
        <v>39762272</v>
      </c>
      <c r="GH10" s="440">
        <v>135163</v>
      </c>
      <c r="GI10" s="433">
        <v>136871</v>
      </c>
      <c r="GJ10" s="437">
        <v>272034</v>
      </c>
      <c r="GK10" s="438">
        <v>0</v>
      </c>
      <c r="GL10" s="433">
        <v>394465</v>
      </c>
      <c r="GM10" s="433">
        <v>338901</v>
      </c>
      <c r="GN10" s="433">
        <v>199461</v>
      </c>
      <c r="GO10" s="433">
        <v>280679</v>
      </c>
      <c r="GP10" s="433">
        <v>43732</v>
      </c>
      <c r="GQ10" s="434">
        <v>1257238</v>
      </c>
      <c r="GR10" s="436">
        <v>1529272</v>
      </c>
      <c r="GS10" s="432">
        <v>1052800</v>
      </c>
      <c r="GT10" s="433">
        <v>1530613</v>
      </c>
      <c r="GU10" s="434">
        <v>2583413</v>
      </c>
      <c r="GV10" s="432">
        <v>0</v>
      </c>
      <c r="GW10" s="433">
        <v>1141606</v>
      </c>
      <c r="GX10" s="433">
        <v>1191430</v>
      </c>
      <c r="GY10" s="433">
        <v>678930</v>
      </c>
      <c r="GZ10" s="433">
        <v>728350</v>
      </c>
      <c r="HA10" s="433">
        <v>84700</v>
      </c>
      <c r="HB10" s="437">
        <v>3825016</v>
      </c>
      <c r="HC10" s="436">
        <v>6408429</v>
      </c>
      <c r="HD10" s="432">
        <v>4769334</v>
      </c>
      <c r="HE10" s="433">
        <v>6195498</v>
      </c>
      <c r="HF10" s="437">
        <v>10964832</v>
      </c>
      <c r="HG10" s="438">
        <v>0</v>
      </c>
      <c r="HH10" s="433">
        <v>36677540</v>
      </c>
      <c r="HI10" s="433">
        <v>48594055</v>
      </c>
      <c r="HJ10" s="433">
        <v>45212023</v>
      </c>
      <c r="HK10" s="433">
        <v>50187768</v>
      </c>
      <c r="HL10" s="433">
        <v>32995005</v>
      </c>
      <c r="HM10" s="434">
        <v>213666391</v>
      </c>
      <c r="HN10" s="435">
        <v>224631223</v>
      </c>
      <c r="HO10" s="475"/>
      <c r="HP10" s="476"/>
      <c r="HQ10" s="477"/>
      <c r="HR10" s="478"/>
      <c r="HS10" s="476"/>
      <c r="HT10" s="476"/>
      <c r="HU10" s="476"/>
      <c r="HV10" s="476"/>
      <c r="HW10" s="476"/>
      <c r="HX10" s="479"/>
      <c r="HY10" s="480"/>
      <c r="HZ10" s="442">
        <v>229329</v>
      </c>
      <c r="IA10" s="443">
        <v>267866</v>
      </c>
      <c r="IB10" s="444">
        <v>497195</v>
      </c>
      <c r="IC10" s="445">
        <v>0</v>
      </c>
      <c r="ID10" s="446">
        <v>19504361</v>
      </c>
      <c r="IE10" s="447">
        <v>31094511</v>
      </c>
      <c r="IF10" s="448">
        <v>29429858</v>
      </c>
      <c r="IG10" s="446">
        <v>22521588</v>
      </c>
      <c r="IH10" s="448">
        <v>16270123</v>
      </c>
      <c r="II10" s="449">
        <v>118820441</v>
      </c>
      <c r="IJ10" s="450">
        <v>119317636</v>
      </c>
      <c r="IK10" s="451">
        <v>0</v>
      </c>
      <c r="IL10" s="452">
        <v>0</v>
      </c>
      <c r="IM10" s="453">
        <v>0</v>
      </c>
      <c r="IN10" s="454"/>
      <c r="IO10" s="455">
        <v>495522</v>
      </c>
      <c r="IP10" s="455">
        <v>1732361</v>
      </c>
      <c r="IQ10" s="455">
        <v>1584299</v>
      </c>
      <c r="IR10" s="455">
        <v>1709702</v>
      </c>
      <c r="IS10" s="455">
        <v>2260614</v>
      </c>
      <c r="IT10" s="456">
        <v>7782498</v>
      </c>
      <c r="IU10" s="457">
        <v>7782498</v>
      </c>
      <c r="IV10" s="458">
        <v>0</v>
      </c>
      <c r="IW10" s="455">
        <v>0</v>
      </c>
      <c r="IX10" s="459">
        <v>0</v>
      </c>
      <c r="IY10" s="460"/>
      <c r="IZ10" s="455">
        <v>89769</v>
      </c>
      <c r="JA10" s="455">
        <v>535283</v>
      </c>
      <c r="JB10" s="455">
        <v>654041</v>
      </c>
      <c r="JC10" s="455">
        <v>700709</v>
      </c>
      <c r="JD10" s="455">
        <v>680188</v>
      </c>
      <c r="JE10" s="459">
        <v>2659990</v>
      </c>
      <c r="JF10" s="461">
        <v>2659990</v>
      </c>
      <c r="JG10" s="458">
        <v>0</v>
      </c>
      <c r="JH10" s="455">
        <v>0</v>
      </c>
      <c r="JI10" s="456">
        <v>0</v>
      </c>
      <c r="JJ10" s="462">
        <v>0</v>
      </c>
      <c r="JK10" s="455">
        <v>8348492</v>
      </c>
      <c r="JL10" s="455">
        <v>12805455</v>
      </c>
      <c r="JM10" s="455">
        <v>6874205</v>
      </c>
      <c r="JN10" s="455">
        <v>4723391</v>
      </c>
      <c r="JO10" s="455">
        <v>1413346</v>
      </c>
      <c r="JP10" s="459">
        <v>34164889</v>
      </c>
      <c r="JQ10" s="457">
        <v>34164889</v>
      </c>
      <c r="JR10" s="458">
        <v>27417</v>
      </c>
      <c r="JS10" s="455">
        <v>0</v>
      </c>
      <c r="JT10" s="456">
        <v>27417</v>
      </c>
      <c r="JU10" s="462">
        <v>0</v>
      </c>
      <c r="JV10" s="455">
        <v>1790870</v>
      </c>
      <c r="JW10" s="455">
        <v>3646569</v>
      </c>
      <c r="JX10" s="455">
        <v>2824136</v>
      </c>
      <c r="JY10" s="455">
        <v>1610917</v>
      </c>
      <c r="JZ10" s="455">
        <v>1806024</v>
      </c>
      <c r="KA10" s="459">
        <v>11678516</v>
      </c>
      <c r="KB10" s="457">
        <v>11705933</v>
      </c>
      <c r="KC10" s="463">
        <v>201912</v>
      </c>
      <c r="KD10" s="464">
        <v>267866</v>
      </c>
      <c r="KE10" s="459">
        <v>469778</v>
      </c>
      <c r="KF10" s="462">
        <v>0</v>
      </c>
      <c r="KG10" s="455">
        <v>2934773</v>
      </c>
      <c r="KH10" s="455">
        <v>3267498</v>
      </c>
      <c r="KI10" s="455">
        <v>4584874</v>
      </c>
      <c r="KJ10" s="455">
        <v>5123561</v>
      </c>
      <c r="KK10" s="455">
        <v>1431149</v>
      </c>
      <c r="KL10" s="459">
        <v>17341855</v>
      </c>
      <c r="KM10" s="465">
        <v>17811633</v>
      </c>
      <c r="KN10" s="451">
        <v>0</v>
      </c>
      <c r="KO10" s="452">
        <v>0</v>
      </c>
      <c r="KP10" s="453">
        <v>0</v>
      </c>
      <c r="KQ10" s="454"/>
      <c r="KR10" s="455">
        <v>5562490</v>
      </c>
      <c r="KS10" s="455">
        <v>8252902</v>
      </c>
      <c r="KT10" s="455">
        <v>10512797</v>
      </c>
      <c r="KU10" s="455">
        <v>7269712</v>
      </c>
      <c r="KV10" s="455">
        <v>4927439</v>
      </c>
      <c r="KW10" s="459">
        <v>36525340</v>
      </c>
      <c r="KX10" s="457">
        <v>36525340</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0</v>
      </c>
      <c r="LP10" s="455">
        <v>227438</v>
      </c>
      <c r="LQ10" s="455">
        <v>489274</v>
      </c>
      <c r="LR10" s="455">
        <v>0</v>
      </c>
      <c r="LS10" s="459">
        <v>716712</v>
      </c>
      <c r="LT10" s="457">
        <v>716712</v>
      </c>
      <c r="LU10" s="458">
        <v>0</v>
      </c>
      <c r="LV10" s="455">
        <v>0</v>
      </c>
      <c r="LW10" s="459">
        <v>0</v>
      </c>
      <c r="LX10" s="466"/>
      <c r="LY10" s="455">
        <v>282445</v>
      </c>
      <c r="LZ10" s="455">
        <v>854443</v>
      </c>
      <c r="MA10" s="455">
        <v>2168068</v>
      </c>
      <c r="MB10" s="455">
        <v>894322</v>
      </c>
      <c r="MC10" s="455">
        <v>3751363</v>
      </c>
      <c r="MD10" s="459">
        <v>7950641</v>
      </c>
      <c r="ME10" s="461">
        <v>7950641</v>
      </c>
      <c r="MF10" s="458">
        <v>0</v>
      </c>
      <c r="MG10" s="455">
        <v>0</v>
      </c>
      <c r="MH10" s="459">
        <v>0</v>
      </c>
      <c r="MI10" s="466"/>
      <c r="MJ10" s="455">
        <v>4805559</v>
      </c>
      <c r="MK10" s="455">
        <v>17895960</v>
      </c>
      <c r="ML10" s="455">
        <v>46856210</v>
      </c>
      <c r="MM10" s="455">
        <v>79677321</v>
      </c>
      <c r="MN10" s="455">
        <v>55239511</v>
      </c>
      <c r="MO10" s="459">
        <v>204474561</v>
      </c>
      <c r="MP10" s="465">
        <v>204474561</v>
      </c>
      <c r="MQ10" s="458">
        <v>0</v>
      </c>
      <c r="MR10" s="455">
        <v>0</v>
      </c>
      <c r="MS10" s="459">
        <v>0</v>
      </c>
      <c r="MT10" s="466"/>
      <c r="MU10" s="455">
        <v>339966</v>
      </c>
      <c r="MV10" s="455">
        <v>3608384</v>
      </c>
      <c r="MW10" s="455">
        <v>25568467</v>
      </c>
      <c r="MX10" s="455">
        <v>41035937</v>
      </c>
      <c r="MY10" s="455">
        <v>33330462</v>
      </c>
      <c r="MZ10" s="459">
        <v>103883216</v>
      </c>
      <c r="NA10" s="465">
        <v>103883216</v>
      </c>
      <c r="NB10" s="458">
        <v>0</v>
      </c>
      <c r="NC10" s="455">
        <v>0</v>
      </c>
      <c r="ND10" s="459">
        <v>0</v>
      </c>
      <c r="NE10" s="466"/>
      <c r="NF10" s="455">
        <v>4465593</v>
      </c>
      <c r="NG10" s="455">
        <v>14063254</v>
      </c>
      <c r="NH10" s="455">
        <v>20936616</v>
      </c>
      <c r="NI10" s="455">
        <v>35893485</v>
      </c>
      <c r="NJ10" s="455">
        <v>17555268</v>
      </c>
      <c r="NK10" s="459">
        <v>92914216</v>
      </c>
      <c r="NL10" s="457">
        <v>92914216</v>
      </c>
      <c r="NM10" s="458">
        <v>0</v>
      </c>
      <c r="NN10" s="455">
        <v>0</v>
      </c>
      <c r="NO10" s="459">
        <v>0</v>
      </c>
      <c r="NP10" s="466"/>
      <c r="NQ10" s="455">
        <v>0</v>
      </c>
      <c r="NR10" s="455">
        <v>0</v>
      </c>
      <c r="NS10" s="455">
        <v>178528</v>
      </c>
      <c r="NT10" s="455">
        <v>1137556</v>
      </c>
      <c r="NU10" s="455">
        <v>1804437</v>
      </c>
      <c r="NV10" s="459">
        <v>3120521</v>
      </c>
      <c r="NW10" s="461">
        <v>3120521</v>
      </c>
      <c r="NX10" s="458">
        <v>0</v>
      </c>
      <c r="NY10" s="455">
        <v>0</v>
      </c>
      <c r="NZ10" s="459">
        <v>0</v>
      </c>
      <c r="OA10" s="466"/>
      <c r="OB10" s="455">
        <v>0</v>
      </c>
      <c r="OC10" s="455">
        <v>224322</v>
      </c>
      <c r="OD10" s="455">
        <v>172599</v>
      </c>
      <c r="OE10" s="455">
        <v>1610343</v>
      </c>
      <c r="OF10" s="455">
        <v>2549344</v>
      </c>
      <c r="OG10" s="459">
        <v>4556608</v>
      </c>
      <c r="OH10" s="461">
        <v>4556608</v>
      </c>
      <c r="OI10" s="458">
        <v>11066388</v>
      </c>
      <c r="OJ10" s="455">
        <v>20130903</v>
      </c>
      <c r="OK10" s="456">
        <v>31197291</v>
      </c>
      <c r="OL10" s="462">
        <v>0</v>
      </c>
      <c r="OM10" s="455">
        <v>118659283</v>
      </c>
      <c r="ON10" s="455">
        <v>209059673</v>
      </c>
      <c r="OO10" s="455">
        <v>203144007</v>
      </c>
      <c r="OP10" s="455">
        <v>227851455</v>
      </c>
      <c r="OQ10" s="455">
        <v>163855934</v>
      </c>
      <c r="OR10" s="459">
        <v>922570352</v>
      </c>
      <c r="OS10" s="465">
        <v>953767643</v>
      </c>
    </row>
    <row r="11" spans="1:409" ht="20.25" customHeight="1" x14ac:dyDescent="0.2">
      <c r="B11" s="126" t="s">
        <v>6</v>
      </c>
      <c r="C11" s="110">
        <v>3246272</v>
      </c>
      <c r="D11" s="114">
        <v>4928649</v>
      </c>
      <c r="E11" s="113">
        <v>8174921</v>
      </c>
      <c r="F11" s="109">
        <v>0</v>
      </c>
      <c r="G11" s="114">
        <v>46311902</v>
      </c>
      <c r="H11" s="114">
        <v>45353533</v>
      </c>
      <c r="I11" s="114">
        <v>43795944</v>
      </c>
      <c r="J11" s="114">
        <v>51335387</v>
      </c>
      <c r="K11" s="114">
        <v>38784212</v>
      </c>
      <c r="L11" s="109">
        <v>225580978</v>
      </c>
      <c r="M11" s="116">
        <v>233755899</v>
      </c>
      <c r="N11" s="110">
        <v>1045365</v>
      </c>
      <c r="O11" s="114">
        <v>1935929</v>
      </c>
      <c r="P11" s="113">
        <v>2981294</v>
      </c>
      <c r="Q11" s="110">
        <v>0</v>
      </c>
      <c r="R11" s="114">
        <v>15952208</v>
      </c>
      <c r="S11" s="114">
        <v>15965360</v>
      </c>
      <c r="T11" s="114">
        <v>13597565</v>
      </c>
      <c r="U11" s="114">
        <v>17804267</v>
      </c>
      <c r="V11" s="114">
        <v>19102966</v>
      </c>
      <c r="W11" s="113">
        <v>82422366</v>
      </c>
      <c r="X11" s="116">
        <v>85403660</v>
      </c>
      <c r="Y11" s="110">
        <v>0</v>
      </c>
      <c r="Z11" s="114">
        <v>0</v>
      </c>
      <c r="AA11" s="113">
        <v>0</v>
      </c>
      <c r="AB11" s="110">
        <v>0</v>
      </c>
      <c r="AC11" s="114">
        <v>5767251</v>
      </c>
      <c r="AD11" s="114">
        <v>6352567</v>
      </c>
      <c r="AE11" s="114">
        <v>6055493</v>
      </c>
      <c r="AF11" s="114">
        <v>9541914</v>
      </c>
      <c r="AG11" s="114">
        <v>11335326</v>
      </c>
      <c r="AH11" s="113">
        <v>39052551</v>
      </c>
      <c r="AI11" s="116">
        <v>39052551</v>
      </c>
      <c r="AJ11" s="110">
        <v>0</v>
      </c>
      <c r="AK11" s="114">
        <v>64046</v>
      </c>
      <c r="AL11" s="113">
        <v>64046</v>
      </c>
      <c r="AM11" s="110">
        <v>0</v>
      </c>
      <c r="AN11" s="114">
        <v>33541</v>
      </c>
      <c r="AO11" s="114">
        <v>266325</v>
      </c>
      <c r="AP11" s="114">
        <v>273618</v>
      </c>
      <c r="AQ11" s="114">
        <v>966545</v>
      </c>
      <c r="AR11" s="114">
        <v>1862062</v>
      </c>
      <c r="AS11" s="113">
        <v>3402091</v>
      </c>
      <c r="AT11" s="116">
        <v>3466137</v>
      </c>
      <c r="AU11" s="110">
        <v>618852</v>
      </c>
      <c r="AV11" s="114">
        <v>1425227</v>
      </c>
      <c r="AW11" s="113">
        <v>2044079</v>
      </c>
      <c r="AX11" s="110">
        <v>0</v>
      </c>
      <c r="AY11" s="114">
        <v>7068814</v>
      </c>
      <c r="AZ11" s="114">
        <v>6324626</v>
      </c>
      <c r="BA11" s="114">
        <v>4129943</v>
      </c>
      <c r="BB11" s="114">
        <v>4272085</v>
      </c>
      <c r="BC11" s="114">
        <v>3522072</v>
      </c>
      <c r="BD11" s="113">
        <v>25317540</v>
      </c>
      <c r="BE11" s="116">
        <v>27361619</v>
      </c>
      <c r="BF11" s="110">
        <v>28605</v>
      </c>
      <c r="BG11" s="114">
        <v>56616</v>
      </c>
      <c r="BH11" s="112">
        <v>85221</v>
      </c>
      <c r="BI11" s="111">
        <v>0</v>
      </c>
      <c r="BJ11" s="114">
        <v>684213</v>
      </c>
      <c r="BK11" s="114">
        <v>501359</v>
      </c>
      <c r="BL11" s="114">
        <v>558703</v>
      </c>
      <c r="BM11" s="114">
        <v>319511</v>
      </c>
      <c r="BN11" s="114">
        <v>121043</v>
      </c>
      <c r="BO11" s="113">
        <v>2184829</v>
      </c>
      <c r="BP11" s="116">
        <v>2270050</v>
      </c>
      <c r="BQ11" s="110">
        <v>397908</v>
      </c>
      <c r="BR11" s="114">
        <v>390040</v>
      </c>
      <c r="BS11" s="113">
        <v>787948</v>
      </c>
      <c r="BT11" s="110">
        <v>0</v>
      </c>
      <c r="BU11" s="114">
        <v>2398389</v>
      </c>
      <c r="BV11" s="114">
        <v>2520483</v>
      </c>
      <c r="BW11" s="114">
        <v>2579808</v>
      </c>
      <c r="BX11" s="114">
        <v>2704212</v>
      </c>
      <c r="BY11" s="114">
        <v>2262463</v>
      </c>
      <c r="BZ11" s="113">
        <v>12465355</v>
      </c>
      <c r="CA11" s="116">
        <v>13253303</v>
      </c>
      <c r="CB11" s="110">
        <v>200084</v>
      </c>
      <c r="CC11" s="114">
        <v>417909</v>
      </c>
      <c r="CD11" s="113">
        <v>617993</v>
      </c>
      <c r="CE11" s="110">
        <v>0</v>
      </c>
      <c r="CF11" s="114">
        <v>11396175</v>
      </c>
      <c r="CG11" s="114">
        <v>10057262</v>
      </c>
      <c r="CH11" s="114">
        <v>6892503</v>
      </c>
      <c r="CI11" s="114">
        <v>6927097</v>
      </c>
      <c r="CJ11" s="114">
        <v>2824234</v>
      </c>
      <c r="CK11" s="113">
        <v>38097271</v>
      </c>
      <c r="CL11" s="116">
        <v>38715264</v>
      </c>
      <c r="CM11" s="110">
        <v>0</v>
      </c>
      <c r="CN11" s="114">
        <v>0</v>
      </c>
      <c r="CO11" s="113">
        <v>0</v>
      </c>
      <c r="CP11" s="111">
        <v>0</v>
      </c>
      <c r="CQ11" s="114">
        <v>9656125</v>
      </c>
      <c r="CR11" s="114">
        <v>7182700</v>
      </c>
      <c r="CS11" s="114">
        <v>5185552</v>
      </c>
      <c r="CT11" s="114">
        <v>4459510</v>
      </c>
      <c r="CU11" s="114">
        <v>2086501</v>
      </c>
      <c r="CV11" s="113">
        <v>28570388</v>
      </c>
      <c r="CW11" s="116">
        <v>28570388</v>
      </c>
      <c r="CX11" s="110">
        <v>200084</v>
      </c>
      <c r="CY11" s="114">
        <v>417909</v>
      </c>
      <c r="CZ11" s="113">
        <v>617993</v>
      </c>
      <c r="DA11" s="110">
        <v>0</v>
      </c>
      <c r="DB11" s="114">
        <v>1740050</v>
      </c>
      <c r="DC11" s="114">
        <v>2874562</v>
      </c>
      <c r="DD11" s="114">
        <v>1706951</v>
      </c>
      <c r="DE11" s="114">
        <v>2467587</v>
      </c>
      <c r="DF11" s="114">
        <v>737733</v>
      </c>
      <c r="DG11" s="113">
        <v>9526883</v>
      </c>
      <c r="DH11" s="116">
        <v>10144876</v>
      </c>
      <c r="DI11" s="110">
        <v>0</v>
      </c>
      <c r="DJ11" s="114">
        <v>0</v>
      </c>
      <c r="DK11" s="112">
        <v>0</v>
      </c>
      <c r="DL11" s="111">
        <v>0</v>
      </c>
      <c r="DM11" s="114">
        <v>886439</v>
      </c>
      <c r="DN11" s="114">
        <v>1512477</v>
      </c>
      <c r="DO11" s="114">
        <v>2988258</v>
      </c>
      <c r="DP11" s="114">
        <v>2134215</v>
      </c>
      <c r="DQ11" s="114">
        <v>968118</v>
      </c>
      <c r="DR11" s="113">
        <v>8489507</v>
      </c>
      <c r="DS11" s="116">
        <v>8489507</v>
      </c>
      <c r="DT11" s="110">
        <v>0</v>
      </c>
      <c r="DU11" s="114">
        <v>0</v>
      </c>
      <c r="DV11" s="113">
        <v>0</v>
      </c>
      <c r="DW11" s="110">
        <v>0</v>
      </c>
      <c r="DX11" s="114">
        <v>836667</v>
      </c>
      <c r="DY11" s="114">
        <v>1193263</v>
      </c>
      <c r="DZ11" s="114">
        <v>2685851</v>
      </c>
      <c r="EA11" s="114">
        <v>2056888</v>
      </c>
      <c r="EB11" s="114">
        <v>845504</v>
      </c>
      <c r="EC11" s="113">
        <v>7618173</v>
      </c>
      <c r="ED11" s="116">
        <v>7618173</v>
      </c>
      <c r="EE11" s="110">
        <v>0</v>
      </c>
      <c r="EF11" s="112">
        <v>0</v>
      </c>
      <c r="EG11" s="113">
        <v>0</v>
      </c>
      <c r="EH11" s="110">
        <v>0</v>
      </c>
      <c r="EI11" s="114">
        <v>49772</v>
      </c>
      <c r="EJ11" s="114">
        <v>319214</v>
      </c>
      <c r="EK11" s="114">
        <v>302407</v>
      </c>
      <c r="EL11" s="114">
        <v>77327</v>
      </c>
      <c r="EM11" s="114">
        <v>122614</v>
      </c>
      <c r="EN11" s="112">
        <v>871334</v>
      </c>
      <c r="EO11" s="116">
        <v>871334</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324936</v>
      </c>
      <c r="FM11" s="114">
        <v>940533</v>
      </c>
      <c r="FN11" s="113">
        <v>1265469</v>
      </c>
      <c r="FO11" s="110">
        <v>0</v>
      </c>
      <c r="FP11" s="114">
        <v>2484563</v>
      </c>
      <c r="FQ11" s="114">
        <v>4134501</v>
      </c>
      <c r="FR11" s="114">
        <v>3459730</v>
      </c>
      <c r="FS11" s="114">
        <v>3337578</v>
      </c>
      <c r="FT11" s="114">
        <v>2165975</v>
      </c>
      <c r="FU11" s="113">
        <v>15582347</v>
      </c>
      <c r="FV11" s="116">
        <v>16847816</v>
      </c>
      <c r="FW11" s="115">
        <v>304636</v>
      </c>
      <c r="FX11" s="114">
        <v>743022</v>
      </c>
      <c r="FY11" s="112">
        <v>1047658</v>
      </c>
      <c r="FZ11" s="111">
        <v>0</v>
      </c>
      <c r="GA11" s="114">
        <v>2106433</v>
      </c>
      <c r="GB11" s="114">
        <v>3795834</v>
      </c>
      <c r="GC11" s="114">
        <v>3235568</v>
      </c>
      <c r="GD11" s="114">
        <v>3168592</v>
      </c>
      <c r="GE11" s="114">
        <v>2150575</v>
      </c>
      <c r="GF11" s="113">
        <v>14457002</v>
      </c>
      <c r="GG11" s="318">
        <v>15504660</v>
      </c>
      <c r="GH11" s="115">
        <v>0</v>
      </c>
      <c r="GI11" s="114">
        <v>119111</v>
      </c>
      <c r="GJ11" s="112">
        <v>119111</v>
      </c>
      <c r="GK11" s="111">
        <v>0</v>
      </c>
      <c r="GL11" s="114">
        <v>120998</v>
      </c>
      <c r="GM11" s="114">
        <v>93247</v>
      </c>
      <c r="GN11" s="114">
        <v>58262</v>
      </c>
      <c r="GO11" s="114">
        <v>95556</v>
      </c>
      <c r="GP11" s="114">
        <v>0</v>
      </c>
      <c r="GQ11" s="113">
        <v>368063</v>
      </c>
      <c r="GR11" s="116">
        <v>487174</v>
      </c>
      <c r="GS11" s="110">
        <v>20300</v>
      </c>
      <c r="GT11" s="114">
        <v>78400</v>
      </c>
      <c r="GU11" s="113">
        <v>98700</v>
      </c>
      <c r="GV11" s="110">
        <v>0</v>
      </c>
      <c r="GW11" s="114">
        <v>257132</v>
      </c>
      <c r="GX11" s="114">
        <v>245420</v>
      </c>
      <c r="GY11" s="114">
        <v>165900</v>
      </c>
      <c r="GZ11" s="114">
        <v>73430</v>
      </c>
      <c r="HA11" s="114">
        <v>15400</v>
      </c>
      <c r="HB11" s="112">
        <v>757282</v>
      </c>
      <c r="HC11" s="116">
        <v>855982</v>
      </c>
      <c r="HD11" s="110">
        <v>1675887</v>
      </c>
      <c r="HE11" s="114">
        <v>1634278</v>
      </c>
      <c r="HF11" s="112">
        <v>3310165</v>
      </c>
      <c r="HG11" s="111">
        <v>0</v>
      </c>
      <c r="HH11" s="114">
        <v>15592517</v>
      </c>
      <c r="HI11" s="114">
        <v>13683933</v>
      </c>
      <c r="HJ11" s="114">
        <v>16857888</v>
      </c>
      <c r="HK11" s="114">
        <v>21132230</v>
      </c>
      <c r="HL11" s="114">
        <v>13722919</v>
      </c>
      <c r="HM11" s="113">
        <v>80989487</v>
      </c>
      <c r="HN11" s="109">
        <v>84299652</v>
      </c>
      <c r="HO11" s="328"/>
      <c r="HP11" s="329"/>
      <c r="HQ11" s="330"/>
      <c r="HR11" s="331"/>
      <c r="HS11" s="329"/>
      <c r="HT11" s="329"/>
      <c r="HU11" s="329"/>
      <c r="HV11" s="329"/>
      <c r="HW11" s="329"/>
      <c r="HX11" s="332"/>
      <c r="HY11" s="333"/>
      <c r="HZ11" s="131">
        <v>19366</v>
      </c>
      <c r="IA11" s="132">
        <v>262018</v>
      </c>
      <c r="IB11" s="133">
        <v>281384</v>
      </c>
      <c r="IC11" s="146">
        <v>0</v>
      </c>
      <c r="ID11" s="132">
        <v>9656770</v>
      </c>
      <c r="IE11" s="147">
        <v>10290237</v>
      </c>
      <c r="IF11" s="133">
        <v>14135110</v>
      </c>
      <c r="IG11" s="132">
        <v>10284396</v>
      </c>
      <c r="IH11" s="133">
        <v>8474882</v>
      </c>
      <c r="II11" s="148">
        <v>52841395</v>
      </c>
      <c r="IJ11" s="139">
        <v>53122779</v>
      </c>
      <c r="IK11" s="232">
        <v>0</v>
      </c>
      <c r="IL11" s="236">
        <v>0</v>
      </c>
      <c r="IM11" s="237">
        <v>0</v>
      </c>
      <c r="IN11" s="140"/>
      <c r="IO11" s="119">
        <v>359483</v>
      </c>
      <c r="IP11" s="119">
        <v>702327</v>
      </c>
      <c r="IQ11" s="119">
        <v>827545</v>
      </c>
      <c r="IR11" s="119">
        <v>1428918</v>
      </c>
      <c r="IS11" s="119">
        <v>1369137</v>
      </c>
      <c r="IT11" s="141">
        <v>4687410</v>
      </c>
      <c r="IU11" s="320">
        <v>4687410</v>
      </c>
      <c r="IV11" s="142">
        <v>0</v>
      </c>
      <c r="IW11" s="119">
        <v>0</v>
      </c>
      <c r="IX11" s="120">
        <v>0</v>
      </c>
      <c r="IY11" s="144"/>
      <c r="IZ11" s="119">
        <v>30542</v>
      </c>
      <c r="JA11" s="119">
        <v>75563</v>
      </c>
      <c r="JB11" s="119">
        <v>60292</v>
      </c>
      <c r="JC11" s="119">
        <v>434480</v>
      </c>
      <c r="JD11" s="119">
        <v>199515</v>
      </c>
      <c r="JE11" s="120">
        <v>800392</v>
      </c>
      <c r="JF11" s="121">
        <v>800392</v>
      </c>
      <c r="JG11" s="142">
        <v>0</v>
      </c>
      <c r="JH11" s="119">
        <v>0</v>
      </c>
      <c r="JI11" s="141">
        <v>0</v>
      </c>
      <c r="JJ11" s="118">
        <v>0</v>
      </c>
      <c r="JK11" s="119">
        <v>4271346</v>
      </c>
      <c r="JL11" s="119">
        <v>2453963</v>
      </c>
      <c r="JM11" s="119">
        <v>2183914</v>
      </c>
      <c r="JN11" s="119">
        <v>690475</v>
      </c>
      <c r="JO11" s="119">
        <v>513163</v>
      </c>
      <c r="JP11" s="120">
        <v>10112861</v>
      </c>
      <c r="JQ11" s="320">
        <v>10112861</v>
      </c>
      <c r="JR11" s="142">
        <v>0</v>
      </c>
      <c r="JS11" s="119">
        <v>0</v>
      </c>
      <c r="JT11" s="141">
        <v>0</v>
      </c>
      <c r="JU11" s="118">
        <v>0</v>
      </c>
      <c r="JV11" s="119">
        <v>375753</v>
      </c>
      <c r="JW11" s="119">
        <v>1195738</v>
      </c>
      <c r="JX11" s="119">
        <v>1570480</v>
      </c>
      <c r="JY11" s="119">
        <v>440429</v>
      </c>
      <c r="JZ11" s="119">
        <v>353834</v>
      </c>
      <c r="KA11" s="120">
        <v>3936234</v>
      </c>
      <c r="KB11" s="320">
        <v>3936234</v>
      </c>
      <c r="KC11" s="234">
        <v>19366</v>
      </c>
      <c r="KD11" s="230">
        <v>262018</v>
      </c>
      <c r="KE11" s="120">
        <v>281384</v>
      </c>
      <c r="KF11" s="118">
        <v>0</v>
      </c>
      <c r="KG11" s="119">
        <v>1351737</v>
      </c>
      <c r="KH11" s="119">
        <v>276373</v>
      </c>
      <c r="KI11" s="119">
        <v>1702944</v>
      </c>
      <c r="KJ11" s="119">
        <v>413959</v>
      </c>
      <c r="KK11" s="119">
        <v>241145</v>
      </c>
      <c r="KL11" s="120">
        <v>3986158</v>
      </c>
      <c r="KM11" s="143">
        <v>4267542</v>
      </c>
      <c r="KN11" s="232">
        <v>0</v>
      </c>
      <c r="KO11" s="236">
        <v>0</v>
      </c>
      <c r="KP11" s="237">
        <v>0</v>
      </c>
      <c r="KQ11" s="140"/>
      <c r="KR11" s="119">
        <v>2781539</v>
      </c>
      <c r="KS11" s="119">
        <v>4826376</v>
      </c>
      <c r="KT11" s="119">
        <v>5126275</v>
      </c>
      <c r="KU11" s="119">
        <v>3910697</v>
      </c>
      <c r="KV11" s="119">
        <v>4192267</v>
      </c>
      <c r="KW11" s="120">
        <v>20837154</v>
      </c>
      <c r="KX11" s="320">
        <v>20837154</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92859</v>
      </c>
      <c r="LO11" s="119">
        <v>0</v>
      </c>
      <c r="LP11" s="119">
        <v>1811213</v>
      </c>
      <c r="LQ11" s="119">
        <v>1266884</v>
      </c>
      <c r="LR11" s="119">
        <v>289429</v>
      </c>
      <c r="LS11" s="120">
        <v>3560385</v>
      </c>
      <c r="LT11" s="320">
        <v>3560385</v>
      </c>
      <c r="LU11" s="142">
        <v>0</v>
      </c>
      <c r="LV11" s="119">
        <v>0</v>
      </c>
      <c r="LW11" s="120">
        <v>0</v>
      </c>
      <c r="LX11" s="145"/>
      <c r="LY11" s="119">
        <v>293511</v>
      </c>
      <c r="LZ11" s="119">
        <v>759897</v>
      </c>
      <c r="MA11" s="119">
        <v>852447</v>
      </c>
      <c r="MB11" s="119">
        <v>1698554</v>
      </c>
      <c r="MC11" s="119">
        <v>1316392</v>
      </c>
      <c r="MD11" s="120">
        <v>4920801</v>
      </c>
      <c r="ME11" s="121">
        <v>4920801</v>
      </c>
      <c r="MF11" s="142">
        <v>0</v>
      </c>
      <c r="MG11" s="119">
        <v>0</v>
      </c>
      <c r="MH11" s="120">
        <v>0</v>
      </c>
      <c r="MI11" s="145"/>
      <c r="MJ11" s="119">
        <v>2012799</v>
      </c>
      <c r="MK11" s="119">
        <v>3041610</v>
      </c>
      <c r="ML11" s="119">
        <v>11905422</v>
      </c>
      <c r="MM11" s="119">
        <v>25320288</v>
      </c>
      <c r="MN11" s="119">
        <v>15702566</v>
      </c>
      <c r="MO11" s="120">
        <v>57982685</v>
      </c>
      <c r="MP11" s="143">
        <v>57982685</v>
      </c>
      <c r="MQ11" s="142">
        <v>0</v>
      </c>
      <c r="MR11" s="119">
        <v>0</v>
      </c>
      <c r="MS11" s="120">
        <v>0</v>
      </c>
      <c r="MT11" s="145"/>
      <c r="MU11" s="119">
        <v>0</v>
      </c>
      <c r="MV11" s="119">
        <v>396165</v>
      </c>
      <c r="MW11" s="119">
        <v>6685458</v>
      </c>
      <c r="MX11" s="119">
        <v>12605185</v>
      </c>
      <c r="MY11" s="119">
        <v>8765111</v>
      </c>
      <c r="MZ11" s="120">
        <v>28451919</v>
      </c>
      <c r="NA11" s="143">
        <v>28451919</v>
      </c>
      <c r="NB11" s="142">
        <v>0</v>
      </c>
      <c r="NC11" s="119">
        <v>0</v>
      </c>
      <c r="ND11" s="120">
        <v>0</v>
      </c>
      <c r="NE11" s="145"/>
      <c r="NF11" s="119">
        <v>2012799</v>
      </c>
      <c r="NG11" s="119">
        <v>2645445</v>
      </c>
      <c r="NH11" s="119">
        <v>5219964</v>
      </c>
      <c r="NI11" s="119">
        <v>10323603</v>
      </c>
      <c r="NJ11" s="119">
        <v>4140363</v>
      </c>
      <c r="NK11" s="120">
        <v>24342174</v>
      </c>
      <c r="NL11" s="320">
        <v>24342174</v>
      </c>
      <c r="NM11" s="142">
        <v>0</v>
      </c>
      <c r="NN11" s="119">
        <v>0</v>
      </c>
      <c r="NO11" s="120">
        <v>0</v>
      </c>
      <c r="NP11" s="145"/>
      <c r="NQ11" s="119">
        <v>0</v>
      </c>
      <c r="NR11" s="119">
        <v>0</v>
      </c>
      <c r="NS11" s="119">
        <v>0</v>
      </c>
      <c r="NT11" s="119">
        <v>2094073</v>
      </c>
      <c r="NU11" s="119">
        <v>2449127</v>
      </c>
      <c r="NV11" s="120">
        <v>4543200</v>
      </c>
      <c r="NW11" s="121">
        <v>4543200</v>
      </c>
      <c r="NX11" s="142">
        <v>0</v>
      </c>
      <c r="NY11" s="119">
        <v>0</v>
      </c>
      <c r="NZ11" s="120">
        <v>0</v>
      </c>
      <c r="OA11" s="145"/>
      <c r="OB11" s="119">
        <v>0</v>
      </c>
      <c r="OC11" s="119">
        <v>0</v>
      </c>
      <c r="OD11" s="119">
        <v>0</v>
      </c>
      <c r="OE11" s="119">
        <v>297427</v>
      </c>
      <c r="OF11" s="119">
        <v>347965</v>
      </c>
      <c r="OG11" s="120">
        <v>645392</v>
      </c>
      <c r="OH11" s="121">
        <v>645392</v>
      </c>
      <c r="OI11" s="142">
        <v>3265638</v>
      </c>
      <c r="OJ11" s="119">
        <v>5190667</v>
      </c>
      <c r="OK11" s="141">
        <v>8456305</v>
      </c>
      <c r="OL11" s="118">
        <v>0</v>
      </c>
      <c r="OM11" s="119">
        <v>57981471</v>
      </c>
      <c r="ON11" s="119">
        <v>58685380</v>
      </c>
      <c r="OO11" s="119">
        <v>69836476</v>
      </c>
      <c r="OP11" s="119">
        <v>86940071</v>
      </c>
      <c r="OQ11" s="119">
        <v>62961660</v>
      </c>
      <c r="OR11" s="120">
        <v>336405058</v>
      </c>
      <c r="OS11" s="143">
        <v>344861363</v>
      </c>
    </row>
    <row r="12" spans="1:409" ht="20.25" customHeight="1" x14ac:dyDescent="0.2">
      <c r="B12" s="126" t="s">
        <v>14</v>
      </c>
      <c r="C12" s="110">
        <v>1139191</v>
      </c>
      <c r="D12" s="114">
        <v>2666508</v>
      </c>
      <c r="E12" s="113">
        <v>3805699</v>
      </c>
      <c r="F12" s="109">
        <v>0</v>
      </c>
      <c r="G12" s="114">
        <v>12618536</v>
      </c>
      <c r="H12" s="114">
        <v>18357089</v>
      </c>
      <c r="I12" s="114">
        <v>17544202</v>
      </c>
      <c r="J12" s="114">
        <v>15528619</v>
      </c>
      <c r="K12" s="114">
        <v>15136462</v>
      </c>
      <c r="L12" s="112">
        <v>79184908</v>
      </c>
      <c r="M12" s="116">
        <v>82990607</v>
      </c>
      <c r="N12" s="110">
        <v>230652</v>
      </c>
      <c r="O12" s="114">
        <v>1054474</v>
      </c>
      <c r="P12" s="113">
        <v>1285126</v>
      </c>
      <c r="Q12" s="110">
        <v>0</v>
      </c>
      <c r="R12" s="114">
        <v>3100429</v>
      </c>
      <c r="S12" s="114">
        <v>5873809</v>
      </c>
      <c r="T12" s="114">
        <v>6047719</v>
      </c>
      <c r="U12" s="114">
        <v>6048883</v>
      </c>
      <c r="V12" s="114">
        <v>8063164</v>
      </c>
      <c r="W12" s="113">
        <v>29134004</v>
      </c>
      <c r="X12" s="116">
        <v>30419130</v>
      </c>
      <c r="Y12" s="110">
        <v>0</v>
      </c>
      <c r="Z12" s="114">
        <v>0</v>
      </c>
      <c r="AA12" s="113">
        <v>0</v>
      </c>
      <c r="AB12" s="110">
        <v>0</v>
      </c>
      <c r="AC12" s="114">
        <v>1422172</v>
      </c>
      <c r="AD12" s="114">
        <v>2685424</v>
      </c>
      <c r="AE12" s="114">
        <v>3468482</v>
      </c>
      <c r="AF12" s="114">
        <v>2691969</v>
      </c>
      <c r="AG12" s="114">
        <v>4177730</v>
      </c>
      <c r="AH12" s="113">
        <v>14445777</v>
      </c>
      <c r="AI12" s="116">
        <v>14445777</v>
      </c>
      <c r="AJ12" s="110">
        <v>0</v>
      </c>
      <c r="AK12" s="114">
        <v>0</v>
      </c>
      <c r="AL12" s="113">
        <v>0</v>
      </c>
      <c r="AM12" s="110">
        <v>0</v>
      </c>
      <c r="AN12" s="114">
        <v>0</v>
      </c>
      <c r="AO12" s="114">
        <v>0</v>
      </c>
      <c r="AP12" s="114">
        <v>144230</v>
      </c>
      <c r="AQ12" s="114">
        <v>478421</v>
      </c>
      <c r="AR12" s="114">
        <v>1302871</v>
      </c>
      <c r="AS12" s="113">
        <v>1925522</v>
      </c>
      <c r="AT12" s="116">
        <v>1925522</v>
      </c>
      <c r="AU12" s="110">
        <v>65248</v>
      </c>
      <c r="AV12" s="114">
        <v>745081</v>
      </c>
      <c r="AW12" s="113">
        <v>810329</v>
      </c>
      <c r="AX12" s="110">
        <v>0</v>
      </c>
      <c r="AY12" s="114">
        <v>894163</v>
      </c>
      <c r="AZ12" s="114">
        <v>2166460</v>
      </c>
      <c r="BA12" s="114">
        <v>1433609</v>
      </c>
      <c r="BB12" s="114">
        <v>1845845</v>
      </c>
      <c r="BC12" s="114">
        <v>1699618</v>
      </c>
      <c r="BD12" s="113">
        <v>8039695</v>
      </c>
      <c r="BE12" s="116">
        <v>8850024</v>
      </c>
      <c r="BF12" s="110">
        <v>18684</v>
      </c>
      <c r="BG12" s="114">
        <v>115493</v>
      </c>
      <c r="BH12" s="112">
        <v>134177</v>
      </c>
      <c r="BI12" s="111">
        <v>0</v>
      </c>
      <c r="BJ12" s="114">
        <v>38384</v>
      </c>
      <c r="BK12" s="114">
        <v>145301</v>
      </c>
      <c r="BL12" s="114">
        <v>143506</v>
      </c>
      <c r="BM12" s="114">
        <v>157074</v>
      </c>
      <c r="BN12" s="114">
        <v>10920</v>
      </c>
      <c r="BO12" s="113">
        <v>495185</v>
      </c>
      <c r="BP12" s="116">
        <v>629362</v>
      </c>
      <c r="BQ12" s="110">
        <v>146720</v>
      </c>
      <c r="BR12" s="114">
        <v>193900</v>
      </c>
      <c r="BS12" s="113">
        <v>340620</v>
      </c>
      <c r="BT12" s="110">
        <v>0</v>
      </c>
      <c r="BU12" s="114">
        <v>745710</v>
      </c>
      <c r="BV12" s="114">
        <v>876624</v>
      </c>
      <c r="BW12" s="114">
        <v>857892</v>
      </c>
      <c r="BX12" s="114">
        <v>875574</v>
      </c>
      <c r="BY12" s="114">
        <v>872025</v>
      </c>
      <c r="BZ12" s="113">
        <v>4227825</v>
      </c>
      <c r="CA12" s="116">
        <v>4568445</v>
      </c>
      <c r="CB12" s="110">
        <v>54221</v>
      </c>
      <c r="CC12" s="114">
        <v>199909</v>
      </c>
      <c r="CD12" s="113">
        <v>254130</v>
      </c>
      <c r="CE12" s="110">
        <v>0</v>
      </c>
      <c r="CF12" s="114">
        <v>4017214</v>
      </c>
      <c r="CG12" s="114">
        <v>4883602</v>
      </c>
      <c r="CH12" s="114">
        <v>4121906</v>
      </c>
      <c r="CI12" s="114">
        <v>2073175</v>
      </c>
      <c r="CJ12" s="114">
        <v>878879</v>
      </c>
      <c r="CK12" s="113">
        <v>15974776</v>
      </c>
      <c r="CL12" s="116">
        <v>16228906</v>
      </c>
      <c r="CM12" s="110">
        <v>0</v>
      </c>
      <c r="CN12" s="114">
        <v>0</v>
      </c>
      <c r="CO12" s="113">
        <v>0</v>
      </c>
      <c r="CP12" s="111">
        <v>0</v>
      </c>
      <c r="CQ12" s="114">
        <v>3643609</v>
      </c>
      <c r="CR12" s="114">
        <v>4176202</v>
      </c>
      <c r="CS12" s="114">
        <v>3498848</v>
      </c>
      <c r="CT12" s="114">
        <v>1664189</v>
      </c>
      <c r="CU12" s="114">
        <v>836221</v>
      </c>
      <c r="CV12" s="113">
        <v>13819069</v>
      </c>
      <c r="CW12" s="116">
        <v>13819069</v>
      </c>
      <c r="CX12" s="110">
        <v>54221</v>
      </c>
      <c r="CY12" s="114">
        <v>199909</v>
      </c>
      <c r="CZ12" s="113">
        <v>254130</v>
      </c>
      <c r="DA12" s="110">
        <v>0</v>
      </c>
      <c r="DB12" s="114">
        <v>373605</v>
      </c>
      <c r="DC12" s="114">
        <v>707400</v>
      </c>
      <c r="DD12" s="114">
        <v>623058</v>
      </c>
      <c r="DE12" s="114">
        <v>408986</v>
      </c>
      <c r="DF12" s="114">
        <v>42658</v>
      </c>
      <c r="DG12" s="113">
        <v>2155707</v>
      </c>
      <c r="DH12" s="116">
        <v>2409837</v>
      </c>
      <c r="DI12" s="110">
        <v>0</v>
      </c>
      <c r="DJ12" s="114">
        <v>0</v>
      </c>
      <c r="DK12" s="112">
        <v>0</v>
      </c>
      <c r="DL12" s="111">
        <v>0</v>
      </c>
      <c r="DM12" s="114">
        <v>478611</v>
      </c>
      <c r="DN12" s="114">
        <v>892950</v>
      </c>
      <c r="DO12" s="114">
        <v>1170736</v>
      </c>
      <c r="DP12" s="114">
        <v>1166867</v>
      </c>
      <c r="DQ12" s="114">
        <v>1154268</v>
      </c>
      <c r="DR12" s="113">
        <v>4863432</v>
      </c>
      <c r="DS12" s="116">
        <v>4863432</v>
      </c>
      <c r="DT12" s="110">
        <v>0</v>
      </c>
      <c r="DU12" s="114">
        <v>0</v>
      </c>
      <c r="DV12" s="113">
        <v>0</v>
      </c>
      <c r="DW12" s="110">
        <v>0</v>
      </c>
      <c r="DX12" s="114">
        <v>478611</v>
      </c>
      <c r="DY12" s="114">
        <v>846403</v>
      </c>
      <c r="DZ12" s="114">
        <v>1170736</v>
      </c>
      <c r="EA12" s="114">
        <v>1166867</v>
      </c>
      <c r="EB12" s="114">
        <v>1154268</v>
      </c>
      <c r="EC12" s="113">
        <v>4816885</v>
      </c>
      <c r="ED12" s="116">
        <v>4816885</v>
      </c>
      <c r="EE12" s="110">
        <v>0</v>
      </c>
      <c r="EF12" s="112">
        <v>0</v>
      </c>
      <c r="EG12" s="113">
        <v>0</v>
      </c>
      <c r="EH12" s="110">
        <v>0</v>
      </c>
      <c r="EI12" s="114">
        <v>0</v>
      </c>
      <c r="EJ12" s="114">
        <v>46547</v>
      </c>
      <c r="EK12" s="114">
        <v>0</v>
      </c>
      <c r="EL12" s="114">
        <v>0</v>
      </c>
      <c r="EM12" s="114">
        <v>0</v>
      </c>
      <c r="EN12" s="112">
        <v>46547</v>
      </c>
      <c r="EO12" s="116">
        <v>46547</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250824</v>
      </c>
      <c r="FM12" s="114">
        <v>679630</v>
      </c>
      <c r="FN12" s="113">
        <v>930454</v>
      </c>
      <c r="FO12" s="110">
        <v>0</v>
      </c>
      <c r="FP12" s="114">
        <v>594145</v>
      </c>
      <c r="FQ12" s="114">
        <v>1884309</v>
      </c>
      <c r="FR12" s="114">
        <v>1945063</v>
      </c>
      <c r="FS12" s="114">
        <v>1417614</v>
      </c>
      <c r="FT12" s="114">
        <v>1203692</v>
      </c>
      <c r="FU12" s="113">
        <v>7044823</v>
      </c>
      <c r="FV12" s="116">
        <v>7975277</v>
      </c>
      <c r="FW12" s="115">
        <v>110824</v>
      </c>
      <c r="FX12" s="114">
        <v>613277</v>
      </c>
      <c r="FY12" s="112">
        <v>724101</v>
      </c>
      <c r="FZ12" s="111">
        <v>0</v>
      </c>
      <c r="GA12" s="114">
        <v>418572</v>
      </c>
      <c r="GB12" s="114">
        <v>1752184</v>
      </c>
      <c r="GC12" s="114">
        <v>1538061</v>
      </c>
      <c r="GD12" s="114">
        <v>1268708</v>
      </c>
      <c r="GE12" s="114">
        <v>1103438</v>
      </c>
      <c r="GF12" s="113">
        <v>6080963</v>
      </c>
      <c r="GG12" s="318">
        <v>6805064</v>
      </c>
      <c r="GH12" s="115">
        <v>0</v>
      </c>
      <c r="GI12" s="114">
        <v>18690</v>
      </c>
      <c r="GJ12" s="112">
        <v>18690</v>
      </c>
      <c r="GK12" s="111">
        <v>0</v>
      </c>
      <c r="GL12" s="114">
        <v>35573</v>
      </c>
      <c r="GM12" s="114">
        <v>14000</v>
      </c>
      <c r="GN12" s="114">
        <v>91304</v>
      </c>
      <c r="GO12" s="114">
        <v>37256</v>
      </c>
      <c r="GP12" s="114">
        <v>37499</v>
      </c>
      <c r="GQ12" s="113">
        <v>215632</v>
      </c>
      <c r="GR12" s="116">
        <v>234322</v>
      </c>
      <c r="GS12" s="110">
        <v>140000</v>
      </c>
      <c r="GT12" s="114">
        <v>47663</v>
      </c>
      <c r="GU12" s="113">
        <v>187663</v>
      </c>
      <c r="GV12" s="110">
        <v>0</v>
      </c>
      <c r="GW12" s="114">
        <v>140000</v>
      </c>
      <c r="GX12" s="114">
        <v>118125</v>
      </c>
      <c r="GY12" s="114">
        <v>315698</v>
      </c>
      <c r="GZ12" s="114">
        <v>111650</v>
      </c>
      <c r="HA12" s="114">
        <v>62755</v>
      </c>
      <c r="HB12" s="112">
        <v>748228</v>
      </c>
      <c r="HC12" s="116">
        <v>935891</v>
      </c>
      <c r="HD12" s="110">
        <v>603494</v>
      </c>
      <c r="HE12" s="114">
        <v>732495</v>
      </c>
      <c r="HF12" s="112">
        <v>1335989</v>
      </c>
      <c r="HG12" s="111">
        <v>0</v>
      </c>
      <c r="HH12" s="114">
        <v>4428137</v>
      </c>
      <c r="HI12" s="114">
        <v>4822419</v>
      </c>
      <c r="HJ12" s="114">
        <v>4258778</v>
      </c>
      <c r="HK12" s="114">
        <v>4822080</v>
      </c>
      <c r="HL12" s="114">
        <v>3836459</v>
      </c>
      <c r="HM12" s="113">
        <v>22167873</v>
      </c>
      <c r="HN12" s="109">
        <v>23503862</v>
      </c>
      <c r="HO12" s="328"/>
      <c r="HP12" s="329"/>
      <c r="HQ12" s="330"/>
      <c r="HR12" s="331"/>
      <c r="HS12" s="329"/>
      <c r="HT12" s="329"/>
      <c r="HU12" s="329"/>
      <c r="HV12" s="329"/>
      <c r="HW12" s="329"/>
      <c r="HX12" s="332"/>
      <c r="HY12" s="333"/>
      <c r="HZ12" s="131">
        <v>0</v>
      </c>
      <c r="IA12" s="132">
        <v>0</v>
      </c>
      <c r="IB12" s="133">
        <v>0</v>
      </c>
      <c r="IC12" s="134">
        <v>0</v>
      </c>
      <c r="ID12" s="135">
        <v>3527175</v>
      </c>
      <c r="IE12" s="136">
        <v>3861513</v>
      </c>
      <c r="IF12" s="137">
        <v>5161886</v>
      </c>
      <c r="IG12" s="135">
        <v>2690758</v>
      </c>
      <c r="IH12" s="137">
        <v>3096772</v>
      </c>
      <c r="II12" s="138">
        <v>18338104</v>
      </c>
      <c r="IJ12" s="139">
        <v>18338104</v>
      </c>
      <c r="IK12" s="232">
        <v>0</v>
      </c>
      <c r="IL12" s="236">
        <v>0</v>
      </c>
      <c r="IM12" s="237">
        <v>0</v>
      </c>
      <c r="IN12" s="140"/>
      <c r="IO12" s="119">
        <v>27629</v>
      </c>
      <c r="IP12" s="119">
        <v>0</v>
      </c>
      <c r="IQ12" s="119">
        <v>169667</v>
      </c>
      <c r="IR12" s="119">
        <v>204936</v>
      </c>
      <c r="IS12" s="119">
        <v>950910</v>
      </c>
      <c r="IT12" s="141">
        <v>1353142</v>
      </c>
      <c r="IU12" s="320">
        <v>1353142</v>
      </c>
      <c r="IV12" s="142">
        <v>0</v>
      </c>
      <c r="IW12" s="119">
        <v>0</v>
      </c>
      <c r="IX12" s="120">
        <v>0</v>
      </c>
      <c r="IY12" s="144"/>
      <c r="IZ12" s="119">
        <v>0</v>
      </c>
      <c r="JA12" s="119">
        <v>0</v>
      </c>
      <c r="JB12" s="119">
        <v>0</v>
      </c>
      <c r="JC12" s="119">
        <v>8839</v>
      </c>
      <c r="JD12" s="119">
        <v>0</v>
      </c>
      <c r="JE12" s="120">
        <v>8839</v>
      </c>
      <c r="JF12" s="121">
        <v>8839</v>
      </c>
      <c r="JG12" s="142">
        <v>0</v>
      </c>
      <c r="JH12" s="119">
        <v>0</v>
      </c>
      <c r="JI12" s="141">
        <v>0</v>
      </c>
      <c r="JJ12" s="118">
        <v>0</v>
      </c>
      <c r="JK12" s="119">
        <v>1184207</v>
      </c>
      <c r="JL12" s="119">
        <v>1492207</v>
      </c>
      <c r="JM12" s="119">
        <v>1452554</v>
      </c>
      <c r="JN12" s="119">
        <v>420898</v>
      </c>
      <c r="JO12" s="119">
        <v>209607</v>
      </c>
      <c r="JP12" s="120">
        <v>4759473</v>
      </c>
      <c r="JQ12" s="320">
        <v>4759473</v>
      </c>
      <c r="JR12" s="142">
        <v>0</v>
      </c>
      <c r="JS12" s="119">
        <v>0</v>
      </c>
      <c r="JT12" s="141">
        <v>0</v>
      </c>
      <c r="JU12" s="118">
        <v>0</v>
      </c>
      <c r="JV12" s="119">
        <v>65075</v>
      </c>
      <c r="JW12" s="119">
        <v>0</v>
      </c>
      <c r="JX12" s="119">
        <v>22490</v>
      </c>
      <c r="JY12" s="119">
        <v>52636</v>
      </c>
      <c r="JZ12" s="119">
        <v>129495</v>
      </c>
      <c r="KA12" s="120">
        <v>269696</v>
      </c>
      <c r="KB12" s="320">
        <v>269696</v>
      </c>
      <c r="KC12" s="234">
        <v>0</v>
      </c>
      <c r="KD12" s="230">
        <v>0</v>
      </c>
      <c r="KE12" s="120">
        <v>0</v>
      </c>
      <c r="KF12" s="118">
        <v>0</v>
      </c>
      <c r="KG12" s="119">
        <v>317439</v>
      </c>
      <c r="KH12" s="119">
        <v>869430</v>
      </c>
      <c r="KI12" s="119">
        <v>879819</v>
      </c>
      <c r="KJ12" s="119">
        <v>208756</v>
      </c>
      <c r="KK12" s="119">
        <v>496550</v>
      </c>
      <c r="KL12" s="120">
        <v>2771994</v>
      </c>
      <c r="KM12" s="143">
        <v>2771994</v>
      </c>
      <c r="KN12" s="232">
        <v>0</v>
      </c>
      <c r="KO12" s="236">
        <v>0</v>
      </c>
      <c r="KP12" s="237">
        <v>0</v>
      </c>
      <c r="KQ12" s="140"/>
      <c r="KR12" s="119">
        <v>1812471</v>
      </c>
      <c r="KS12" s="119">
        <v>1479496</v>
      </c>
      <c r="KT12" s="119">
        <v>2205468</v>
      </c>
      <c r="KU12" s="119">
        <v>1794693</v>
      </c>
      <c r="KV12" s="119">
        <v>1310210</v>
      </c>
      <c r="KW12" s="120">
        <v>8602338</v>
      </c>
      <c r="KX12" s="320">
        <v>8602338</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82059</v>
      </c>
      <c r="LP12" s="119">
        <v>200142</v>
      </c>
      <c r="LQ12" s="119">
        <v>0</v>
      </c>
      <c r="LR12" s="119">
        <v>0</v>
      </c>
      <c r="LS12" s="120">
        <v>382201</v>
      </c>
      <c r="LT12" s="320">
        <v>382201</v>
      </c>
      <c r="LU12" s="142">
        <v>0</v>
      </c>
      <c r="LV12" s="119">
        <v>0</v>
      </c>
      <c r="LW12" s="120">
        <v>0</v>
      </c>
      <c r="LX12" s="145"/>
      <c r="LY12" s="119">
        <v>120354</v>
      </c>
      <c r="LZ12" s="119">
        <v>-161679</v>
      </c>
      <c r="MA12" s="119">
        <v>231746</v>
      </c>
      <c r="MB12" s="119">
        <v>0</v>
      </c>
      <c r="MC12" s="119">
        <v>0</v>
      </c>
      <c r="MD12" s="120">
        <v>190421</v>
      </c>
      <c r="ME12" s="121">
        <v>190421</v>
      </c>
      <c r="MF12" s="142">
        <v>0</v>
      </c>
      <c r="MG12" s="119">
        <v>0</v>
      </c>
      <c r="MH12" s="120">
        <v>0</v>
      </c>
      <c r="MI12" s="145"/>
      <c r="MJ12" s="119">
        <v>216489</v>
      </c>
      <c r="MK12" s="119">
        <v>2315708</v>
      </c>
      <c r="ML12" s="119">
        <v>5413159</v>
      </c>
      <c r="MM12" s="119">
        <v>11303022</v>
      </c>
      <c r="MN12" s="119">
        <v>5740657</v>
      </c>
      <c r="MO12" s="120">
        <v>24989035</v>
      </c>
      <c r="MP12" s="143">
        <v>24989035</v>
      </c>
      <c r="MQ12" s="142">
        <v>0</v>
      </c>
      <c r="MR12" s="119">
        <v>0</v>
      </c>
      <c r="MS12" s="120">
        <v>0</v>
      </c>
      <c r="MT12" s="145"/>
      <c r="MU12" s="119">
        <v>0</v>
      </c>
      <c r="MV12" s="119">
        <v>0</v>
      </c>
      <c r="MW12" s="119">
        <v>3214257</v>
      </c>
      <c r="MX12" s="119">
        <v>6312168</v>
      </c>
      <c r="MY12" s="119">
        <v>4407037</v>
      </c>
      <c r="MZ12" s="120">
        <v>13933462</v>
      </c>
      <c r="NA12" s="143">
        <v>13933462</v>
      </c>
      <c r="NB12" s="142">
        <v>0</v>
      </c>
      <c r="NC12" s="119">
        <v>0</v>
      </c>
      <c r="ND12" s="120">
        <v>0</v>
      </c>
      <c r="NE12" s="145"/>
      <c r="NF12" s="119">
        <v>216489</v>
      </c>
      <c r="NG12" s="119">
        <v>2315708</v>
      </c>
      <c r="NH12" s="119">
        <v>2198902</v>
      </c>
      <c r="NI12" s="119">
        <v>4365127</v>
      </c>
      <c r="NJ12" s="119">
        <v>409647</v>
      </c>
      <c r="NK12" s="120">
        <v>9505873</v>
      </c>
      <c r="NL12" s="320">
        <v>9505873</v>
      </c>
      <c r="NM12" s="142">
        <v>0</v>
      </c>
      <c r="NN12" s="119">
        <v>0</v>
      </c>
      <c r="NO12" s="120">
        <v>0</v>
      </c>
      <c r="NP12" s="145"/>
      <c r="NQ12" s="119">
        <v>0</v>
      </c>
      <c r="NR12" s="119">
        <v>0</v>
      </c>
      <c r="NS12" s="119">
        <v>0</v>
      </c>
      <c r="NT12" s="119">
        <v>0</v>
      </c>
      <c r="NU12" s="119">
        <v>569724</v>
      </c>
      <c r="NV12" s="120">
        <v>569724</v>
      </c>
      <c r="NW12" s="121">
        <v>569724</v>
      </c>
      <c r="NX12" s="142">
        <v>0</v>
      </c>
      <c r="NY12" s="119">
        <v>0</v>
      </c>
      <c r="NZ12" s="120">
        <v>0</v>
      </c>
      <c r="OA12" s="145"/>
      <c r="OB12" s="119">
        <v>0</v>
      </c>
      <c r="OC12" s="119">
        <v>0</v>
      </c>
      <c r="OD12" s="119">
        <v>0</v>
      </c>
      <c r="OE12" s="119">
        <v>625727</v>
      </c>
      <c r="OF12" s="119">
        <v>354249</v>
      </c>
      <c r="OG12" s="120">
        <v>979976</v>
      </c>
      <c r="OH12" s="121">
        <v>979976</v>
      </c>
      <c r="OI12" s="142">
        <v>1139191</v>
      </c>
      <c r="OJ12" s="119">
        <v>2666508</v>
      </c>
      <c r="OK12" s="141">
        <v>3805699</v>
      </c>
      <c r="OL12" s="118">
        <v>0</v>
      </c>
      <c r="OM12" s="119">
        <v>16362200</v>
      </c>
      <c r="ON12" s="119">
        <v>24534310</v>
      </c>
      <c r="OO12" s="119">
        <v>28119247</v>
      </c>
      <c r="OP12" s="119">
        <v>29522399</v>
      </c>
      <c r="OQ12" s="119">
        <v>23973891</v>
      </c>
      <c r="OR12" s="120">
        <v>122512047</v>
      </c>
      <c r="OS12" s="143">
        <v>126317746</v>
      </c>
    </row>
    <row r="13" spans="1:409" ht="20.25" customHeight="1" x14ac:dyDescent="0.2">
      <c r="B13" s="126" t="s">
        <v>7</v>
      </c>
      <c r="C13" s="110">
        <v>643328</v>
      </c>
      <c r="D13" s="114">
        <v>825339</v>
      </c>
      <c r="E13" s="113">
        <v>1468667</v>
      </c>
      <c r="F13" s="109">
        <v>0</v>
      </c>
      <c r="G13" s="114">
        <v>11006882</v>
      </c>
      <c r="H13" s="114">
        <v>11054645</v>
      </c>
      <c r="I13" s="114">
        <v>9947651</v>
      </c>
      <c r="J13" s="114">
        <v>6690405</v>
      </c>
      <c r="K13" s="114">
        <v>6460246</v>
      </c>
      <c r="L13" s="109">
        <v>45159829</v>
      </c>
      <c r="M13" s="116">
        <v>46628496</v>
      </c>
      <c r="N13" s="110">
        <v>104850</v>
      </c>
      <c r="O13" s="114">
        <v>73378</v>
      </c>
      <c r="P13" s="113">
        <v>178228</v>
      </c>
      <c r="Q13" s="110">
        <v>0</v>
      </c>
      <c r="R13" s="114">
        <v>3205426</v>
      </c>
      <c r="S13" s="114">
        <v>4192290</v>
      </c>
      <c r="T13" s="114">
        <v>3438758</v>
      </c>
      <c r="U13" s="114">
        <v>1806119</v>
      </c>
      <c r="V13" s="114">
        <v>3926769</v>
      </c>
      <c r="W13" s="113">
        <v>16569362</v>
      </c>
      <c r="X13" s="116">
        <v>16747590</v>
      </c>
      <c r="Y13" s="110">
        <v>0</v>
      </c>
      <c r="Z13" s="114">
        <v>0</v>
      </c>
      <c r="AA13" s="113">
        <v>0</v>
      </c>
      <c r="AB13" s="110">
        <v>0</v>
      </c>
      <c r="AC13" s="114">
        <v>1237122</v>
      </c>
      <c r="AD13" s="114">
        <v>1779056</v>
      </c>
      <c r="AE13" s="114">
        <v>1653718</v>
      </c>
      <c r="AF13" s="114">
        <v>847283</v>
      </c>
      <c r="AG13" s="114">
        <v>2287585</v>
      </c>
      <c r="AH13" s="113">
        <v>7804764</v>
      </c>
      <c r="AI13" s="116">
        <v>7804764</v>
      </c>
      <c r="AJ13" s="110">
        <v>0</v>
      </c>
      <c r="AK13" s="114">
        <v>0</v>
      </c>
      <c r="AL13" s="113">
        <v>0</v>
      </c>
      <c r="AM13" s="110">
        <v>0</v>
      </c>
      <c r="AN13" s="114">
        <v>50632</v>
      </c>
      <c r="AO13" s="114">
        <v>254747</v>
      </c>
      <c r="AP13" s="114">
        <v>132885</v>
      </c>
      <c r="AQ13" s="114">
        <v>113000</v>
      </c>
      <c r="AR13" s="114">
        <v>371212</v>
      </c>
      <c r="AS13" s="113">
        <v>922476</v>
      </c>
      <c r="AT13" s="116">
        <v>922476</v>
      </c>
      <c r="AU13" s="110">
        <v>0</v>
      </c>
      <c r="AV13" s="114">
        <v>11848</v>
      </c>
      <c r="AW13" s="113">
        <v>11848</v>
      </c>
      <c r="AX13" s="110">
        <v>0</v>
      </c>
      <c r="AY13" s="114">
        <v>1296301</v>
      </c>
      <c r="AZ13" s="114">
        <v>1509499</v>
      </c>
      <c r="BA13" s="114">
        <v>1044401</v>
      </c>
      <c r="BB13" s="114">
        <v>459673</v>
      </c>
      <c r="BC13" s="114">
        <v>942098</v>
      </c>
      <c r="BD13" s="113">
        <v>5251972</v>
      </c>
      <c r="BE13" s="116">
        <v>5263820</v>
      </c>
      <c r="BF13" s="110">
        <v>13647</v>
      </c>
      <c r="BG13" s="114">
        <v>0</v>
      </c>
      <c r="BH13" s="112">
        <v>13647</v>
      </c>
      <c r="BI13" s="111">
        <v>0</v>
      </c>
      <c r="BJ13" s="114">
        <v>68014</v>
      </c>
      <c r="BK13" s="114">
        <v>189746</v>
      </c>
      <c r="BL13" s="114">
        <v>108143</v>
      </c>
      <c r="BM13" s="114">
        <v>72549</v>
      </c>
      <c r="BN13" s="114">
        <v>77563</v>
      </c>
      <c r="BO13" s="113">
        <v>516015</v>
      </c>
      <c r="BP13" s="116">
        <v>529662</v>
      </c>
      <c r="BQ13" s="110">
        <v>91203</v>
      </c>
      <c r="BR13" s="114">
        <v>61530</v>
      </c>
      <c r="BS13" s="113">
        <v>152733</v>
      </c>
      <c r="BT13" s="110">
        <v>0</v>
      </c>
      <c r="BU13" s="114">
        <v>553357</v>
      </c>
      <c r="BV13" s="114">
        <v>459242</v>
      </c>
      <c r="BW13" s="114">
        <v>499611</v>
      </c>
      <c r="BX13" s="114">
        <v>313614</v>
      </c>
      <c r="BY13" s="114">
        <v>248311</v>
      </c>
      <c r="BZ13" s="113">
        <v>2074135</v>
      </c>
      <c r="CA13" s="116">
        <v>2226868</v>
      </c>
      <c r="CB13" s="110">
        <v>72164</v>
      </c>
      <c r="CC13" s="114">
        <v>70786</v>
      </c>
      <c r="CD13" s="113">
        <v>142950</v>
      </c>
      <c r="CE13" s="110">
        <v>0</v>
      </c>
      <c r="CF13" s="114">
        <v>3424269</v>
      </c>
      <c r="CG13" s="114">
        <v>2070724</v>
      </c>
      <c r="CH13" s="114">
        <v>1425316</v>
      </c>
      <c r="CI13" s="114">
        <v>349750</v>
      </c>
      <c r="CJ13" s="114">
        <v>724289</v>
      </c>
      <c r="CK13" s="113">
        <v>7994348</v>
      </c>
      <c r="CL13" s="116">
        <v>8137298</v>
      </c>
      <c r="CM13" s="110">
        <v>0</v>
      </c>
      <c r="CN13" s="114">
        <v>0</v>
      </c>
      <c r="CO13" s="113">
        <v>0</v>
      </c>
      <c r="CP13" s="111">
        <v>0</v>
      </c>
      <c r="CQ13" s="114">
        <v>2390469</v>
      </c>
      <c r="CR13" s="114">
        <v>1616580</v>
      </c>
      <c r="CS13" s="114">
        <v>980873</v>
      </c>
      <c r="CT13" s="114">
        <v>288486</v>
      </c>
      <c r="CU13" s="114">
        <v>539223</v>
      </c>
      <c r="CV13" s="113">
        <v>5815631</v>
      </c>
      <c r="CW13" s="116">
        <v>5815631</v>
      </c>
      <c r="CX13" s="110">
        <v>72164</v>
      </c>
      <c r="CY13" s="114">
        <v>70786</v>
      </c>
      <c r="CZ13" s="113">
        <v>142950</v>
      </c>
      <c r="DA13" s="110">
        <v>0</v>
      </c>
      <c r="DB13" s="114">
        <v>1033800</v>
      </c>
      <c r="DC13" s="114">
        <v>454144</v>
      </c>
      <c r="DD13" s="114">
        <v>444443</v>
      </c>
      <c r="DE13" s="114">
        <v>61264</v>
      </c>
      <c r="DF13" s="114">
        <v>185066</v>
      </c>
      <c r="DG13" s="113">
        <v>2178717</v>
      </c>
      <c r="DH13" s="116">
        <v>2321667</v>
      </c>
      <c r="DI13" s="110">
        <v>0</v>
      </c>
      <c r="DJ13" s="114">
        <v>0</v>
      </c>
      <c r="DK13" s="112">
        <v>0</v>
      </c>
      <c r="DL13" s="111">
        <v>0</v>
      </c>
      <c r="DM13" s="114">
        <v>329008</v>
      </c>
      <c r="DN13" s="114">
        <v>455408</v>
      </c>
      <c r="DO13" s="114">
        <v>603682</v>
      </c>
      <c r="DP13" s="114">
        <v>684992</v>
      </c>
      <c r="DQ13" s="114">
        <v>0</v>
      </c>
      <c r="DR13" s="113">
        <v>2073090</v>
      </c>
      <c r="DS13" s="116">
        <v>2073090</v>
      </c>
      <c r="DT13" s="110">
        <v>0</v>
      </c>
      <c r="DU13" s="114">
        <v>0</v>
      </c>
      <c r="DV13" s="113">
        <v>0</v>
      </c>
      <c r="DW13" s="110">
        <v>0</v>
      </c>
      <c r="DX13" s="114">
        <v>274013</v>
      </c>
      <c r="DY13" s="114">
        <v>333663</v>
      </c>
      <c r="DZ13" s="114">
        <v>565404</v>
      </c>
      <c r="EA13" s="114">
        <v>684992</v>
      </c>
      <c r="EB13" s="114">
        <v>0</v>
      </c>
      <c r="EC13" s="113">
        <v>1858072</v>
      </c>
      <c r="ED13" s="116">
        <v>1858072</v>
      </c>
      <c r="EE13" s="110">
        <v>0</v>
      </c>
      <c r="EF13" s="112">
        <v>0</v>
      </c>
      <c r="EG13" s="113">
        <v>0</v>
      </c>
      <c r="EH13" s="110">
        <v>0</v>
      </c>
      <c r="EI13" s="114">
        <v>54995</v>
      </c>
      <c r="EJ13" s="114">
        <v>121745</v>
      </c>
      <c r="EK13" s="114">
        <v>38278</v>
      </c>
      <c r="EL13" s="114">
        <v>0</v>
      </c>
      <c r="EM13" s="114">
        <v>0</v>
      </c>
      <c r="EN13" s="112">
        <v>215018</v>
      </c>
      <c r="EO13" s="116">
        <v>215018</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69398</v>
      </c>
      <c r="FM13" s="114">
        <v>89894</v>
      </c>
      <c r="FN13" s="113">
        <v>159292</v>
      </c>
      <c r="FO13" s="110">
        <v>0</v>
      </c>
      <c r="FP13" s="114">
        <v>755419</v>
      </c>
      <c r="FQ13" s="114">
        <v>1140244</v>
      </c>
      <c r="FR13" s="114">
        <v>766570</v>
      </c>
      <c r="FS13" s="114">
        <v>358428</v>
      </c>
      <c r="FT13" s="114">
        <v>472227</v>
      </c>
      <c r="FU13" s="113">
        <v>3492888</v>
      </c>
      <c r="FV13" s="116">
        <v>3652180</v>
      </c>
      <c r="FW13" s="115">
        <v>69398</v>
      </c>
      <c r="FX13" s="114">
        <v>78694</v>
      </c>
      <c r="FY13" s="112">
        <v>148092</v>
      </c>
      <c r="FZ13" s="111">
        <v>0</v>
      </c>
      <c r="GA13" s="114">
        <v>358862</v>
      </c>
      <c r="GB13" s="114">
        <v>1026081</v>
      </c>
      <c r="GC13" s="114">
        <v>766570</v>
      </c>
      <c r="GD13" s="114">
        <v>303478</v>
      </c>
      <c r="GE13" s="114">
        <v>472227</v>
      </c>
      <c r="GF13" s="113">
        <v>2927218</v>
      </c>
      <c r="GG13" s="318">
        <v>3075310</v>
      </c>
      <c r="GH13" s="115">
        <v>0</v>
      </c>
      <c r="GI13" s="114">
        <v>11200</v>
      </c>
      <c r="GJ13" s="112">
        <v>11200</v>
      </c>
      <c r="GK13" s="111">
        <v>0</v>
      </c>
      <c r="GL13" s="114">
        <v>83237</v>
      </c>
      <c r="GM13" s="114">
        <v>36113</v>
      </c>
      <c r="GN13" s="114">
        <v>0</v>
      </c>
      <c r="GO13" s="114">
        <v>11550</v>
      </c>
      <c r="GP13" s="114">
        <v>0</v>
      </c>
      <c r="GQ13" s="113">
        <v>130900</v>
      </c>
      <c r="GR13" s="116">
        <v>142100</v>
      </c>
      <c r="GS13" s="110">
        <v>0</v>
      </c>
      <c r="GT13" s="114">
        <v>0</v>
      </c>
      <c r="GU13" s="113">
        <v>0</v>
      </c>
      <c r="GV13" s="110">
        <v>0</v>
      </c>
      <c r="GW13" s="114">
        <v>313320</v>
      </c>
      <c r="GX13" s="114">
        <v>78050</v>
      </c>
      <c r="GY13" s="114">
        <v>0</v>
      </c>
      <c r="GZ13" s="114">
        <v>43400</v>
      </c>
      <c r="HA13" s="114">
        <v>0</v>
      </c>
      <c r="HB13" s="112">
        <v>434770</v>
      </c>
      <c r="HC13" s="116">
        <v>434770</v>
      </c>
      <c r="HD13" s="110">
        <v>396916</v>
      </c>
      <c r="HE13" s="114">
        <v>591281</v>
      </c>
      <c r="HF13" s="112">
        <v>988197</v>
      </c>
      <c r="HG13" s="111">
        <v>0</v>
      </c>
      <c r="HH13" s="114">
        <v>3292760</v>
      </c>
      <c r="HI13" s="114">
        <v>3195979</v>
      </c>
      <c r="HJ13" s="114">
        <v>3713325</v>
      </c>
      <c r="HK13" s="114">
        <v>3491116</v>
      </c>
      <c r="HL13" s="114">
        <v>1336961</v>
      </c>
      <c r="HM13" s="113">
        <v>15030141</v>
      </c>
      <c r="HN13" s="109">
        <v>16018338</v>
      </c>
      <c r="HO13" s="328"/>
      <c r="HP13" s="329"/>
      <c r="HQ13" s="330"/>
      <c r="HR13" s="331"/>
      <c r="HS13" s="329"/>
      <c r="HT13" s="329"/>
      <c r="HU13" s="329"/>
      <c r="HV13" s="329"/>
      <c r="HW13" s="329"/>
      <c r="HX13" s="332"/>
      <c r="HY13" s="333"/>
      <c r="HZ13" s="131">
        <v>0</v>
      </c>
      <c r="IA13" s="132">
        <v>0</v>
      </c>
      <c r="IB13" s="133">
        <v>0</v>
      </c>
      <c r="IC13" s="146">
        <v>0</v>
      </c>
      <c r="ID13" s="132">
        <v>1661388</v>
      </c>
      <c r="IE13" s="147">
        <v>1607531</v>
      </c>
      <c r="IF13" s="133">
        <v>2956120</v>
      </c>
      <c r="IG13" s="132">
        <v>1889747</v>
      </c>
      <c r="IH13" s="133">
        <v>401348</v>
      </c>
      <c r="II13" s="148">
        <v>8516134</v>
      </c>
      <c r="IJ13" s="139">
        <v>8516134</v>
      </c>
      <c r="IK13" s="232">
        <v>0</v>
      </c>
      <c r="IL13" s="236">
        <v>0</v>
      </c>
      <c r="IM13" s="237">
        <v>0</v>
      </c>
      <c r="IN13" s="140"/>
      <c r="IO13" s="119">
        <v>0</v>
      </c>
      <c r="IP13" s="119">
        <v>94696</v>
      </c>
      <c r="IQ13" s="119">
        <v>322224</v>
      </c>
      <c r="IR13" s="119">
        <v>77116</v>
      </c>
      <c r="IS13" s="119">
        <v>0</v>
      </c>
      <c r="IT13" s="141">
        <v>494036</v>
      </c>
      <c r="IU13" s="320">
        <v>494036</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630226</v>
      </c>
      <c r="JL13" s="119">
        <v>549116</v>
      </c>
      <c r="JM13" s="119">
        <v>710113</v>
      </c>
      <c r="JN13" s="119">
        <v>369895</v>
      </c>
      <c r="JO13" s="119">
        <v>74876</v>
      </c>
      <c r="JP13" s="120">
        <v>2334226</v>
      </c>
      <c r="JQ13" s="320">
        <v>2334226</v>
      </c>
      <c r="JR13" s="142">
        <v>0</v>
      </c>
      <c r="JS13" s="119">
        <v>0</v>
      </c>
      <c r="JT13" s="141">
        <v>0</v>
      </c>
      <c r="JU13" s="118">
        <v>0</v>
      </c>
      <c r="JV13" s="119">
        <v>216874</v>
      </c>
      <c r="JW13" s="119">
        <v>471388</v>
      </c>
      <c r="JX13" s="119">
        <v>207281</v>
      </c>
      <c r="JY13" s="119">
        <v>767074</v>
      </c>
      <c r="JZ13" s="119">
        <v>104017</v>
      </c>
      <c r="KA13" s="120">
        <v>1766634</v>
      </c>
      <c r="KB13" s="320">
        <v>1766634</v>
      </c>
      <c r="KC13" s="234">
        <v>0</v>
      </c>
      <c r="KD13" s="230">
        <v>0</v>
      </c>
      <c r="KE13" s="120">
        <v>0</v>
      </c>
      <c r="KF13" s="118">
        <v>0</v>
      </c>
      <c r="KG13" s="119">
        <v>0</v>
      </c>
      <c r="KH13" s="119">
        <v>274462</v>
      </c>
      <c r="KI13" s="119">
        <v>181345</v>
      </c>
      <c r="KJ13" s="119">
        <v>0</v>
      </c>
      <c r="KK13" s="119">
        <v>0</v>
      </c>
      <c r="KL13" s="120">
        <v>455807</v>
      </c>
      <c r="KM13" s="143">
        <v>455807</v>
      </c>
      <c r="KN13" s="232">
        <v>0</v>
      </c>
      <c r="KO13" s="236">
        <v>0</v>
      </c>
      <c r="KP13" s="237">
        <v>0</v>
      </c>
      <c r="KQ13" s="140"/>
      <c r="KR13" s="119">
        <v>814288</v>
      </c>
      <c r="KS13" s="119">
        <v>217869</v>
      </c>
      <c r="KT13" s="119">
        <v>1535157</v>
      </c>
      <c r="KU13" s="119">
        <v>675662</v>
      </c>
      <c r="KV13" s="119">
        <v>222455</v>
      </c>
      <c r="KW13" s="120">
        <v>3465431</v>
      </c>
      <c r="KX13" s="320">
        <v>3465431</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0</v>
      </c>
      <c r="LZ13" s="119">
        <v>0</v>
      </c>
      <c r="MA13" s="119">
        <v>0</v>
      </c>
      <c r="MB13" s="119">
        <v>0</v>
      </c>
      <c r="MC13" s="119">
        <v>0</v>
      </c>
      <c r="MD13" s="120">
        <v>0</v>
      </c>
      <c r="ME13" s="121">
        <v>0</v>
      </c>
      <c r="MF13" s="142">
        <v>0</v>
      </c>
      <c r="MG13" s="119">
        <v>0</v>
      </c>
      <c r="MH13" s="120">
        <v>0</v>
      </c>
      <c r="MI13" s="145"/>
      <c r="MJ13" s="119">
        <v>0</v>
      </c>
      <c r="MK13" s="119">
        <v>1037999</v>
      </c>
      <c r="ML13" s="119">
        <v>1741392</v>
      </c>
      <c r="MM13" s="119">
        <v>6643706</v>
      </c>
      <c r="MN13" s="119">
        <v>3231195</v>
      </c>
      <c r="MO13" s="120">
        <v>12654292</v>
      </c>
      <c r="MP13" s="143">
        <v>12654292</v>
      </c>
      <c r="MQ13" s="142">
        <v>0</v>
      </c>
      <c r="MR13" s="119">
        <v>0</v>
      </c>
      <c r="MS13" s="120">
        <v>0</v>
      </c>
      <c r="MT13" s="145"/>
      <c r="MU13" s="119">
        <v>0</v>
      </c>
      <c r="MV13" s="119">
        <v>0</v>
      </c>
      <c r="MW13" s="119">
        <v>744949</v>
      </c>
      <c r="MX13" s="119">
        <v>4824623</v>
      </c>
      <c r="MY13" s="119">
        <v>2690475</v>
      </c>
      <c r="MZ13" s="120">
        <v>8260047</v>
      </c>
      <c r="NA13" s="143">
        <v>8260047</v>
      </c>
      <c r="NB13" s="142">
        <v>0</v>
      </c>
      <c r="NC13" s="119">
        <v>0</v>
      </c>
      <c r="ND13" s="120">
        <v>0</v>
      </c>
      <c r="NE13" s="145"/>
      <c r="NF13" s="119">
        <v>0</v>
      </c>
      <c r="NG13" s="119">
        <v>1037999</v>
      </c>
      <c r="NH13" s="119">
        <v>996443</v>
      </c>
      <c r="NI13" s="119">
        <v>1819083</v>
      </c>
      <c r="NJ13" s="119">
        <v>540720</v>
      </c>
      <c r="NK13" s="120">
        <v>4394245</v>
      </c>
      <c r="NL13" s="320">
        <v>4394245</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643328</v>
      </c>
      <c r="OJ13" s="119">
        <v>825339</v>
      </c>
      <c r="OK13" s="141">
        <v>1468667</v>
      </c>
      <c r="OL13" s="118">
        <v>0</v>
      </c>
      <c r="OM13" s="119">
        <v>12668270</v>
      </c>
      <c r="ON13" s="119">
        <v>13700175</v>
      </c>
      <c r="OO13" s="119">
        <v>14645163</v>
      </c>
      <c r="OP13" s="119">
        <v>15223858</v>
      </c>
      <c r="OQ13" s="119">
        <v>10092789</v>
      </c>
      <c r="OR13" s="120">
        <v>66330255</v>
      </c>
      <c r="OS13" s="143">
        <v>67798922</v>
      </c>
    </row>
    <row r="14" spans="1:409" ht="20.25" customHeight="1" x14ac:dyDescent="0.2">
      <c r="B14" s="126" t="s">
        <v>8</v>
      </c>
      <c r="C14" s="110">
        <v>506493</v>
      </c>
      <c r="D14" s="114">
        <v>316797</v>
      </c>
      <c r="E14" s="113">
        <v>823290</v>
      </c>
      <c r="F14" s="109">
        <v>0</v>
      </c>
      <c r="G14" s="114">
        <v>4005632</v>
      </c>
      <c r="H14" s="114">
        <v>6297854</v>
      </c>
      <c r="I14" s="114">
        <v>4011379</v>
      </c>
      <c r="J14" s="114">
        <v>5735191</v>
      </c>
      <c r="K14" s="114">
        <v>5231247</v>
      </c>
      <c r="L14" s="109">
        <v>25281303</v>
      </c>
      <c r="M14" s="116">
        <v>26104593</v>
      </c>
      <c r="N14" s="110">
        <v>143429</v>
      </c>
      <c r="O14" s="114">
        <v>55207</v>
      </c>
      <c r="P14" s="113">
        <v>198636</v>
      </c>
      <c r="Q14" s="110">
        <v>0</v>
      </c>
      <c r="R14" s="114">
        <v>1421211</v>
      </c>
      <c r="S14" s="114">
        <v>2008961</v>
      </c>
      <c r="T14" s="114">
        <v>1323026</v>
      </c>
      <c r="U14" s="114">
        <v>2208404</v>
      </c>
      <c r="V14" s="114">
        <v>2053034</v>
      </c>
      <c r="W14" s="113">
        <v>9014636</v>
      </c>
      <c r="X14" s="116">
        <v>9213272</v>
      </c>
      <c r="Y14" s="110">
        <v>0</v>
      </c>
      <c r="Z14" s="114">
        <v>0</v>
      </c>
      <c r="AA14" s="113">
        <v>0</v>
      </c>
      <c r="AB14" s="110">
        <v>0</v>
      </c>
      <c r="AC14" s="114">
        <v>704689</v>
      </c>
      <c r="AD14" s="114">
        <v>821524</v>
      </c>
      <c r="AE14" s="114">
        <v>734168</v>
      </c>
      <c r="AF14" s="114">
        <v>804942</v>
      </c>
      <c r="AG14" s="114">
        <v>1241467</v>
      </c>
      <c r="AH14" s="113">
        <v>4306790</v>
      </c>
      <c r="AI14" s="116">
        <v>4306790</v>
      </c>
      <c r="AJ14" s="110">
        <v>0</v>
      </c>
      <c r="AK14" s="114">
        <v>0</v>
      </c>
      <c r="AL14" s="113">
        <v>0</v>
      </c>
      <c r="AM14" s="110">
        <v>0</v>
      </c>
      <c r="AN14" s="114">
        <v>0</v>
      </c>
      <c r="AO14" s="114">
        <v>0</v>
      </c>
      <c r="AP14" s="114">
        <v>110536</v>
      </c>
      <c r="AQ14" s="114">
        <v>266843</v>
      </c>
      <c r="AR14" s="114">
        <v>211806</v>
      </c>
      <c r="AS14" s="113">
        <v>589185</v>
      </c>
      <c r="AT14" s="116">
        <v>589185</v>
      </c>
      <c r="AU14" s="110">
        <v>69436</v>
      </c>
      <c r="AV14" s="114">
        <v>0</v>
      </c>
      <c r="AW14" s="113">
        <v>69436</v>
      </c>
      <c r="AX14" s="110">
        <v>0</v>
      </c>
      <c r="AY14" s="114">
        <v>507872</v>
      </c>
      <c r="AZ14" s="114">
        <v>763308</v>
      </c>
      <c r="BA14" s="114">
        <v>311030</v>
      </c>
      <c r="BB14" s="114">
        <v>576578</v>
      </c>
      <c r="BC14" s="114">
        <v>340262</v>
      </c>
      <c r="BD14" s="113">
        <v>2499050</v>
      </c>
      <c r="BE14" s="116">
        <v>2568486</v>
      </c>
      <c r="BF14" s="110">
        <v>30691</v>
      </c>
      <c r="BG14" s="114">
        <v>32359</v>
      </c>
      <c r="BH14" s="112">
        <v>63050</v>
      </c>
      <c r="BI14" s="111">
        <v>0</v>
      </c>
      <c r="BJ14" s="114">
        <v>98036</v>
      </c>
      <c r="BK14" s="114">
        <v>223621</v>
      </c>
      <c r="BL14" s="114">
        <v>59884</v>
      </c>
      <c r="BM14" s="114">
        <v>309028</v>
      </c>
      <c r="BN14" s="114">
        <v>58711</v>
      </c>
      <c r="BO14" s="113">
        <v>749280</v>
      </c>
      <c r="BP14" s="116">
        <v>812330</v>
      </c>
      <c r="BQ14" s="110">
        <v>43302</v>
      </c>
      <c r="BR14" s="114">
        <v>22848</v>
      </c>
      <c r="BS14" s="113">
        <v>66150</v>
      </c>
      <c r="BT14" s="110">
        <v>0</v>
      </c>
      <c r="BU14" s="114">
        <v>110614</v>
      </c>
      <c r="BV14" s="114">
        <v>200508</v>
      </c>
      <c r="BW14" s="114">
        <v>107408</v>
      </c>
      <c r="BX14" s="114">
        <v>251013</v>
      </c>
      <c r="BY14" s="114">
        <v>200788</v>
      </c>
      <c r="BZ14" s="113">
        <v>870331</v>
      </c>
      <c r="CA14" s="116">
        <v>936481</v>
      </c>
      <c r="CB14" s="110">
        <v>17805</v>
      </c>
      <c r="CC14" s="114">
        <v>131288</v>
      </c>
      <c r="CD14" s="113">
        <v>149093</v>
      </c>
      <c r="CE14" s="110">
        <v>0</v>
      </c>
      <c r="CF14" s="114">
        <v>1249912</v>
      </c>
      <c r="CG14" s="114">
        <v>1816634</v>
      </c>
      <c r="CH14" s="114">
        <v>549495</v>
      </c>
      <c r="CI14" s="114">
        <v>1037374</v>
      </c>
      <c r="CJ14" s="114">
        <v>387911</v>
      </c>
      <c r="CK14" s="113">
        <v>5041326</v>
      </c>
      <c r="CL14" s="116">
        <v>5190419</v>
      </c>
      <c r="CM14" s="110">
        <v>0</v>
      </c>
      <c r="CN14" s="114">
        <v>0</v>
      </c>
      <c r="CO14" s="113">
        <v>0</v>
      </c>
      <c r="CP14" s="111">
        <v>0</v>
      </c>
      <c r="CQ14" s="114">
        <v>953943</v>
      </c>
      <c r="CR14" s="114">
        <v>1359225</v>
      </c>
      <c r="CS14" s="114">
        <v>267193</v>
      </c>
      <c r="CT14" s="114">
        <v>815115</v>
      </c>
      <c r="CU14" s="114">
        <v>269168</v>
      </c>
      <c r="CV14" s="113">
        <v>3664644</v>
      </c>
      <c r="CW14" s="116">
        <v>3664644</v>
      </c>
      <c r="CX14" s="110">
        <v>17805</v>
      </c>
      <c r="CY14" s="114">
        <v>131288</v>
      </c>
      <c r="CZ14" s="113">
        <v>149093</v>
      </c>
      <c r="DA14" s="110">
        <v>0</v>
      </c>
      <c r="DB14" s="114">
        <v>295969</v>
      </c>
      <c r="DC14" s="114">
        <v>457409</v>
      </c>
      <c r="DD14" s="114">
        <v>282302</v>
      </c>
      <c r="DE14" s="114">
        <v>222259</v>
      </c>
      <c r="DF14" s="114">
        <v>118743</v>
      </c>
      <c r="DG14" s="113">
        <v>1376682</v>
      </c>
      <c r="DH14" s="116">
        <v>1525775</v>
      </c>
      <c r="DI14" s="110">
        <v>25669</v>
      </c>
      <c r="DJ14" s="114">
        <v>0</v>
      </c>
      <c r="DK14" s="112">
        <v>25669</v>
      </c>
      <c r="DL14" s="111">
        <v>0</v>
      </c>
      <c r="DM14" s="114">
        <v>84120</v>
      </c>
      <c r="DN14" s="114">
        <v>210801</v>
      </c>
      <c r="DO14" s="114">
        <v>871288</v>
      </c>
      <c r="DP14" s="114">
        <v>552664</v>
      </c>
      <c r="DQ14" s="114">
        <v>0</v>
      </c>
      <c r="DR14" s="113">
        <v>1718873</v>
      </c>
      <c r="DS14" s="116">
        <v>1744542</v>
      </c>
      <c r="DT14" s="110">
        <v>25669</v>
      </c>
      <c r="DU14" s="114">
        <v>0</v>
      </c>
      <c r="DV14" s="113">
        <v>25669</v>
      </c>
      <c r="DW14" s="110">
        <v>0</v>
      </c>
      <c r="DX14" s="114">
        <v>84120</v>
      </c>
      <c r="DY14" s="114">
        <v>210801</v>
      </c>
      <c r="DZ14" s="114">
        <v>871288</v>
      </c>
      <c r="EA14" s="114">
        <v>552664</v>
      </c>
      <c r="EB14" s="114">
        <v>0</v>
      </c>
      <c r="EC14" s="113">
        <v>1718873</v>
      </c>
      <c r="ED14" s="116">
        <v>1744542</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26628</v>
      </c>
      <c r="FM14" s="114">
        <v>51660</v>
      </c>
      <c r="FN14" s="113">
        <v>78288</v>
      </c>
      <c r="FO14" s="110">
        <v>0</v>
      </c>
      <c r="FP14" s="114">
        <v>278712</v>
      </c>
      <c r="FQ14" s="114">
        <v>725067</v>
      </c>
      <c r="FR14" s="114">
        <v>241451</v>
      </c>
      <c r="FS14" s="114">
        <v>613984</v>
      </c>
      <c r="FT14" s="114">
        <v>243362</v>
      </c>
      <c r="FU14" s="113">
        <v>2102576</v>
      </c>
      <c r="FV14" s="116">
        <v>2180864</v>
      </c>
      <c r="FW14" s="115">
        <v>26628</v>
      </c>
      <c r="FX14" s="114">
        <v>51660</v>
      </c>
      <c r="FY14" s="112">
        <v>78288</v>
      </c>
      <c r="FZ14" s="111">
        <v>0</v>
      </c>
      <c r="GA14" s="114">
        <v>233086</v>
      </c>
      <c r="GB14" s="114">
        <v>549143</v>
      </c>
      <c r="GC14" s="114">
        <v>224126</v>
      </c>
      <c r="GD14" s="114">
        <v>613984</v>
      </c>
      <c r="GE14" s="114">
        <v>243362</v>
      </c>
      <c r="GF14" s="113">
        <v>1863701</v>
      </c>
      <c r="GG14" s="318">
        <v>1941989</v>
      </c>
      <c r="GH14" s="115">
        <v>0</v>
      </c>
      <c r="GI14" s="114">
        <v>0</v>
      </c>
      <c r="GJ14" s="112">
        <v>0</v>
      </c>
      <c r="GK14" s="111">
        <v>0</v>
      </c>
      <c r="GL14" s="114">
        <v>45626</v>
      </c>
      <c r="GM14" s="114">
        <v>31724</v>
      </c>
      <c r="GN14" s="114">
        <v>17325</v>
      </c>
      <c r="GO14" s="114">
        <v>0</v>
      </c>
      <c r="GP14" s="114">
        <v>0</v>
      </c>
      <c r="GQ14" s="113">
        <v>94675</v>
      </c>
      <c r="GR14" s="116">
        <v>94675</v>
      </c>
      <c r="GS14" s="110">
        <v>0</v>
      </c>
      <c r="GT14" s="114">
        <v>0</v>
      </c>
      <c r="GU14" s="113">
        <v>0</v>
      </c>
      <c r="GV14" s="110">
        <v>0</v>
      </c>
      <c r="GW14" s="114">
        <v>0</v>
      </c>
      <c r="GX14" s="114">
        <v>144200</v>
      </c>
      <c r="GY14" s="114">
        <v>0</v>
      </c>
      <c r="GZ14" s="114">
        <v>0</v>
      </c>
      <c r="HA14" s="114">
        <v>0</v>
      </c>
      <c r="HB14" s="112">
        <v>144200</v>
      </c>
      <c r="HC14" s="116">
        <v>144200</v>
      </c>
      <c r="HD14" s="110">
        <v>292962</v>
      </c>
      <c r="HE14" s="114">
        <v>78642</v>
      </c>
      <c r="HF14" s="112">
        <v>371604</v>
      </c>
      <c r="HG14" s="111">
        <v>0</v>
      </c>
      <c r="HH14" s="114">
        <v>971677</v>
      </c>
      <c r="HI14" s="114">
        <v>1536391</v>
      </c>
      <c r="HJ14" s="114">
        <v>1026119</v>
      </c>
      <c r="HK14" s="114">
        <v>1322765</v>
      </c>
      <c r="HL14" s="114">
        <v>2546940</v>
      </c>
      <c r="HM14" s="113">
        <v>7403892</v>
      </c>
      <c r="HN14" s="109">
        <v>7775496</v>
      </c>
      <c r="HO14" s="328"/>
      <c r="HP14" s="329"/>
      <c r="HQ14" s="330"/>
      <c r="HR14" s="331"/>
      <c r="HS14" s="329"/>
      <c r="HT14" s="329"/>
      <c r="HU14" s="329"/>
      <c r="HV14" s="329"/>
      <c r="HW14" s="329"/>
      <c r="HX14" s="332"/>
      <c r="HY14" s="333"/>
      <c r="HZ14" s="131">
        <v>0</v>
      </c>
      <c r="IA14" s="132">
        <v>0</v>
      </c>
      <c r="IB14" s="133">
        <v>0</v>
      </c>
      <c r="IC14" s="134">
        <v>0</v>
      </c>
      <c r="ID14" s="135">
        <v>1124029</v>
      </c>
      <c r="IE14" s="136">
        <v>994315</v>
      </c>
      <c r="IF14" s="137">
        <v>567462</v>
      </c>
      <c r="IG14" s="135">
        <v>1551630</v>
      </c>
      <c r="IH14" s="137">
        <v>326020</v>
      </c>
      <c r="II14" s="138">
        <v>4563456</v>
      </c>
      <c r="IJ14" s="139">
        <v>4563456</v>
      </c>
      <c r="IK14" s="232">
        <v>0</v>
      </c>
      <c r="IL14" s="236">
        <v>0</v>
      </c>
      <c r="IM14" s="237">
        <v>0</v>
      </c>
      <c r="IN14" s="140"/>
      <c r="IO14" s="119">
        <v>0</v>
      </c>
      <c r="IP14" s="119">
        <v>0</v>
      </c>
      <c r="IQ14" s="119">
        <v>0</v>
      </c>
      <c r="IR14" s="119">
        <v>210558</v>
      </c>
      <c r="IS14" s="119">
        <v>0</v>
      </c>
      <c r="IT14" s="141">
        <v>210558</v>
      </c>
      <c r="IU14" s="320">
        <v>210558</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935417</v>
      </c>
      <c r="JL14" s="119">
        <v>693315</v>
      </c>
      <c r="JM14" s="119">
        <v>361547</v>
      </c>
      <c r="JN14" s="119">
        <v>54743</v>
      </c>
      <c r="JO14" s="119">
        <v>119364</v>
      </c>
      <c r="JP14" s="120">
        <v>2164386</v>
      </c>
      <c r="JQ14" s="320">
        <v>2164386</v>
      </c>
      <c r="JR14" s="142">
        <v>0</v>
      </c>
      <c r="JS14" s="119">
        <v>0</v>
      </c>
      <c r="JT14" s="141">
        <v>0</v>
      </c>
      <c r="JU14" s="118">
        <v>0</v>
      </c>
      <c r="JV14" s="119">
        <v>0</v>
      </c>
      <c r="JW14" s="119">
        <v>88010</v>
      </c>
      <c r="JX14" s="119">
        <v>0</v>
      </c>
      <c r="JY14" s="119">
        <v>0</v>
      </c>
      <c r="JZ14" s="119">
        <v>0</v>
      </c>
      <c r="KA14" s="120">
        <v>88010</v>
      </c>
      <c r="KB14" s="320">
        <v>88010</v>
      </c>
      <c r="KC14" s="234">
        <v>0</v>
      </c>
      <c r="KD14" s="230">
        <v>0</v>
      </c>
      <c r="KE14" s="120">
        <v>0</v>
      </c>
      <c r="KF14" s="118">
        <v>0</v>
      </c>
      <c r="KG14" s="119">
        <v>188612</v>
      </c>
      <c r="KH14" s="119">
        <v>0</v>
      </c>
      <c r="KI14" s="119">
        <v>205915</v>
      </c>
      <c r="KJ14" s="119">
        <v>428181</v>
      </c>
      <c r="KK14" s="119">
        <v>-138793</v>
      </c>
      <c r="KL14" s="120">
        <v>683915</v>
      </c>
      <c r="KM14" s="143">
        <v>683915</v>
      </c>
      <c r="KN14" s="232">
        <v>0</v>
      </c>
      <c r="KO14" s="236">
        <v>0</v>
      </c>
      <c r="KP14" s="237">
        <v>0</v>
      </c>
      <c r="KQ14" s="140"/>
      <c r="KR14" s="119">
        <v>0</v>
      </c>
      <c r="KS14" s="119">
        <v>212990</v>
      </c>
      <c r="KT14" s="119">
        <v>0</v>
      </c>
      <c r="KU14" s="119">
        <v>668647</v>
      </c>
      <c r="KV14" s="119">
        <v>80903</v>
      </c>
      <c r="KW14" s="120">
        <v>962540</v>
      </c>
      <c r="KX14" s="320">
        <v>962540</v>
      </c>
      <c r="KY14" s="142">
        <v>0</v>
      </c>
      <c r="KZ14" s="119">
        <v>0</v>
      </c>
      <c r="LA14" s="120">
        <v>0</v>
      </c>
      <c r="LB14" s="145"/>
      <c r="LC14" s="119">
        <v>0</v>
      </c>
      <c r="LD14" s="119">
        <v>0</v>
      </c>
      <c r="LE14" s="119">
        <v>0</v>
      </c>
      <c r="LF14" s="119">
        <v>189501</v>
      </c>
      <c r="LG14" s="119">
        <v>0</v>
      </c>
      <c r="LH14" s="120">
        <v>189501</v>
      </c>
      <c r="LI14" s="121">
        <v>189501</v>
      </c>
      <c r="LJ14" s="142">
        <v>0</v>
      </c>
      <c r="LK14" s="119">
        <v>0</v>
      </c>
      <c r="LL14" s="120">
        <v>0</v>
      </c>
      <c r="LM14" s="145"/>
      <c r="LN14" s="119">
        <v>0</v>
      </c>
      <c r="LO14" s="119">
        <v>0</v>
      </c>
      <c r="LP14" s="119">
        <v>0</v>
      </c>
      <c r="LQ14" s="119">
        <v>0</v>
      </c>
      <c r="LR14" s="119">
        <v>264546</v>
      </c>
      <c r="LS14" s="120">
        <v>264546</v>
      </c>
      <c r="LT14" s="320">
        <v>264546</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234</v>
      </c>
      <c r="MK14" s="119">
        <v>855598</v>
      </c>
      <c r="ML14" s="119">
        <v>1823631</v>
      </c>
      <c r="MM14" s="119">
        <v>4003326</v>
      </c>
      <c r="MN14" s="119">
        <v>1617765</v>
      </c>
      <c r="MO14" s="120">
        <v>8300086</v>
      </c>
      <c r="MP14" s="143">
        <v>8300086</v>
      </c>
      <c r="MQ14" s="142">
        <v>0</v>
      </c>
      <c r="MR14" s="119">
        <v>0</v>
      </c>
      <c r="MS14" s="120">
        <v>0</v>
      </c>
      <c r="MT14" s="145"/>
      <c r="MU14" s="119">
        <v>-234</v>
      </c>
      <c r="MV14" s="119">
        <v>204477</v>
      </c>
      <c r="MW14" s="119">
        <v>598642</v>
      </c>
      <c r="MX14" s="119">
        <v>1837154</v>
      </c>
      <c r="MY14" s="119">
        <v>1071285</v>
      </c>
      <c r="MZ14" s="120">
        <v>3711324</v>
      </c>
      <c r="NA14" s="143">
        <v>3711324</v>
      </c>
      <c r="NB14" s="142">
        <v>0</v>
      </c>
      <c r="NC14" s="119">
        <v>0</v>
      </c>
      <c r="ND14" s="120">
        <v>0</v>
      </c>
      <c r="NE14" s="145"/>
      <c r="NF14" s="119">
        <v>0</v>
      </c>
      <c r="NG14" s="119">
        <v>651121</v>
      </c>
      <c r="NH14" s="119">
        <v>1224989</v>
      </c>
      <c r="NI14" s="119">
        <v>1835359</v>
      </c>
      <c r="NJ14" s="119">
        <v>546480</v>
      </c>
      <c r="NK14" s="120">
        <v>4257949</v>
      </c>
      <c r="NL14" s="320">
        <v>4257949</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330813</v>
      </c>
      <c r="OF14" s="119">
        <v>0</v>
      </c>
      <c r="OG14" s="120">
        <v>330813</v>
      </c>
      <c r="OH14" s="121">
        <v>330813</v>
      </c>
      <c r="OI14" s="142">
        <v>506493</v>
      </c>
      <c r="OJ14" s="119">
        <v>316797</v>
      </c>
      <c r="OK14" s="141">
        <v>823290</v>
      </c>
      <c r="OL14" s="118">
        <v>0</v>
      </c>
      <c r="OM14" s="119">
        <v>5129427</v>
      </c>
      <c r="ON14" s="119">
        <v>8147767</v>
      </c>
      <c r="OO14" s="119">
        <v>6402472</v>
      </c>
      <c r="OP14" s="119">
        <v>11290147</v>
      </c>
      <c r="OQ14" s="119">
        <v>7175032</v>
      </c>
      <c r="OR14" s="120">
        <v>38144845</v>
      </c>
      <c r="OS14" s="143">
        <v>38968135</v>
      </c>
    </row>
    <row r="15" spans="1:409" ht="20.25" customHeight="1" x14ac:dyDescent="0.2">
      <c r="B15" s="126" t="s">
        <v>9</v>
      </c>
      <c r="C15" s="110">
        <v>1286048</v>
      </c>
      <c r="D15" s="114">
        <v>1323089</v>
      </c>
      <c r="E15" s="113">
        <v>2609137</v>
      </c>
      <c r="F15" s="111">
        <v>0</v>
      </c>
      <c r="G15" s="114">
        <v>12376337</v>
      </c>
      <c r="H15" s="114">
        <v>11503036</v>
      </c>
      <c r="I15" s="114">
        <v>10022988</v>
      </c>
      <c r="J15" s="114">
        <v>14490442</v>
      </c>
      <c r="K15" s="114">
        <v>10795257</v>
      </c>
      <c r="L15" s="109">
        <v>59188060</v>
      </c>
      <c r="M15" s="116">
        <v>61797197</v>
      </c>
      <c r="N15" s="110">
        <v>257050</v>
      </c>
      <c r="O15" s="114">
        <v>299509</v>
      </c>
      <c r="P15" s="113">
        <v>556559</v>
      </c>
      <c r="Q15" s="110">
        <v>0</v>
      </c>
      <c r="R15" s="114">
        <v>4518407</v>
      </c>
      <c r="S15" s="114">
        <v>3921356</v>
      </c>
      <c r="T15" s="114">
        <v>3567392</v>
      </c>
      <c r="U15" s="114">
        <v>5362937</v>
      </c>
      <c r="V15" s="114">
        <v>6601303</v>
      </c>
      <c r="W15" s="113">
        <v>23971395</v>
      </c>
      <c r="X15" s="116">
        <v>24527954</v>
      </c>
      <c r="Y15" s="110">
        <v>0</v>
      </c>
      <c r="Z15" s="114">
        <v>0</v>
      </c>
      <c r="AA15" s="113">
        <v>0</v>
      </c>
      <c r="AB15" s="110">
        <v>0</v>
      </c>
      <c r="AC15" s="114">
        <v>1456027</v>
      </c>
      <c r="AD15" s="114">
        <v>1811637</v>
      </c>
      <c r="AE15" s="114">
        <v>1978326</v>
      </c>
      <c r="AF15" s="114">
        <v>2909734</v>
      </c>
      <c r="AG15" s="114">
        <v>3877079</v>
      </c>
      <c r="AH15" s="113">
        <v>12032803</v>
      </c>
      <c r="AI15" s="116">
        <v>12032803</v>
      </c>
      <c r="AJ15" s="110">
        <v>0</v>
      </c>
      <c r="AK15" s="114">
        <v>0</v>
      </c>
      <c r="AL15" s="113">
        <v>0</v>
      </c>
      <c r="AM15" s="110">
        <v>0</v>
      </c>
      <c r="AN15" s="114">
        <v>188238</v>
      </c>
      <c r="AO15" s="114">
        <v>0</v>
      </c>
      <c r="AP15" s="114">
        <v>32805</v>
      </c>
      <c r="AQ15" s="114">
        <v>496493</v>
      </c>
      <c r="AR15" s="114">
        <v>662241</v>
      </c>
      <c r="AS15" s="113">
        <v>1379777</v>
      </c>
      <c r="AT15" s="116">
        <v>1379777</v>
      </c>
      <c r="AU15" s="110">
        <v>152218</v>
      </c>
      <c r="AV15" s="114">
        <v>224810</v>
      </c>
      <c r="AW15" s="113">
        <v>377028</v>
      </c>
      <c r="AX15" s="110">
        <v>0</v>
      </c>
      <c r="AY15" s="114">
        <v>2107021</v>
      </c>
      <c r="AZ15" s="114">
        <v>1191512</v>
      </c>
      <c r="BA15" s="114">
        <v>825584</v>
      </c>
      <c r="BB15" s="114">
        <v>990665</v>
      </c>
      <c r="BC15" s="114">
        <v>1313369</v>
      </c>
      <c r="BD15" s="113">
        <v>6428151</v>
      </c>
      <c r="BE15" s="116">
        <v>6805179</v>
      </c>
      <c r="BF15" s="110">
        <v>0</v>
      </c>
      <c r="BG15" s="114">
        <v>30291</v>
      </c>
      <c r="BH15" s="112">
        <v>30291</v>
      </c>
      <c r="BI15" s="111">
        <v>0</v>
      </c>
      <c r="BJ15" s="114">
        <v>146648</v>
      </c>
      <c r="BK15" s="114">
        <v>225984</v>
      </c>
      <c r="BL15" s="114">
        <v>125961</v>
      </c>
      <c r="BM15" s="114">
        <v>266969</v>
      </c>
      <c r="BN15" s="114">
        <v>281798</v>
      </c>
      <c r="BO15" s="113">
        <v>1047360</v>
      </c>
      <c r="BP15" s="116">
        <v>1077651</v>
      </c>
      <c r="BQ15" s="110">
        <v>104832</v>
      </c>
      <c r="BR15" s="114">
        <v>44408</v>
      </c>
      <c r="BS15" s="113">
        <v>149240</v>
      </c>
      <c r="BT15" s="110">
        <v>0</v>
      </c>
      <c r="BU15" s="114">
        <v>620473</v>
      </c>
      <c r="BV15" s="114">
        <v>692223</v>
      </c>
      <c r="BW15" s="114">
        <v>604716</v>
      </c>
      <c r="BX15" s="114">
        <v>699076</v>
      </c>
      <c r="BY15" s="114">
        <v>466816</v>
      </c>
      <c r="BZ15" s="113">
        <v>3083304</v>
      </c>
      <c r="CA15" s="116">
        <v>3232544</v>
      </c>
      <c r="CB15" s="110">
        <v>53882</v>
      </c>
      <c r="CC15" s="114">
        <v>201766</v>
      </c>
      <c r="CD15" s="113">
        <v>255648</v>
      </c>
      <c r="CE15" s="110">
        <v>0</v>
      </c>
      <c r="CF15" s="114">
        <v>2008391</v>
      </c>
      <c r="CG15" s="114">
        <v>2321134</v>
      </c>
      <c r="CH15" s="114">
        <v>2081845</v>
      </c>
      <c r="CI15" s="114">
        <v>1548325</v>
      </c>
      <c r="CJ15" s="114">
        <v>295876</v>
      </c>
      <c r="CK15" s="113">
        <v>8255571</v>
      </c>
      <c r="CL15" s="116">
        <v>8511219</v>
      </c>
      <c r="CM15" s="110">
        <v>0</v>
      </c>
      <c r="CN15" s="114">
        <v>0</v>
      </c>
      <c r="CO15" s="113">
        <v>0</v>
      </c>
      <c r="CP15" s="111">
        <v>0</v>
      </c>
      <c r="CQ15" s="114">
        <v>1613821</v>
      </c>
      <c r="CR15" s="114">
        <v>1508507</v>
      </c>
      <c r="CS15" s="114">
        <v>1443495</v>
      </c>
      <c r="CT15" s="114">
        <v>993636</v>
      </c>
      <c r="CU15" s="114">
        <v>295876</v>
      </c>
      <c r="CV15" s="113">
        <v>5855335</v>
      </c>
      <c r="CW15" s="116">
        <v>5855335</v>
      </c>
      <c r="CX15" s="110">
        <v>53882</v>
      </c>
      <c r="CY15" s="114">
        <v>201766</v>
      </c>
      <c r="CZ15" s="113">
        <v>255648</v>
      </c>
      <c r="DA15" s="110">
        <v>0</v>
      </c>
      <c r="DB15" s="114">
        <v>394570</v>
      </c>
      <c r="DC15" s="114">
        <v>812627</v>
      </c>
      <c r="DD15" s="114">
        <v>638350</v>
      </c>
      <c r="DE15" s="114">
        <v>554689</v>
      </c>
      <c r="DF15" s="114">
        <v>0</v>
      </c>
      <c r="DG15" s="113">
        <v>2400236</v>
      </c>
      <c r="DH15" s="116">
        <v>2655884</v>
      </c>
      <c r="DI15" s="110">
        <v>47571</v>
      </c>
      <c r="DJ15" s="114">
        <v>19937</v>
      </c>
      <c r="DK15" s="112">
        <v>67508</v>
      </c>
      <c r="DL15" s="111">
        <v>0</v>
      </c>
      <c r="DM15" s="114">
        <v>95281</v>
      </c>
      <c r="DN15" s="114">
        <v>684918</v>
      </c>
      <c r="DO15" s="114">
        <v>605794</v>
      </c>
      <c r="DP15" s="114">
        <v>724032</v>
      </c>
      <c r="DQ15" s="114">
        <v>366695</v>
      </c>
      <c r="DR15" s="113">
        <v>2476720</v>
      </c>
      <c r="DS15" s="116">
        <v>2544228</v>
      </c>
      <c r="DT15" s="110">
        <v>16753</v>
      </c>
      <c r="DU15" s="114">
        <v>19937</v>
      </c>
      <c r="DV15" s="113">
        <v>36690</v>
      </c>
      <c r="DW15" s="110">
        <v>0</v>
      </c>
      <c r="DX15" s="114">
        <v>95281</v>
      </c>
      <c r="DY15" s="114">
        <v>684918</v>
      </c>
      <c r="DZ15" s="114">
        <v>543647</v>
      </c>
      <c r="EA15" s="114">
        <v>626890</v>
      </c>
      <c r="EB15" s="114">
        <v>273151</v>
      </c>
      <c r="EC15" s="113">
        <v>2223887</v>
      </c>
      <c r="ED15" s="116">
        <v>2260577</v>
      </c>
      <c r="EE15" s="110">
        <v>30818</v>
      </c>
      <c r="EF15" s="112">
        <v>0</v>
      </c>
      <c r="EG15" s="113">
        <v>30818</v>
      </c>
      <c r="EH15" s="110">
        <v>0</v>
      </c>
      <c r="EI15" s="114">
        <v>0</v>
      </c>
      <c r="EJ15" s="114">
        <v>0</v>
      </c>
      <c r="EK15" s="114">
        <v>62147</v>
      </c>
      <c r="EL15" s="114">
        <v>97142</v>
      </c>
      <c r="EM15" s="114">
        <v>93544</v>
      </c>
      <c r="EN15" s="112">
        <v>252833</v>
      </c>
      <c r="EO15" s="116">
        <v>283651</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479836</v>
      </c>
      <c r="FM15" s="114">
        <v>307932</v>
      </c>
      <c r="FN15" s="113">
        <v>787768</v>
      </c>
      <c r="FO15" s="110">
        <v>0</v>
      </c>
      <c r="FP15" s="114">
        <v>911414</v>
      </c>
      <c r="FQ15" s="114">
        <v>1176534</v>
      </c>
      <c r="FR15" s="114">
        <v>979237</v>
      </c>
      <c r="FS15" s="114">
        <v>1221928</v>
      </c>
      <c r="FT15" s="114">
        <v>863254</v>
      </c>
      <c r="FU15" s="113">
        <v>5152367</v>
      </c>
      <c r="FV15" s="116">
        <v>5940135</v>
      </c>
      <c r="FW15" s="115">
        <v>128366</v>
      </c>
      <c r="FX15" s="114">
        <v>117418</v>
      </c>
      <c r="FY15" s="112">
        <v>245784</v>
      </c>
      <c r="FZ15" s="111">
        <v>0</v>
      </c>
      <c r="GA15" s="114">
        <v>624694</v>
      </c>
      <c r="GB15" s="114">
        <v>994030</v>
      </c>
      <c r="GC15" s="114">
        <v>810999</v>
      </c>
      <c r="GD15" s="114">
        <v>1105280</v>
      </c>
      <c r="GE15" s="114">
        <v>702324</v>
      </c>
      <c r="GF15" s="113">
        <v>4237327</v>
      </c>
      <c r="GG15" s="318">
        <v>4483111</v>
      </c>
      <c r="GH15" s="115">
        <v>0</v>
      </c>
      <c r="GI15" s="114">
        <v>59283</v>
      </c>
      <c r="GJ15" s="112">
        <v>59283</v>
      </c>
      <c r="GK15" s="111">
        <v>0</v>
      </c>
      <c r="GL15" s="114">
        <v>0</v>
      </c>
      <c r="GM15" s="114">
        <v>42504</v>
      </c>
      <c r="GN15" s="114">
        <v>53438</v>
      </c>
      <c r="GO15" s="114">
        <v>20328</v>
      </c>
      <c r="GP15" s="114">
        <v>53130</v>
      </c>
      <c r="GQ15" s="113">
        <v>169400</v>
      </c>
      <c r="GR15" s="116">
        <v>228683</v>
      </c>
      <c r="GS15" s="110">
        <v>351470</v>
      </c>
      <c r="GT15" s="114">
        <v>131231</v>
      </c>
      <c r="GU15" s="113">
        <v>482701</v>
      </c>
      <c r="GV15" s="110">
        <v>0</v>
      </c>
      <c r="GW15" s="114">
        <v>286720</v>
      </c>
      <c r="GX15" s="114">
        <v>140000</v>
      </c>
      <c r="GY15" s="114">
        <v>114800</v>
      </c>
      <c r="GZ15" s="114">
        <v>96320</v>
      </c>
      <c r="HA15" s="114">
        <v>107800</v>
      </c>
      <c r="HB15" s="112">
        <v>745640</v>
      </c>
      <c r="HC15" s="116">
        <v>1228341</v>
      </c>
      <c r="HD15" s="110">
        <v>447709</v>
      </c>
      <c r="HE15" s="114">
        <v>493945</v>
      </c>
      <c r="HF15" s="112">
        <v>941654</v>
      </c>
      <c r="HG15" s="111">
        <v>0</v>
      </c>
      <c r="HH15" s="114">
        <v>4842844</v>
      </c>
      <c r="HI15" s="114">
        <v>3399094</v>
      </c>
      <c r="HJ15" s="114">
        <v>2788720</v>
      </c>
      <c r="HK15" s="114">
        <v>5633220</v>
      </c>
      <c r="HL15" s="114">
        <v>2668129</v>
      </c>
      <c r="HM15" s="113">
        <v>19332007</v>
      </c>
      <c r="HN15" s="109">
        <v>20273661</v>
      </c>
      <c r="HO15" s="328"/>
      <c r="HP15" s="329"/>
      <c r="HQ15" s="330"/>
      <c r="HR15" s="331"/>
      <c r="HS15" s="329"/>
      <c r="HT15" s="329"/>
      <c r="HU15" s="329"/>
      <c r="HV15" s="329"/>
      <c r="HW15" s="329"/>
      <c r="HX15" s="332"/>
      <c r="HY15" s="333"/>
      <c r="HZ15" s="128">
        <v>37821</v>
      </c>
      <c r="IA15" s="149">
        <v>67121</v>
      </c>
      <c r="IB15" s="129">
        <v>104942</v>
      </c>
      <c r="IC15" s="146">
        <v>0</v>
      </c>
      <c r="ID15" s="132">
        <v>1850523</v>
      </c>
      <c r="IE15" s="147">
        <v>3406083</v>
      </c>
      <c r="IF15" s="133">
        <v>3895071</v>
      </c>
      <c r="IG15" s="132">
        <v>2997550</v>
      </c>
      <c r="IH15" s="133">
        <v>1263949</v>
      </c>
      <c r="II15" s="148">
        <v>13413176</v>
      </c>
      <c r="IJ15" s="130">
        <v>13518118</v>
      </c>
      <c r="IK15" s="232">
        <v>0</v>
      </c>
      <c r="IL15" s="236">
        <v>0</v>
      </c>
      <c r="IM15" s="237">
        <v>0</v>
      </c>
      <c r="IN15" s="140"/>
      <c r="IO15" s="119">
        <v>0</v>
      </c>
      <c r="IP15" s="119">
        <v>101846</v>
      </c>
      <c r="IQ15" s="119">
        <v>163394</v>
      </c>
      <c r="IR15" s="119">
        <v>398808</v>
      </c>
      <c r="IS15" s="119">
        <v>0</v>
      </c>
      <c r="IT15" s="141">
        <v>664048</v>
      </c>
      <c r="IU15" s="320">
        <v>664048</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384252</v>
      </c>
      <c r="JL15" s="119">
        <v>1129031</v>
      </c>
      <c r="JM15" s="119">
        <v>1320105</v>
      </c>
      <c r="JN15" s="119">
        <v>359819</v>
      </c>
      <c r="JO15" s="119">
        <v>314558</v>
      </c>
      <c r="JP15" s="120">
        <v>4507765</v>
      </c>
      <c r="JQ15" s="320">
        <v>4507765</v>
      </c>
      <c r="JR15" s="142">
        <v>0</v>
      </c>
      <c r="JS15" s="119">
        <v>0</v>
      </c>
      <c r="JT15" s="141">
        <v>0</v>
      </c>
      <c r="JU15" s="118">
        <v>0</v>
      </c>
      <c r="JV15" s="119">
        <v>57136</v>
      </c>
      <c r="JW15" s="119">
        <v>0</v>
      </c>
      <c r="JX15" s="119">
        <v>142082</v>
      </c>
      <c r="JY15" s="119">
        <v>0</v>
      </c>
      <c r="JZ15" s="119">
        <v>33621</v>
      </c>
      <c r="KA15" s="120">
        <v>232839</v>
      </c>
      <c r="KB15" s="320">
        <v>232839</v>
      </c>
      <c r="KC15" s="234">
        <v>37821</v>
      </c>
      <c r="KD15" s="230">
        <v>67121</v>
      </c>
      <c r="KE15" s="120">
        <v>104942</v>
      </c>
      <c r="KF15" s="118">
        <v>0</v>
      </c>
      <c r="KG15" s="119">
        <v>409135</v>
      </c>
      <c r="KH15" s="119">
        <v>0</v>
      </c>
      <c r="KI15" s="119">
        <v>196969</v>
      </c>
      <c r="KJ15" s="119">
        <v>1095974</v>
      </c>
      <c r="KK15" s="119">
        <v>259937</v>
      </c>
      <c r="KL15" s="120">
        <v>1962015</v>
      </c>
      <c r="KM15" s="143">
        <v>2066957</v>
      </c>
      <c r="KN15" s="232">
        <v>0</v>
      </c>
      <c r="KO15" s="236">
        <v>0</v>
      </c>
      <c r="KP15" s="237">
        <v>0</v>
      </c>
      <c r="KQ15" s="140"/>
      <c r="KR15" s="119">
        <v>0</v>
      </c>
      <c r="KS15" s="119">
        <v>1510551</v>
      </c>
      <c r="KT15" s="119">
        <v>1371259</v>
      </c>
      <c r="KU15" s="119">
        <v>456378</v>
      </c>
      <c r="KV15" s="119">
        <v>90952</v>
      </c>
      <c r="KW15" s="120">
        <v>3429140</v>
      </c>
      <c r="KX15" s="320">
        <v>3429140</v>
      </c>
      <c r="KY15" s="142">
        <v>0</v>
      </c>
      <c r="KZ15" s="119">
        <v>0</v>
      </c>
      <c r="LA15" s="120">
        <v>0</v>
      </c>
      <c r="LB15" s="145"/>
      <c r="LC15" s="119">
        <v>0</v>
      </c>
      <c r="LD15" s="119">
        <v>473766</v>
      </c>
      <c r="LE15" s="119">
        <v>0</v>
      </c>
      <c r="LF15" s="119">
        <v>192155</v>
      </c>
      <c r="LG15" s="119">
        <v>0</v>
      </c>
      <c r="LH15" s="120">
        <v>665921</v>
      </c>
      <c r="LI15" s="121">
        <v>665921</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190889</v>
      </c>
      <c r="MA15" s="119">
        <v>701262</v>
      </c>
      <c r="MB15" s="119">
        <v>494416</v>
      </c>
      <c r="MC15" s="119">
        <v>564881</v>
      </c>
      <c r="MD15" s="120">
        <v>1951448</v>
      </c>
      <c r="ME15" s="121">
        <v>1951448</v>
      </c>
      <c r="MF15" s="142">
        <v>0</v>
      </c>
      <c r="MG15" s="119">
        <v>0</v>
      </c>
      <c r="MH15" s="120">
        <v>0</v>
      </c>
      <c r="MI15" s="145"/>
      <c r="MJ15" s="119">
        <v>0</v>
      </c>
      <c r="MK15" s="119">
        <v>248957</v>
      </c>
      <c r="ML15" s="119">
        <v>2423533</v>
      </c>
      <c r="MM15" s="119">
        <v>5159496</v>
      </c>
      <c r="MN15" s="119">
        <v>4714421</v>
      </c>
      <c r="MO15" s="120">
        <v>12546407</v>
      </c>
      <c r="MP15" s="143">
        <v>12546407</v>
      </c>
      <c r="MQ15" s="142">
        <v>0</v>
      </c>
      <c r="MR15" s="119">
        <v>0</v>
      </c>
      <c r="MS15" s="120">
        <v>0</v>
      </c>
      <c r="MT15" s="145"/>
      <c r="MU15" s="119">
        <v>0</v>
      </c>
      <c r="MV15" s="119">
        <v>0</v>
      </c>
      <c r="MW15" s="119">
        <v>677599</v>
      </c>
      <c r="MX15" s="119">
        <v>3987116</v>
      </c>
      <c r="MY15" s="119">
        <v>2699458</v>
      </c>
      <c r="MZ15" s="120">
        <v>7364173</v>
      </c>
      <c r="NA15" s="143">
        <v>7364173</v>
      </c>
      <c r="NB15" s="142">
        <v>0</v>
      </c>
      <c r="NC15" s="119">
        <v>0</v>
      </c>
      <c r="ND15" s="120">
        <v>0</v>
      </c>
      <c r="NE15" s="145"/>
      <c r="NF15" s="119">
        <v>0</v>
      </c>
      <c r="NG15" s="119">
        <v>248957</v>
      </c>
      <c r="NH15" s="119">
        <v>1745934</v>
      </c>
      <c r="NI15" s="119">
        <v>1172380</v>
      </c>
      <c r="NJ15" s="119">
        <v>2014963</v>
      </c>
      <c r="NK15" s="120">
        <v>5182234</v>
      </c>
      <c r="NL15" s="320">
        <v>5182234</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0</v>
      </c>
      <c r="OG15" s="120">
        <v>0</v>
      </c>
      <c r="OH15" s="121">
        <v>0</v>
      </c>
      <c r="OI15" s="142">
        <v>1323869</v>
      </c>
      <c r="OJ15" s="119">
        <v>1390210</v>
      </c>
      <c r="OK15" s="141">
        <v>2714079</v>
      </c>
      <c r="OL15" s="118">
        <v>0</v>
      </c>
      <c r="OM15" s="119">
        <v>14226860</v>
      </c>
      <c r="ON15" s="119">
        <v>15158076</v>
      </c>
      <c r="OO15" s="119">
        <v>16341592</v>
      </c>
      <c r="OP15" s="119">
        <v>22647488</v>
      </c>
      <c r="OQ15" s="119">
        <v>16773627</v>
      </c>
      <c r="OR15" s="120">
        <v>85147643</v>
      </c>
      <c r="OS15" s="143">
        <v>87861722</v>
      </c>
    </row>
    <row r="16" spans="1:409" ht="20.25" customHeight="1" x14ac:dyDescent="0.2">
      <c r="B16" s="126" t="s">
        <v>10</v>
      </c>
      <c r="C16" s="110">
        <v>1409599</v>
      </c>
      <c r="D16" s="114">
        <v>1961509</v>
      </c>
      <c r="E16" s="113">
        <v>3371108</v>
      </c>
      <c r="F16" s="172">
        <v>0</v>
      </c>
      <c r="G16" s="114">
        <v>16336026</v>
      </c>
      <c r="H16" s="114">
        <v>13769609</v>
      </c>
      <c r="I16" s="114">
        <v>13655039</v>
      </c>
      <c r="J16" s="114">
        <v>13381803</v>
      </c>
      <c r="K16" s="114">
        <v>11643998</v>
      </c>
      <c r="L16" s="109">
        <v>68786475</v>
      </c>
      <c r="M16" s="116">
        <v>72157583</v>
      </c>
      <c r="N16" s="110">
        <v>462324</v>
      </c>
      <c r="O16" s="114">
        <v>862354</v>
      </c>
      <c r="P16" s="113">
        <v>1324678</v>
      </c>
      <c r="Q16" s="110">
        <v>0</v>
      </c>
      <c r="R16" s="114">
        <v>6106788</v>
      </c>
      <c r="S16" s="114">
        <v>4827819</v>
      </c>
      <c r="T16" s="114">
        <v>4998189</v>
      </c>
      <c r="U16" s="114">
        <v>5254874</v>
      </c>
      <c r="V16" s="114">
        <v>5872463</v>
      </c>
      <c r="W16" s="113">
        <v>27060133</v>
      </c>
      <c r="X16" s="116">
        <v>28384811</v>
      </c>
      <c r="Y16" s="110">
        <v>0</v>
      </c>
      <c r="Z16" s="114">
        <v>0</v>
      </c>
      <c r="AA16" s="113">
        <v>0</v>
      </c>
      <c r="AB16" s="110">
        <v>0</v>
      </c>
      <c r="AC16" s="114">
        <v>2895569</v>
      </c>
      <c r="AD16" s="114">
        <v>2093368</v>
      </c>
      <c r="AE16" s="114">
        <v>3234064</v>
      </c>
      <c r="AF16" s="114">
        <v>3350777</v>
      </c>
      <c r="AG16" s="114">
        <v>3399844</v>
      </c>
      <c r="AH16" s="113">
        <v>14973622</v>
      </c>
      <c r="AI16" s="116">
        <v>14973622</v>
      </c>
      <c r="AJ16" s="110">
        <v>0</v>
      </c>
      <c r="AK16" s="114">
        <v>0</v>
      </c>
      <c r="AL16" s="113">
        <v>0</v>
      </c>
      <c r="AM16" s="110">
        <v>0</v>
      </c>
      <c r="AN16" s="114">
        <v>82071</v>
      </c>
      <c r="AO16" s="114">
        <v>253565</v>
      </c>
      <c r="AP16" s="114">
        <v>134996</v>
      </c>
      <c r="AQ16" s="114">
        <v>194940</v>
      </c>
      <c r="AR16" s="114">
        <v>412995</v>
      </c>
      <c r="AS16" s="113">
        <v>1078567</v>
      </c>
      <c r="AT16" s="116">
        <v>1078567</v>
      </c>
      <c r="AU16" s="110">
        <v>259655</v>
      </c>
      <c r="AV16" s="114">
        <v>565146</v>
      </c>
      <c r="AW16" s="113">
        <v>824801</v>
      </c>
      <c r="AX16" s="110">
        <v>0</v>
      </c>
      <c r="AY16" s="114">
        <v>2026745</v>
      </c>
      <c r="AZ16" s="114">
        <v>1474853</v>
      </c>
      <c r="BA16" s="114">
        <v>711534</v>
      </c>
      <c r="BB16" s="114">
        <v>631626</v>
      </c>
      <c r="BC16" s="114">
        <v>1123495</v>
      </c>
      <c r="BD16" s="113">
        <v>5968253</v>
      </c>
      <c r="BE16" s="116">
        <v>6793054</v>
      </c>
      <c r="BF16" s="110">
        <v>28026</v>
      </c>
      <c r="BG16" s="114">
        <v>137013</v>
      </c>
      <c r="BH16" s="112">
        <v>165039</v>
      </c>
      <c r="BI16" s="111">
        <v>0</v>
      </c>
      <c r="BJ16" s="114">
        <v>134681</v>
      </c>
      <c r="BK16" s="114">
        <v>177611</v>
      </c>
      <c r="BL16" s="114">
        <v>130109</v>
      </c>
      <c r="BM16" s="114">
        <v>118426</v>
      </c>
      <c r="BN16" s="114">
        <v>98649</v>
      </c>
      <c r="BO16" s="113">
        <v>659476</v>
      </c>
      <c r="BP16" s="116">
        <v>824515</v>
      </c>
      <c r="BQ16" s="110">
        <v>174643</v>
      </c>
      <c r="BR16" s="114">
        <v>160195</v>
      </c>
      <c r="BS16" s="113">
        <v>334838</v>
      </c>
      <c r="BT16" s="110">
        <v>0</v>
      </c>
      <c r="BU16" s="114">
        <v>967722</v>
      </c>
      <c r="BV16" s="114">
        <v>828422</v>
      </c>
      <c r="BW16" s="114">
        <v>787486</v>
      </c>
      <c r="BX16" s="114">
        <v>959105</v>
      </c>
      <c r="BY16" s="114">
        <v>837480</v>
      </c>
      <c r="BZ16" s="113">
        <v>4380215</v>
      </c>
      <c r="CA16" s="116">
        <v>4715053</v>
      </c>
      <c r="CB16" s="110">
        <v>87893</v>
      </c>
      <c r="CC16" s="114">
        <v>166730</v>
      </c>
      <c r="CD16" s="113">
        <v>254623</v>
      </c>
      <c r="CE16" s="110">
        <v>0</v>
      </c>
      <c r="CF16" s="114">
        <v>4775238</v>
      </c>
      <c r="CG16" s="114">
        <v>3411770</v>
      </c>
      <c r="CH16" s="114">
        <v>2494449</v>
      </c>
      <c r="CI16" s="114">
        <v>1235490</v>
      </c>
      <c r="CJ16" s="114">
        <v>605785</v>
      </c>
      <c r="CK16" s="113">
        <v>12522732</v>
      </c>
      <c r="CL16" s="116">
        <v>12777355</v>
      </c>
      <c r="CM16" s="110">
        <v>0</v>
      </c>
      <c r="CN16" s="114">
        <v>0</v>
      </c>
      <c r="CO16" s="113">
        <v>0</v>
      </c>
      <c r="CP16" s="111">
        <v>0</v>
      </c>
      <c r="CQ16" s="114">
        <v>4109235</v>
      </c>
      <c r="CR16" s="114">
        <v>2976110</v>
      </c>
      <c r="CS16" s="114">
        <v>2049602</v>
      </c>
      <c r="CT16" s="114">
        <v>1031519</v>
      </c>
      <c r="CU16" s="114">
        <v>551717</v>
      </c>
      <c r="CV16" s="113">
        <v>10718183</v>
      </c>
      <c r="CW16" s="116">
        <v>10718183</v>
      </c>
      <c r="CX16" s="110">
        <v>87893</v>
      </c>
      <c r="CY16" s="114">
        <v>166730</v>
      </c>
      <c r="CZ16" s="113">
        <v>254623</v>
      </c>
      <c r="DA16" s="110">
        <v>0</v>
      </c>
      <c r="DB16" s="114">
        <v>666003</v>
      </c>
      <c r="DC16" s="114">
        <v>435660</v>
      </c>
      <c r="DD16" s="114">
        <v>444847</v>
      </c>
      <c r="DE16" s="114">
        <v>203971</v>
      </c>
      <c r="DF16" s="114">
        <v>54068</v>
      </c>
      <c r="DG16" s="113">
        <v>1804549</v>
      </c>
      <c r="DH16" s="116">
        <v>2059172</v>
      </c>
      <c r="DI16" s="110">
        <v>0</v>
      </c>
      <c r="DJ16" s="114">
        <v>50911</v>
      </c>
      <c r="DK16" s="112">
        <v>50911</v>
      </c>
      <c r="DL16" s="111">
        <v>0</v>
      </c>
      <c r="DM16" s="114">
        <v>329389</v>
      </c>
      <c r="DN16" s="114">
        <v>168676</v>
      </c>
      <c r="DO16" s="114">
        <v>972621</v>
      </c>
      <c r="DP16" s="114">
        <v>189104</v>
      </c>
      <c r="DQ16" s="114">
        <v>421766</v>
      </c>
      <c r="DR16" s="113">
        <v>2081556</v>
      </c>
      <c r="DS16" s="116">
        <v>2132467</v>
      </c>
      <c r="DT16" s="110">
        <v>0</v>
      </c>
      <c r="DU16" s="114">
        <v>50911</v>
      </c>
      <c r="DV16" s="113">
        <v>50911</v>
      </c>
      <c r="DW16" s="110">
        <v>0</v>
      </c>
      <c r="DX16" s="114">
        <v>329389</v>
      </c>
      <c r="DY16" s="114">
        <v>100653</v>
      </c>
      <c r="DZ16" s="114">
        <v>972621</v>
      </c>
      <c r="EA16" s="114">
        <v>155021</v>
      </c>
      <c r="EB16" s="114">
        <v>410228</v>
      </c>
      <c r="EC16" s="113">
        <v>1967912</v>
      </c>
      <c r="ED16" s="116">
        <v>2018823</v>
      </c>
      <c r="EE16" s="110">
        <v>0</v>
      </c>
      <c r="EF16" s="112">
        <v>0</v>
      </c>
      <c r="EG16" s="113">
        <v>0</v>
      </c>
      <c r="EH16" s="110">
        <v>0</v>
      </c>
      <c r="EI16" s="114">
        <v>0</v>
      </c>
      <c r="EJ16" s="114">
        <v>68023</v>
      </c>
      <c r="EK16" s="114">
        <v>0</v>
      </c>
      <c r="EL16" s="114">
        <v>34083</v>
      </c>
      <c r="EM16" s="114">
        <v>11538</v>
      </c>
      <c r="EN16" s="112">
        <v>113644</v>
      </c>
      <c r="EO16" s="116">
        <v>113644</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294826</v>
      </c>
      <c r="FM16" s="114">
        <v>585298</v>
      </c>
      <c r="FN16" s="113">
        <v>880124</v>
      </c>
      <c r="FO16" s="110">
        <v>0</v>
      </c>
      <c r="FP16" s="114">
        <v>935235</v>
      </c>
      <c r="FQ16" s="114">
        <v>1272133</v>
      </c>
      <c r="FR16" s="114">
        <v>1210636</v>
      </c>
      <c r="FS16" s="114">
        <v>702814</v>
      </c>
      <c r="FT16" s="114">
        <v>855876</v>
      </c>
      <c r="FU16" s="113">
        <v>4976694</v>
      </c>
      <c r="FV16" s="116">
        <v>5856818</v>
      </c>
      <c r="FW16" s="115">
        <v>206108</v>
      </c>
      <c r="FX16" s="114">
        <v>454825</v>
      </c>
      <c r="FY16" s="112">
        <v>660933</v>
      </c>
      <c r="FZ16" s="111">
        <v>0</v>
      </c>
      <c r="GA16" s="114">
        <v>674037</v>
      </c>
      <c r="GB16" s="114">
        <v>1114197</v>
      </c>
      <c r="GC16" s="114">
        <v>1149176</v>
      </c>
      <c r="GD16" s="114">
        <v>660968</v>
      </c>
      <c r="GE16" s="114">
        <v>855876</v>
      </c>
      <c r="GF16" s="113">
        <v>4454254</v>
      </c>
      <c r="GG16" s="318">
        <v>5115187</v>
      </c>
      <c r="GH16" s="115">
        <v>39578</v>
      </c>
      <c r="GI16" s="114">
        <v>52143</v>
      </c>
      <c r="GJ16" s="112">
        <v>91721</v>
      </c>
      <c r="GK16" s="111">
        <v>0</v>
      </c>
      <c r="GL16" s="114">
        <v>121198</v>
      </c>
      <c r="GM16" s="114">
        <v>61546</v>
      </c>
      <c r="GN16" s="114">
        <v>13860</v>
      </c>
      <c r="GO16" s="114">
        <v>41846</v>
      </c>
      <c r="GP16" s="114">
        <v>0</v>
      </c>
      <c r="GQ16" s="113">
        <v>238450</v>
      </c>
      <c r="GR16" s="116">
        <v>330171</v>
      </c>
      <c r="GS16" s="110">
        <v>49140</v>
      </c>
      <c r="GT16" s="114">
        <v>78330</v>
      </c>
      <c r="GU16" s="113">
        <v>127470</v>
      </c>
      <c r="GV16" s="110">
        <v>0</v>
      </c>
      <c r="GW16" s="114">
        <v>140000</v>
      </c>
      <c r="GX16" s="114">
        <v>96390</v>
      </c>
      <c r="GY16" s="114">
        <v>47600</v>
      </c>
      <c r="GZ16" s="114">
        <v>0</v>
      </c>
      <c r="HA16" s="114">
        <v>0</v>
      </c>
      <c r="HB16" s="112">
        <v>283990</v>
      </c>
      <c r="HC16" s="116">
        <v>411460</v>
      </c>
      <c r="HD16" s="110">
        <v>564556</v>
      </c>
      <c r="HE16" s="114">
        <v>296216</v>
      </c>
      <c r="HF16" s="112">
        <v>860772</v>
      </c>
      <c r="HG16" s="111">
        <v>0</v>
      </c>
      <c r="HH16" s="114">
        <v>4189376</v>
      </c>
      <c r="HI16" s="114">
        <v>4089211</v>
      </c>
      <c r="HJ16" s="114">
        <v>3979144</v>
      </c>
      <c r="HK16" s="114">
        <v>5999521</v>
      </c>
      <c r="HL16" s="114">
        <v>3888108</v>
      </c>
      <c r="HM16" s="113">
        <v>22145360</v>
      </c>
      <c r="HN16" s="109">
        <v>23006132</v>
      </c>
      <c r="HO16" s="328"/>
      <c r="HP16" s="329"/>
      <c r="HQ16" s="330"/>
      <c r="HR16" s="331"/>
      <c r="HS16" s="329"/>
      <c r="HT16" s="329"/>
      <c r="HU16" s="329"/>
      <c r="HV16" s="329"/>
      <c r="HW16" s="329"/>
      <c r="HX16" s="332"/>
      <c r="HY16" s="333"/>
      <c r="HZ16" s="150">
        <v>82454</v>
      </c>
      <c r="IA16" s="135">
        <v>137956</v>
      </c>
      <c r="IB16" s="150">
        <v>220410</v>
      </c>
      <c r="IC16" s="134">
        <v>0</v>
      </c>
      <c r="ID16" s="135">
        <v>2215400</v>
      </c>
      <c r="IE16" s="136">
        <v>2212760</v>
      </c>
      <c r="IF16" s="137">
        <v>3171501</v>
      </c>
      <c r="IG16" s="135">
        <v>2876168</v>
      </c>
      <c r="IH16" s="137">
        <v>4984903</v>
      </c>
      <c r="II16" s="138">
        <v>15460732</v>
      </c>
      <c r="IJ16" s="150">
        <v>15681142</v>
      </c>
      <c r="IK16" s="232">
        <v>0</v>
      </c>
      <c r="IL16" s="236">
        <v>0</v>
      </c>
      <c r="IM16" s="237">
        <v>0</v>
      </c>
      <c r="IN16" s="140"/>
      <c r="IO16" s="119">
        <v>104553</v>
      </c>
      <c r="IP16" s="119">
        <v>0</v>
      </c>
      <c r="IQ16" s="119">
        <v>149650</v>
      </c>
      <c r="IR16" s="119">
        <v>200011</v>
      </c>
      <c r="IS16" s="119">
        <v>0</v>
      </c>
      <c r="IT16" s="141">
        <v>454214</v>
      </c>
      <c r="IU16" s="320">
        <v>454214</v>
      </c>
      <c r="IV16" s="142">
        <v>0</v>
      </c>
      <c r="IW16" s="119">
        <v>0</v>
      </c>
      <c r="IX16" s="120">
        <v>0</v>
      </c>
      <c r="IY16" s="144"/>
      <c r="IZ16" s="119">
        <v>0</v>
      </c>
      <c r="JA16" s="119">
        <v>0</v>
      </c>
      <c r="JB16" s="119">
        <v>9165</v>
      </c>
      <c r="JC16" s="119">
        <v>0</v>
      </c>
      <c r="JD16" s="119">
        <v>910</v>
      </c>
      <c r="JE16" s="120">
        <v>10075</v>
      </c>
      <c r="JF16" s="121">
        <v>10075</v>
      </c>
      <c r="JG16" s="142">
        <v>0</v>
      </c>
      <c r="JH16" s="119">
        <v>0</v>
      </c>
      <c r="JI16" s="141">
        <v>0</v>
      </c>
      <c r="JJ16" s="118">
        <v>0</v>
      </c>
      <c r="JK16" s="119">
        <v>929271</v>
      </c>
      <c r="JL16" s="119">
        <v>566097</v>
      </c>
      <c r="JM16" s="119">
        <v>411447</v>
      </c>
      <c r="JN16" s="119">
        <v>72311</v>
      </c>
      <c r="JO16" s="119">
        <v>10373</v>
      </c>
      <c r="JP16" s="120">
        <v>1989499</v>
      </c>
      <c r="JQ16" s="320">
        <v>1989499</v>
      </c>
      <c r="JR16" s="142">
        <v>0</v>
      </c>
      <c r="JS16" s="119">
        <v>0</v>
      </c>
      <c r="JT16" s="141">
        <v>0</v>
      </c>
      <c r="JU16" s="118">
        <v>0</v>
      </c>
      <c r="JV16" s="119">
        <v>27131</v>
      </c>
      <c r="JW16" s="119">
        <v>327654</v>
      </c>
      <c r="JX16" s="119">
        <v>26079</v>
      </c>
      <c r="JY16" s="119">
        <v>0</v>
      </c>
      <c r="JZ16" s="119">
        <v>0</v>
      </c>
      <c r="KA16" s="120">
        <v>380864</v>
      </c>
      <c r="KB16" s="320">
        <v>380864</v>
      </c>
      <c r="KC16" s="234">
        <v>82454</v>
      </c>
      <c r="KD16" s="230">
        <v>137956</v>
      </c>
      <c r="KE16" s="120">
        <v>220410</v>
      </c>
      <c r="KF16" s="118">
        <v>0</v>
      </c>
      <c r="KG16" s="119">
        <v>408356</v>
      </c>
      <c r="KH16" s="119">
        <v>146038</v>
      </c>
      <c r="KI16" s="119">
        <v>339266</v>
      </c>
      <c r="KJ16" s="119">
        <v>211085</v>
      </c>
      <c r="KK16" s="119">
        <v>1249121</v>
      </c>
      <c r="KL16" s="120">
        <v>2353866</v>
      </c>
      <c r="KM16" s="143">
        <v>2574276</v>
      </c>
      <c r="KN16" s="232">
        <v>0</v>
      </c>
      <c r="KO16" s="236">
        <v>0</v>
      </c>
      <c r="KP16" s="237">
        <v>0</v>
      </c>
      <c r="KQ16" s="140"/>
      <c r="KR16" s="119">
        <v>207299</v>
      </c>
      <c r="KS16" s="119">
        <v>866668</v>
      </c>
      <c r="KT16" s="119">
        <v>1551647</v>
      </c>
      <c r="KU16" s="119">
        <v>1514560</v>
      </c>
      <c r="KV16" s="119">
        <v>1612694</v>
      </c>
      <c r="KW16" s="120">
        <v>5752868</v>
      </c>
      <c r="KX16" s="320">
        <v>5752868</v>
      </c>
      <c r="KY16" s="142">
        <v>0</v>
      </c>
      <c r="KZ16" s="119">
        <v>0</v>
      </c>
      <c r="LA16" s="120">
        <v>0</v>
      </c>
      <c r="LB16" s="145"/>
      <c r="LC16" s="119">
        <v>272771</v>
      </c>
      <c r="LD16" s="119">
        <v>306303</v>
      </c>
      <c r="LE16" s="119">
        <v>684247</v>
      </c>
      <c r="LF16" s="119">
        <v>188308</v>
      </c>
      <c r="LG16" s="119">
        <v>612703</v>
      </c>
      <c r="LH16" s="120">
        <v>2064332</v>
      </c>
      <c r="LI16" s="121">
        <v>2064332</v>
      </c>
      <c r="LJ16" s="142">
        <v>0</v>
      </c>
      <c r="LK16" s="119">
        <v>0</v>
      </c>
      <c r="LL16" s="120">
        <v>0</v>
      </c>
      <c r="LM16" s="145"/>
      <c r="LN16" s="119">
        <v>0</v>
      </c>
      <c r="LO16" s="119">
        <v>0</v>
      </c>
      <c r="LP16" s="119">
        <v>0</v>
      </c>
      <c r="LQ16" s="119">
        <v>689893</v>
      </c>
      <c r="LR16" s="119">
        <v>0</v>
      </c>
      <c r="LS16" s="120">
        <v>689893</v>
      </c>
      <c r="LT16" s="320">
        <v>689893</v>
      </c>
      <c r="LU16" s="142">
        <v>0</v>
      </c>
      <c r="LV16" s="119">
        <v>0</v>
      </c>
      <c r="LW16" s="120">
        <v>0</v>
      </c>
      <c r="LX16" s="145"/>
      <c r="LY16" s="119">
        <v>266019</v>
      </c>
      <c r="LZ16" s="119">
        <v>0</v>
      </c>
      <c r="MA16" s="119">
        <v>0</v>
      </c>
      <c r="MB16" s="119">
        <v>0</v>
      </c>
      <c r="MC16" s="119">
        <v>1499102</v>
      </c>
      <c r="MD16" s="120">
        <v>1765121</v>
      </c>
      <c r="ME16" s="121">
        <v>1765121</v>
      </c>
      <c r="MF16" s="142">
        <v>0</v>
      </c>
      <c r="MG16" s="119">
        <v>0</v>
      </c>
      <c r="MH16" s="120">
        <v>0</v>
      </c>
      <c r="MI16" s="145"/>
      <c r="MJ16" s="119">
        <v>0</v>
      </c>
      <c r="MK16" s="119">
        <v>654607</v>
      </c>
      <c r="ML16" s="119">
        <v>5594633</v>
      </c>
      <c r="MM16" s="119">
        <v>4389769</v>
      </c>
      <c r="MN16" s="119">
        <v>4987106</v>
      </c>
      <c r="MO16" s="120">
        <v>15626115</v>
      </c>
      <c r="MP16" s="143">
        <v>15626115</v>
      </c>
      <c r="MQ16" s="142">
        <v>0</v>
      </c>
      <c r="MR16" s="119">
        <v>0</v>
      </c>
      <c r="MS16" s="120">
        <v>0</v>
      </c>
      <c r="MT16" s="145"/>
      <c r="MU16" s="119">
        <v>0</v>
      </c>
      <c r="MV16" s="119">
        <v>207926</v>
      </c>
      <c r="MW16" s="119">
        <v>2910631</v>
      </c>
      <c r="MX16" s="119">
        <v>3122138</v>
      </c>
      <c r="MY16" s="119">
        <v>3863737</v>
      </c>
      <c r="MZ16" s="120">
        <v>10104432</v>
      </c>
      <c r="NA16" s="143">
        <v>10104432</v>
      </c>
      <c r="NB16" s="142">
        <v>0</v>
      </c>
      <c r="NC16" s="119">
        <v>0</v>
      </c>
      <c r="ND16" s="120">
        <v>0</v>
      </c>
      <c r="NE16" s="145"/>
      <c r="NF16" s="119">
        <v>0</v>
      </c>
      <c r="NG16" s="119">
        <v>446681</v>
      </c>
      <c r="NH16" s="119">
        <v>2684002</v>
      </c>
      <c r="NI16" s="119">
        <v>1267631</v>
      </c>
      <c r="NJ16" s="119">
        <v>799041</v>
      </c>
      <c r="NK16" s="120">
        <v>5197355</v>
      </c>
      <c r="NL16" s="320">
        <v>5197355</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324328</v>
      </c>
      <c r="OG16" s="120">
        <v>324328</v>
      </c>
      <c r="OH16" s="121">
        <v>324328</v>
      </c>
      <c r="OI16" s="142">
        <v>1492053</v>
      </c>
      <c r="OJ16" s="119">
        <v>2099465</v>
      </c>
      <c r="OK16" s="141">
        <v>3591518</v>
      </c>
      <c r="OL16" s="118">
        <v>0</v>
      </c>
      <c r="OM16" s="119">
        <v>18551426</v>
      </c>
      <c r="ON16" s="119">
        <v>16636976</v>
      </c>
      <c r="OO16" s="119">
        <v>22421173</v>
      </c>
      <c r="OP16" s="119">
        <v>20647740</v>
      </c>
      <c r="OQ16" s="119">
        <v>21616007</v>
      </c>
      <c r="OR16" s="120">
        <v>99873322</v>
      </c>
      <c r="OS16" s="143">
        <v>103464840</v>
      </c>
    </row>
    <row r="17" spans="2:409" ht="20.25" customHeight="1" x14ac:dyDescent="0.2">
      <c r="B17" s="126" t="s">
        <v>11</v>
      </c>
      <c r="C17" s="110">
        <v>206579</v>
      </c>
      <c r="D17" s="114">
        <v>620652</v>
      </c>
      <c r="E17" s="171">
        <v>827231</v>
      </c>
      <c r="F17" s="111">
        <v>0</v>
      </c>
      <c r="G17" s="114">
        <v>5545733</v>
      </c>
      <c r="H17" s="114">
        <v>3276684</v>
      </c>
      <c r="I17" s="114">
        <v>5235231</v>
      </c>
      <c r="J17" s="114">
        <v>5659091</v>
      </c>
      <c r="K17" s="114">
        <v>4390947</v>
      </c>
      <c r="L17" s="109">
        <v>24107686</v>
      </c>
      <c r="M17" s="116">
        <v>24934917</v>
      </c>
      <c r="N17" s="110">
        <v>50009</v>
      </c>
      <c r="O17" s="114">
        <v>112501</v>
      </c>
      <c r="P17" s="113">
        <v>162510</v>
      </c>
      <c r="Q17" s="110">
        <v>0</v>
      </c>
      <c r="R17" s="114">
        <v>1331671</v>
      </c>
      <c r="S17" s="114">
        <v>932065</v>
      </c>
      <c r="T17" s="114">
        <v>1254731</v>
      </c>
      <c r="U17" s="114">
        <v>1207214</v>
      </c>
      <c r="V17" s="114">
        <v>1452703</v>
      </c>
      <c r="W17" s="113">
        <v>6178384</v>
      </c>
      <c r="X17" s="116">
        <v>6340894</v>
      </c>
      <c r="Y17" s="110">
        <v>0</v>
      </c>
      <c r="Z17" s="114">
        <v>0</v>
      </c>
      <c r="AA17" s="113">
        <v>0</v>
      </c>
      <c r="AB17" s="110">
        <v>0</v>
      </c>
      <c r="AC17" s="114">
        <v>405415</v>
      </c>
      <c r="AD17" s="114">
        <v>348567</v>
      </c>
      <c r="AE17" s="114">
        <v>730530</v>
      </c>
      <c r="AF17" s="114">
        <v>482148</v>
      </c>
      <c r="AG17" s="114">
        <v>781692</v>
      </c>
      <c r="AH17" s="113">
        <v>2748352</v>
      </c>
      <c r="AI17" s="116">
        <v>2748352</v>
      </c>
      <c r="AJ17" s="110">
        <v>0</v>
      </c>
      <c r="AK17" s="114">
        <v>0</v>
      </c>
      <c r="AL17" s="113">
        <v>0</v>
      </c>
      <c r="AM17" s="110">
        <v>0</v>
      </c>
      <c r="AN17" s="114">
        <v>0</v>
      </c>
      <c r="AO17" s="114">
        <v>0</v>
      </c>
      <c r="AP17" s="114">
        <v>0</v>
      </c>
      <c r="AQ17" s="114">
        <v>123032</v>
      </c>
      <c r="AR17" s="114">
        <v>231894</v>
      </c>
      <c r="AS17" s="113">
        <v>354926</v>
      </c>
      <c r="AT17" s="116">
        <v>354926</v>
      </c>
      <c r="AU17" s="110">
        <v>16304</v>
      </c>
      <c r="AV17" s="114">
        <v>89608</v>
      </c>
      <c r="AW17" s="113">
        <v>105912</v>
      </c>
      <c r="AX17" s="110">
        <v>0</v>
      </c>
      <c r="AY17" s="114">
        <v>565455</v>
      </c>
      <c r="AZ17" s="114">
        <v>403818</v>
      </c>
      <c r="BA17" s="114">
        <v>328789</v>
      </c>
      <c r="BB17" s="114">
        <v>414294</v>
      </c>
      <c r="BC17" s="114">
        <v>241990</v>
      </c>
      <c r="BD17" s="113">
        <v>1954346</v>
      </c>
      <c r="BE17" s="116">
        <v>2060258</v>
      </c>
      <c r="BF17" s="110">
        <v>0</v>
      </c>
      <c r="BG17" s="114">
        <v>22893</v>
      </c>
      <c r="BH17" s="112">
        <v>22893</v>
      </c>
      <c r="BI17" s="111">
        <v>0</v>
      </c>
      <c r="BJ17" s="114">
        <v>127148</v>
      </c>
      <c r="BK17" s="114">
        <v>19821</v>
      </c>
      <c r="BL17" s="114">
        <v>0</v>
      </c>
      <c r="BM17" s="114">
        <v>0</v>
      </c>
      <c r="BN17" s="114">
        <v>53060</v>
      </c>
      <c r="BO17" s="113">
        <v>200029</v>
      </c>
      <c r="BP17" s="116">
        <v>222922</v>
      </c>
      <c r="BQ17" s="110">
        <v>33705</v>
      </c>
      <c r="BR17" s="114">
        <v>0</v>
      </c>
      <c r="BS17" s="113">
        <v>33705</v>
      </c>
      <c r="BT17" s="110">
        <v>0</v>
      </c>
      <c r="BU17" s="114">
        <v>233653</v>
      </c>
      <c r="BV17" s="114">
        <v>159859</v>
      </c>
      <c r="BW17" s="114">
        <v>195412</v>
      </c>
      <c r="BX17" s="114">
        <v>187740</v>
      </c>
      <c r="BY17" s="114">
        <v>144067</v>
      </c>
      <c r="BZ17" s="113">
        <v>920731</v>
      </c>
      <c r="CA17" s="116">
        <v>954436</v>
      </c>
      <c r="CB17" s="110">
        <v>19303</v>
      </c>
      <c r="CC17" s="114">
        <v>169070</v>
      </c>
      <c r="CD17" s="113">
        <v>188373</v>
      </c>
      <c r="CE17" s="110">
        <v>0</v>
      </c>
      <c r="CF17" s="114">
        <v>1085223</v>
      </c>
      <c r="CG17" s="114">
        <v>1026961</v>
      </c>
      <c r="CH17" s="114">
        <v>1065551</v>
      </c>
      <c r="CI17" s="114">
        <v>776452</v>
      </c>
      <c r="CJ17" s="114">
        <v>85983</v>
      </c>
      <c r="CK17" s="113">
        <v>4040170</v>
      </c>
      <c r="CL17" s="116">
        <v>4228543</v>
      </c>
      <c r="CM17" s="110">
        <v>0</v>
      </c>
      <c r="CN17" s="114">
        <v>0</v>
      </c>
      <c r="CO17" s="113">
        <v>0</v>
      </c>
      <c r="CP17" s="111">
        <v>0</v>
      </c>
      <c r="CQ17" s="114">
        <v>645594</v>
      </c>
      <c r="CR17" s="114">
        <v>780812</v>
      </c>
      <c r="CS17" s="114">
        <v>807781</v>
      </c>
      <c r="CT17" s="114">
        <v>733097</v>
      </c>
      <c r="CU17" s="114">
        <v>67787</v>
      </c>
      <c r="CV17" s="113">
        <v>3035071</v>
      </c>
      <c r="CW17" s="116">
        <v>3035071</v>
      </c>
      <c r="CX17" s="110">
        <v>19303</v>
      </c>
      <c r="CY17" s="114">
        <v>169070</v>
      </c>
      <c r="CZ17" s="113">
        <v>188373</v>
      </c>
      <c r="DA17" s="110">
        <v>0</v>
      </c>
      <c r="DB17" s="114">
        <v>439629</v>
      </c>
      <c r="DC17" s="114">
        <v>246149</v>
      </c>
      <c r="DD17" s="114">
        <v>257770</v>
      </c>
      <c r="DE17" s="114">
        <v>43355</v>
      </c>
      <c r="DF17" s="114">
        <v>18196</v>
      </c>
      <c r="DG17" s="113">
        <v>1005099</v>
      </c>
      <c r="DH17" s="116">
        <v>1193472</v>
      </c>
      <c r="DI17" s="110">
        <v>0</v>
      </c>
      <c r="DJ17" s="114">
        <v>0</v>
      </c>
      <c r="DK17" s="112">
        <v>0</v>
      </c>
      <c r="DL17" s="111">
        <v>0</v>
      </c>
      <c r="DM17" s="114">
        <v>85724</v>
      </c>
      <c r="DN17" s="114">
        <v>244351</v>
      </c>
      <c r="DO17" s="114">
        <v>300703</v>
      </c>
      <c r="DP17" s="114">
        <v>303600</v>
      </c>
      <c r="DQ17" s="114">
        <v>354466</v>
      </c>
      <c r="DR17" s="113">
        <v>1288844</v>
      </c>
      <c r="DS17" s="116">
        <v>1288844</v>
      </c>
      <c r="DT17" s="110">
        <v>0</v>
      </c>
      <c r="DU17" s="114">
        <v>0</v>
      </c>
      <c r="DV17" s="113">
        <v>0</v>
      </c>
      <c r="DW17" s="110">
        <v>0</v>
      </c>
      <c r="DX17" s="114">
        <v>85724</v>
      </c>
      <c r="DY17" s="114">
        <v>159357</v>
      </c>
      <c r="DZ17" s="114">
        <v>80421</v>
      </c>
      <c r="EA17" s="114">
        <v>303600</v>
      </c>
      <c r="EB17" s="114">
        <v>209703</v>
      </c>
      <c r="EC17" s="113">
        <v>838805</v>
      </c>
      <c r="ED17" s="116">
        <v>838805</v>
      </c>
      <c r="EE17" s="110">
        <v>0</v>
      </c>
      <c r="EF17" s="112">
        <v>0</v>
      </c>
      <c r="EG17" s="113">
        <v>0</v>
      </c>
      <c r="EH17" s="110">
        <v>0</v>
      </c>
      <c r="EI17" s="114">
        <v>0</v>
      </c>
      <c r="EJ17" s="114">
        <v>84994</v>
      </c>
      <c r="EK17" s="114">
        <v>220282</v>
      </c>
      <c r="EL17" s="114">
        <v>0</v>
      </c>
      <c r="EM17" s="114">
        <v>144763</v>
      </c>
      <c r="EN17" s="112">
        <v>450039</v>
      </c>
      <c r="EO17" s="116">
        <v>450039</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45458</v>
      </c>
      <c r="FM17" s="114">
        <v>89936</v>
      </c>
      <c r="FN17" s="113">
        <v>135394</v>
      </c>
      <c r="FO17" s="110">
        <v>0</v>
      </c>
      <c r="FP17" s="114">
        <v>184380</v>
      </c>
      <c r="FQ17" s="114">
        <v>277354</v>
      </c>
      <c r="FR17" s="114">
        <v>353500</v>
      </c>
      <c r="FS17" s="114">
        <v>328930</v>
      </c>
      <c r="FT17" s="114">
        <v>238805</v>
      </c>
      <c r="FU17" s="113">
        <v>1382969</v>
      </c>
      <c r="FV17" s="116">
        <v>1518363</v>
      </c>
      <c r="FW17" s="115">
        <v>45458</v>
      </c>
      <c r="FX17" s="114">
        <v>89936</v>
      </c>
      <c r="FY17" s="112">
        <v>135394</v>
      </c>
      <c r="FZ17" s="111">
        <v>0</v>
      </c>
      <c r="GA17" s="114">
        <v>184380</v>
      </c>
      <c r="GB17" s="114">
        <v>277354</v>
      </c>
      <c r="GC17" s="114">
        <v>353500</v>
      </c>
      <c r="GD17" s="114">
        <v>328930</v>
      </c>
      <c r="GE17" s="114">
        <v>238805</v>
      </c>
      <c r="GF17" s="113">
        <v>1382969</v>
      </c>
      <c r="GG17" s="318">
        <v>1518363</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91809</v>
      </c>
      <c r="HE17" s="114">
        <v>249145</v>
      </c>
      <c r="HF17" s="112">
        <v>340954</v>
      </c>
      <c r="HG17" s="111">
        <v>0</v>
      </c>
      <c r="HH17" s="114">
        <v>2858735</v>
      </c>
      <c r="HI17" s="114">
        <v>795953</v>
      </c>
      <c r="HJ17" s="114">
        <v>2260746</v>
      </c>
      <c r="HK17" s="114">
        <v>3042895</v>
      </c>
      <c r="HL17" s="114">
        <v>2258990</v>
      </c>
      <c r="HM17" s="113">
        <v>11217319</v>
      </c>
      <c r="HN17" s="109">
        <v>11558273</v>
      </c>
      <c r="HO17" s="328"/>
      <c r="HP17" s="329"/>
      <c r="HQ17" s="330"/>
      <c r="HR17" s="331"/>
      <c r="HS17" s="329"/>
      <c r="HT17" s="329"/>
      <c r="HU17" s="329"/>
      <c r="HV17" s="329"/>
      <c r="HW17" s="329"/>
      <c r="HX17" s="332"/>
      <c r="HY17" s="333"/>
      <c r="HZ17" s="131">
        <v>0</v>
      </c>
      <c r="IA17" s="132">
        <v>59752</v>
      </c>
      <c r="IB17" s="133">
        <v>59752</v>
      </c>
      <c r="IC17" s="146">
        <v>0</v>
      </c>
      <c r="ID17" s="132">
        <v>928011</v>
      </c>
      <c r="IE17" s="147">
        <v>1407763</v>
      </c>
      <c r="IF17" s="133">
        <v>1196677</v>
      </c>
      <c r="IG17" s="132">
        <v>1391333</v>
      </c>
      <c r="IH17" s="133">
        <v>267167</v>
      </c>
      <c r="II17" s="148">
        <v>5190951</v>
      </c>
      <c r="IJ17" s="139">
        <v>5250703</v>
      </c>
      <c r="IK17" s="232">
        <v>0</v>
      </c>
      <c r="IL17" s="236">
        <v>0</v>
      </c>
      <c r="IM17" s="237">
        <v>0</v>
      </c>
      <c r="IN17" s="140"/>
      <c r="IO17" s="119">
        <v>66930</v>
      </c>
      <c r="IP17" s="119">
        <v>108383</v>
      </c>
      <c r="IQ17" s="119">
        <v>132426</v>
      </c>
      <c r="IR17" s="119">
        <v>197211</v>
      </c>
      <c r="IS17" s="119">
        <v>76847</v>
      </c>
      <c r="IT17" s="141">
        <v>581797</v>
      </c>
      <c r="IU17" s="320">
        <v>581797</v>
      </c>
      <c r="IV17" s="142">
        <v>0</v>
      </c>
      <c r="IW17" s="119">
        <v>0</v>
      </c>
      <c r="IX17" s="120">
        <v>0</v>
      </c>
      <c r="IY17" s="144"/>
      <c r="IZ17" s="119">
        <v>14440</v>
      </c>
      <c r="JA17" s="119">
        <v>14440</v>
      </c>
      <c r="JB17" s="119">
        <v>0</v>
      </c>
      <c r="JC17" s="119">
        <v>0</v>
      </c>
      <c r="JD17" s="119">
        <v>0</v>
      </c>
      <c r="JE17" s="120">
        <v>28880</v>
      </c>
      <c r="JF17" s="121">
        <v>28880</v>
      </c>
      <c r="JG17" s="142">
        <v>0</v>
      </c>
      <c r="JH17" s="119">
        <v>0</v>
      </c>
      <c r="JI17" s="141">
        <v>0</v>
      </c>
      <c r="JJ17" s="118">
        <v>0</v>
      </c>
      <c r="JK17" s="119">
        <v>741228</v>
      </c>
      <c r="JL17" s="119">
        <v>484849</v>
      </c>
      <c r="JM17" s="119">
        <v>852058</v>
      </c>
      <c r="JN17" s="119">
        <v>68495</v>
      </c>
      <c r="JO17" s="119">
        <v>100295</v>
      </c>
      <c r="JP17" s="120">
        <v>2246925</v>
      </c>
      <c r="JQ17" s="320">
        <v>2246925</v>
      </c>
      <c r="JR17" s="142">
        <v>0</v>
      </c>
      <c r="JS17" s="119">
        <v>0</v>
      </c>
      <c r="JT17" s="141">
        <v>0</v>
      </c>
      <c r="JU17" s="118">
        <v>0</v>
      </c>
      <c r="JV17" s="119">
        <v>0</v>
      </c>
      <c r="JW17" s="119">
        <v>0</v>
      </c>
      <c r="JX17" s="119">
        <v>0</v>
      </c>
      <c r="JY17" s="119">
        <v>0</v>
      </c>
      <c r="JZ17" s="119">
        <v>0</v>
      </c>
      <c r="KA17" s="120">
        <v>0</v>
      </c>
      <c r="KB17" s="320">
        <v>0</v>
      </c>
      <c r="KC17" s="234">
        <v>0</v>
      </c>
      <c r="KD17" s="230">
        <v>59752</v>
      </c>
      <c r="KE17" s="120">
        <v>59752</v>
      </c>
      <c r="KF17" s="118">
        <v>0</v>
      </c>
      <c r="KG17" s="119">
        <v>105413</v>
      </c>
      <c r="KH17" s="119">
        <v>152263</v>
      </c>
      <c r="KI17" s="119">
        <v>212193</v>
      </c>
      <c r="KJ17" s="119">
        <v>0</v>
      </c>
      <c r="KK17" s="119">
        <v>0</v>
      </c>
      <c r="KL17" s="120">
        <v>469869</v>
      </c>
      <c r="KM17" s="143">
        <v>529621</v>
      </c>
      <c r="KN17" s="232">
        <v>0</v>
      </c>
      <c r="KO17" s="236">
        <v>0</v>
      </c>
      <c r="KP17" s="237">
        <v>0</v>
      </c>
      <c r="KQ17" s="140"/>
      <c r="KR17" s="119">
        <v>0</v>
      </c>
      <c r="KS17" s="119">
        <v>647828</v>
      </c>
      <c r="KT17" s="119">
        <v>0</v>
      </c>
      <c r="KU17" s="119">
        <v>1125627</v>
      </c>
      <c r="KV17" s="119">
        <v>90025</v>
      </c>
      <c r="KW17" s="120">
        <v>1863480</v>
      </c>
      <c r="KX17" s="320">
        <v>1863480</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601457</v>
      </c>
      <c r="MK17" s="119">
        <v>0</v>
      </c>
      <c r="ML17" s="119">
        <v>1065682</v>
      </c>
      <c r="MM17" s="119">
        <v>3324902</v>
      </c>
      <c r="MN17" s="119">
        <v>1729670</v>
      </c>
      <c r="MO17" s="120">
        <v>6721711</v>
      </c>
      <c r="MP17" s="143">
        <v>6721711</v>
      </c>
      <c r="MQ17" s="142">
        <v>0</v>
      </c>
      <c r="MR17" s="119">
        <v>0</v>
      </c>
      <c r="MS17" s="120">
        <v>0</v>
      </c>
      <c r="MT17" s="145"/>
      <c r="MU17" s="119">
        <v>0</v>
      </c>
      <c r="MV17" s="119">
        <v>0</v>
      </c>
      <c r="MW17" s="119">
        <v>398887</v>
      </c>
      <c r="MX17" s="119">
        <v>1791868</v>
      </c>
      <c r="MY17" s="119">
        <v>1459491</v>
      </c>
      <c r="MZ17" s="120">
        <v>3650246</v>
      </c>
      <c r="NA17" s="143">
        <v>3650246</v>
      </c>
      <c r="NB17" s="142">
        <v>0</v>
      </c>
      <c r="NC17" s="119">
        <v>0</v>
      </c>
      <c r="ND17" s="120">
        <v>0</v>
      </c>
      <c r="NE17" s="145"/>
      <c r="NF17" s="119">
        <v>601457</v>
      </c>
      <c r="NG17" s="119">
        <v>0</v>
      </c>
      <c r="NH17" s="119">
        <v>551051</v>
      </c>
      <c r="NI17" s="119">
        <v>1533034</v>
      </c>
      <c r="NJ17" s="119">
        <v>270179</v>
      </c>
      <c r="NK17" s="120">
        <v>2955721</v>
      </c>
      <c r="NL17" s="320">
        <v>2955721</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115744</v>
      </c>
      <c r="OE17" s="119">
        <v>0</v>
      </c>
      <c r="OF17" s="119">
        <v>0</v>
      </c>
      <c r="OG17" s="120">
        <v>115744</v>
      </c>
      <c r="OH17" s="121">
        <v>115744</v>
      </c>
      <c r="OI17" s="142">
        <v>206579</v>
      </c>
      <c r="OJ17" s="119">
        <v>680404</v>
      </c>
      <c r="OK17" s="141">
        <v>886983</v>
      </c>
      <c r="OL17" s="118">
        <v>0</v>
      </c>
      <c r="OM17" s="119">
        <v>7075201</v>
      </c>
      <c r="ON17" s="119">
        <v>4684447</v>
      </c>
      <c r="OO17" s="119">
        <v>7497590</v>
      </c>
      <c r="OP17" s="119">
        <v>10375326</v>
      </c>
      <c r="OQ17" s="119">
        <v>6387784</v>
      </c>
      <c r="OR17" s="120">
        <v>36020348</v>
      </c>
      <c r="OS17" s="143">
        <v>36907331</v>
      </c>
    </row>
    <row r="18" spans="2:409" ht="20.25" customHeight="1" x14ac:dyDescent="0.2">
      <c r="B18" s="126" t="s">
        <v>12</v>
      </c>
      <c r="C18" s="110">
        <v>1038508</v>
      </c>
      <c r="D18" s="114">
        <v>1310727</v>
      </c>
      <c r="E18" s="113">
        <v>2349235</v>
      </c>
      <c r="F18" s="109">
        <v>0</v>
      </c>
      <c r="G18" s="114">
        <v>4961665</v>
      </c>
      <c r="H18" s="170">
        <v>4780597</v>
      </c>
      <c r="I18" s="170">
        <v>6385708</v>
      </c>
      <c r="J18" s="170">
        <v>6656167</v>
      </c>
      <c r="K18" s="170">
        <v>4180366</v>
      </c>
      <c r="L18" s="112">
        <v>26964503</v>
      </c>
      <c r="M18" s="116">
        <v>29313738</v>
      </c>
      <c r="N18" s="110">
        <v>214431</v>
      </c>
      <c r="O18" s="114">
        <v>354048</v>
      </c>
      <c r="P18" s="113">
        <v>568479</v>
      </c>
      <c r="Q18" s="110">
        <v>0</v>
      </c>
      <c r="R18" s="114">
        <v>1708902</v>
      </c>
      <c r="S18" s="114">
        <v>1601685</v>
      </c>
      <c r="T18" s="114">
        <v>3005603</v>
      </c>
      <c r="U18" s="114">
        <v>2620865</v>
      </c>
      <c r="V18" s="114">
        <v>2243046</v>
      </c>
      <c r="W18" s="113">
        <v>11180101</v>
      </c>
      <c r="X18" s="116">
        <v>11748580</v>
      </c>
      <c r="Y18" s="110">
        <v>0</v>
      </c>
      <c r="Z18" s="114">
        <v>0</v>
      </c>
      <c r="AA18" s="113">
        <v>0</v>
      </c>
      <c r="AB18" s="110">
        <v>0</v>
      </c>
      <c r="AC18" s="114">
        <v>1142085</v>
      </c>
      <c r="AD18" s="114">
        <v>832024</v>
      </c>
      <c r="AE18" s="114">
        <v>1819307</v>
      </c>
      <c r="AF18" s="114">
        <v>1661631</v>
      </c>
      <c r="AG18" s="114">
        <v>893279</v>
      </c>
      <c r="AH18" s="113">
        <v>6348326</v>
      </c>
      <c r="AI18" s="116">
        <v>6348326</v>
      </c>
      <c r="AJ18" s="110">
        <v>0</v>
      </c>
      <c r="AK18" s="114">
        <v>0</v>
      </c>
      <c r="AL18" s="113">
        <v>0</v>
      </c>
      <c r="AM18" s="110">
        <v>0</v>
      </c>
      <c r="AN18" s="114">
        <v>0</v>
      </c>
      <c r="AO18" s="114">
        <v>41422</v>
      </c>
      <c r="AP18" s="114">
        <v>0</v>
      </c>
      <c r="AQ18" s="114">
        <v>81887</v>
      </c>
      <c r="AR18" s="114">
        <v>443211</v>
      </c>
      <c r="AS18" s="113">
        <v>566520</v>
      </c>
      <c r="AT18" s="116">
        <v>566520</v>
      </c>
      <c r="AU18" s="110">
        <v>112091</v>
      </c>
      <c r="AV18" s="114">
        <v>289242</v>
      </c>
      <c r="AW18" s="113">
        <v>401333</v>
      </c>
      <c r="AX18" s="110">
        <v>0</v>
      </c>
      <c r="AY18" s="114">
        <v>282535</v>
      </c>
      <c r="AZ18" s="114">
        <v>506288</v>
      </c>
      <c r="BA18" s="114">
        <v>955807</v>
      </c>
      <c r="BB18" s="114">
        <v>541515</v>
      </c>
      <c r="BC18" s="114">
        <v>738297</v>
      </c>
      <c r="BD18" s="113">
        <v>3024442</v>
      </c>
      <c r="BE18" s="116">
        <v>3425775</v>
      </c>
      <c r="BF18" s="110">
        <v>0</v>
      </c>
      <c r="BG18" s="114">
        <v>0</v>
      </c>
      <c r="BH18" s="112">
        <v>0</v>
      </c>
      <c r="BI18" s="111">
        <v>0</v>
      </c>
      <c r="BJ18" s="114">
        <v>67842</v>
      </c>
      <c r="BK18" s="114">
        <v>50852</v>
      </c>
      <c r="BL18" s="114">
        <v>0</v>
      </c>
      <c r="BM18" s="114">
        <v>0</v>
      </c>
      <c r="BN18" s="114">
        <v>0</v>
      </c>
      <c r="BO18" s="113">
        <v>118694</v>
      </c>
      <c r="BP18" s="116">
        <v>118694</v>
      </c>
      <c r="BQ18" s="110">
        <v>102340</v>
      </c>
      <c r="BR18" s="114">
        <v>64806</v>
      </c>
      <c r="BS18" s="113">
        <v>167146</v>
      </c>
      <c r="BT18" s="110">
        <v>0</v>
      </c>
      <c r="BU18" s="114">
        <v>216440</v>
      </c>
      <c r="BV18" s="114">
        <v>171099</v>
      </c>
      <c r="BW18" s="114">
        <v>230489</v>
      </c>
      <c r="BX18" s="114">
        <v>335832</v>
      </c>
      <c r="BY18" s="114">
        <v>168259</v>
      </c>
      <c r="BZ18" s="113">
        <v>1122119</v>
      </c>
      <c r="CA18" s="116">
        <v>1289265</v>
      </c>
      <c r="CB18" s="110">
        <v>230810</v>
      </c>
      <c r="CC18" s="114">
        <v>291598</v>
      </c>
      <c r="CD18" s="113">
        <v>522408</v>
      </c>
      <c r="CE18" s="110">
        <v>0</v>
      </c>
      <c r="CF18" s="114">
        <v>1741959</v>
      </c>
      <c r="CG18" s="114">
        <v>1553238</v>
      </c>
      <c r="CH18" s="114">
        <v>1131190</v>
      </c>
      <c r="CI18" s="114">
        <v>1210253</v>
      </c>
      <c r="CJ18" s="114">
        <v>367318</v>
      </c>
      <c r="CK18" s="113">
        <v>6003958</v>
      </c>
      <c r="CL18" s="116">
        <v>6526366</v>
      </c>
      <c r="CM18" s="110">
        <v>0</v>
      </c>
      <c r="CN18" s="114">
        <v>0</v>
      </c>
      <c r="CO18" s="113">
        <v>0</v>
      </c>
      <c r="CP18" s="111">
        <v>0</v>
      </c>
      <c r="CQ18" s="114">
        <v>1348742</v>
      </c>
      <c r="CR18" s="114">
        <v>993797</v>
      </c>
      <c r="CS18" s="114">
        <v>719673</v>
      </c>
      <c r="CT18" s="114">
        <v>982945</v>
      </c>
      <c r="CU18" s="114">
        <v>367318</v>
      </c>
      <c r="CV18" s="113">
        <v>4412475</v>
      </c>
      <c r="CW18" s="116">
        <v>4412475</v>
      </c>
      <c r="CX18" s="110">
        <v>230810</v>
      </c>
      <c r="CY18" s="114">
        <v>291598</v>
      </c>
      <c r="CZ18" s="113">
        <v>522408</v>
      </c>
      <c r="DA18" s="110">
        <v>0</v>
      </c>
      <c r="DB18" s="114">
        <v>393217</v>
      </c>
      <c r="DC18" s="114">
        <v>559441</v>
      </c>
      <c r="DD18" s="114">
        <v>411517</v>
      </c>
      <c r="DE18" s="114">
        <v>227308</v>
      </c>
      <c r="DF18" s="114">
        <v>0</v>
      </c>
      <c r="DG18" s="113">
        <v>1591483</v>
      </c>
      <c r="DH18" s="116">
        <v>2113891</v>
      </c>
      <c r="DI18" s="110">
        <v>0</v>
      </c>
      <c r="DJ18" s="114">
        <v>25278</v>
      </c>
      <c r="DK18" s="112">
        <v>25278</v>
      </c>
      <c r="DL18" s="111">
        <v>0</v>
      </c>
      <c r="DM18" s="114">
        <v>261086</v>
      </c>
      <c r="DN18" s="114">
        <v>93387</v>
      </c>
      <c r="DO18" s="114">
        <v>658211</v>
      </c>
      <c r="DP18" s="114">
        <v>457604</v>
      </c>
      <c r="DQ18" s="114">
        <v>229901</v>
      </c>
      <c r="DR18" s="113">
        <v>1700189</v>
      </c>
      <c r="DS18" s="116">
        <v>1725467</v>
      </c>
      <c r="DT18" s="110">
        <v>0</v>
      </c>
      <c r="DU18" s="114">
        <v>25278</v>
      </c>
      <c r="DV18" s="113">
        <v>25278</v>
      </c>
      <c r="DW18" s="110">
        <v>0</v>
      </c>
      <c r="DX18" s="114">
        <v>261086</v>
      </c>
      <c r="DY18" s="114">
        <v>93387</v>
      </c>
      <c r="DZ18" s="114">
        <v>658211</v>
      </c>
      <c r="EA18" s="114">
        <v>457604</v>
      </c>
      <c r="EB18" s="114">
        <v>170329</v>
      </c>
      <c r="EC18" s="113">
        <v>1640617</v>
      </c>
      <c r="ED18" s="116">
        <v>1665895</v>
      </c>
      <c r="EE18" s="110">
        <v>0</v>
      </c>
      <c r="EF18" s="112">
        <v>0</v>
      </c>
      <c r="EG18" s="113">
        <v>0</v>
      </c>
      <c r="EH18" s="110">
        <v>0</v>
      </c>
      <c r="EI18" s="114">
        <v>0</v>
      </c>
      <c r="EJ18" s="114">
        <v>0</v>
      </c>
      <c r="EK18" s="114">
        <v>0</v>
      </c>
      <c r="EL18" s="114">
        <v>0</v>
      </c>
      <c r="EM18" s="114">
        <v>59572</v>
      </c>
      <c r="EN18" s="112">
        <v>59572</v>
      </c>
      <c r="EO18" s="116">
        <v>59572</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175560</v>
      </c>
      <c r="FM18" s="114">
        <v>305088</v>
      </c>
      <c r="FN18" s="113">
        <v>480648</v>
      </c>
      <c r="FO18" s="110">
        <v>0</v>
      </c>
      <c r="FP18" s="114">
        <v>118244</v>
      </c>
      <c r="FQ18" s="114">
        <v>426685</v>
      </c>
      <c r="FR18" s="114">
        <v>553182</v>
      </c>
      <c r="FS18" s="114">
        <v>672042</v>
      </c>
      <c r="FT18" s="114">
        <v>295148</v>
      </c>
      <c r="FU18" s="113">
        <v>2065301</v>
      </c>
      <c r="FV18" s="116">
        <v>2545949</v>
      </c>
      <c r="FW18" s="115">
        <v>77560</v>
      </c>
      <c r="FX18" s="114">
        <v>242088</v>
      </c>
      <c r="FY18" s="112">
        <v>319648</v>
      </c>
      <c r="FZ18" s="111">
        <v>0</v>
      </c>
      <c r="GA18" s="114">
        <v>118244</v>
      </c>
      <c r="GB18" s="114">
        <v>426685</v>
      </c>
      <c r="GC18" s="114">
        <v>536102</v>
      </c>
      <c r="GD18" s="114">
        <v>593082</v>
      </c>
      <c r="GE18" s="114">
        <v>295148</v>
      </c>
      <c r="GF18" s="113">
        <v>1969261</v>
      </c>
      <c r="GG18" s="318">
        <v>2288909</v>
      </c>
      <c r="GH18" s="115">
        <v>0</v>
      </c>
      <c r="GI18" s="114">
        <v>0</v>
      </c>
      <c r="GJ18" s="112">
        <v>0</v>
      </c>
      <c r="GK18" s="111">
        <v>0</v>
      </c>
      <c r="GL18" s="114">
        <v>0</v>
      </c>
      <c r="GM18" s="114">
        <v>0</v>
      </c>
      <c r="GN18" s="114">
        <v>7280</v>
      </c>
      <c r="GO18" s="114">
        <v>48160</v>
      </c>
      <c r="GP18" s="114">
        <v>0</v>
      </c>
      <c r="GQ18" s="113">
        <v>55440</v>
      </c>
      <c r="GR18" s="116">
        <v>55440</v>
      </c>
      <c r="GS18" s="110">
        <v>98000</v>
      </c>
      <c r="GT18" s="114">
        <v>63000</v>
      </c>
      <c r="GU18" s="113">
        <v>161000</v>
      </c>
      <c r="GV18" s="110">
        <v>0</v>
      </c>
      <c r="GW18" s="114">
        <v>0</v>
      </c>
      <c r="GX18" s="114">
        <v>0</v>
      </c>
      <c r="GY18" s="114">
        <v>9800</v>
      </c>
      <c r="GZ18" s="114">
        <v>30800</v>
      </c>
      <c r="HA18" s="114">
        <v>0</v>
      </c>
      <c r="HB18" s="112">
        <v>40600</v>
      </c>
      <c r="HC18" s="116">
        <v>201600</v>
      </c>
      <c r="HD18" s="110">
        <v>417707</v>
      </c>
      <c r="HE18" s="114">
        <v>334715</v>
      </c>
      <c r="HF18" s="112">
        <v>752422</v>
      </c>
      <c r="HG18" s="111">
        <v>0</v>
      </c>
      <c r="HH18" s="114">
        <v>1131474</v>
      </c>
      <c r="HI18" s="114">
        <v>1105602</v>
      </c>
      <c r="HJ18" s="114">
        <v>1037522</v>
      </c>
      <c r="HK18" s="114">
        <v>1695403</v>
      </c>
      <c r="HL18" s="114">
        <v>1044953</v>
      </c>
      <c r="HM18" s="113">
        <v>6014954</v>
      </c>
      <c r="HN18" s="109">
        <v>6767376</v>
      </c>
      <c r="HO18" s="328"/>
      <c r="HP18" s="329"/>
      <c r="HQ18" s="330"/>
      <c r="HR18" s="331"/>
      <c r="HS18" s="329"/>
      <c r="HT18" s="329"/>
      <c r="HU18" s="329"/>
      <c r="HV18" s="329"/>
      <c r="HW18" s="329"/>
      <c r="HX18" s="332"/>
      <c r="HY18" s="333"/>
      <c r="HZ18" s="150">
        <v>0</v>
      </c>
      <c r="IA18" s="135">
        <v>0</v>
      </c>
      <c r="IB18" s="150">
        <v>0</v>
      </c>
      <c r="IC18" s="134">
        <v>0</v>
      </c>
      <c r="ID18" s="135">
        <v>1287267</v>
      </c>
      <c r="IE18" s="136">
        <v>1455323</v>
      </c>
      <c r="IF18" s="137">
        <v>552181</v>
      </c>
      <c r="IG18" s="135">
        <v>3023798</v>
      </c>
      <c r="IH18" s="137">
        <v>1185931</v>
      </c>
      <c r="II18" s="138">
        <v>7504500</v>
      </c>
      <c r="IJ18" s="150">
        <v>7504500</v>
      </c>
      <c r="IK18" s="232">
        <v>0</v>
      </c>
      <c r="IL18" s="236">
        <v>0</v>
      </c>
      <c r="IM18" s="237">
        <v>0</v>
      </c>
      <c r="IN18" s="140"/>
      <c r="IO18" s="119">
        <v>66930</v>
      </c>
      <c r="IP18" s="119">
        <v>0</v>
      </c>
      <c r="IQ18" s="119">
        <v>0</v>
      </c>
      <c r="IR18" s="119">
        <v>0</v>
      </c>
      <c r="IS18" s="119">
        <v>0</v>
      </c>
      <c r="IT18" s="141">
        <v>66930</v>
      </c>
      <c r="IU18" s="320">
        <v>6693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496181</v>
      </c>
      <c r="JL18" s="119">
        <v>583289</v>
      </c>
      <c r="JM18" s="119">
        <v>332066</v>
      </c>
      <c r="JN18" s="119">
        <v>410899</v>
      </c>
      <c r="JO18" s="119">
        <v>99805</v>
      </c>
      <c r="JP18" s="120">
        <v>1922240</v>
      </c>
      <c r="JQ18" s="320">
        <v>1922240</v>
      </c>
      <c r="JR18" s="142">
        <v>0</v>
      </c>
      <c r="JS18" s="119">
        <v>0</v>
      </c>
      <c r="JT18" s="141">
        <v>0</v>
      </c>
      <c r="JU18" s="118">
        <v>0</v>
      </c>
      <c r="JV18" s="119">
        <v>0</v>
      </c>
      <c r="JW18" s="119">
        <v>0</v>
      </c>
      <c r="JX18" s="119">
        <v>0</v>
      </c>
      <c r="JY18" s="119">
        <v>0</v>
      </c>
      <c r="JZ18" s="119">
        <v>0</v>
      </c>
      <c r="KA18" s="120">
        <v>0</v>
      </c>
      <c r="KB18" s="320">
        <v>0</v>
      </c>
      <c r="KC18" s="234">
        <v>0</v>
      </c>
      <c r="KD18" s="230">
        <v>0</v>
      </c>
      <c r="KE18" s="120">
        <v>0</v>
      </c>
      <c r="KF18" s="118">
        <v>0</v>
      </c>
      <c r="KG18" s="119">
        <v>106801</v>
      </c>
      <c r="KH18" s="119">
        <v>162484</v>
      </c>
      <c r="KI18" s="119">
        <v>0</v>
      </c>
      <c r="KJ18" s="119">
        <v>701108</v>
      </c>
      <c r="KK18" s="119">
        <v>0</v>
      </c>
      <c r="KL18" s="120">
        <v>970393</v>
      </c>
      <c r="KM18" s="143">
        <v>970393</v>
      </c>
      <c r="KN18" s="232">
        <v>0</v>
      </c>
      <c r="KO18" s="236">
        <v>0</v>
      </c>
      <c r="KP18" s="237">
        <v>0</v>
      </c>
      <c r="KQ18" s="140"/>
      <c r="KR18" s="119">
        <v>617355</v>
      </c>
      <c r="KS18" s="119">
        <v>216435</v>
      </c>
      <c r="KT18" s="119">
        <v>220115</v>
      </c>
      <c r="KU18" s="119">
        <v>671500</v>
      </c>
      <c r="KV18" s="119">
        <v>234364</v>
      </c>
      <c r="KW18" s="120">
        <v>1959769</v>
      </c>
      <c r="KX18" s="320">
        <v>1959769</v>
      </c>
      <c r="KY18" s="142">
        <v>0</v>
      </c>
      <c r="KZ18" s="119">
        <v>0</v>
      </c>
      <c r="LA18" s="120">
        <v>0</v>
      </c>
      <c r="LB18" s="145"/>
      <c r="LC18" s="119">
        <v>0</v>
      </c>
      <c r="LD18" s="119">
        <v>317338</v>
      </c>
      <c r="LE18" s="119">
        <v>0</v>
      </c>
      <c r="LF18" s="119">
        <v>384314</v>
      </c>
      <c r="LG18" s="119">
        <v>0</v>
      </c>
      <c r="LH18" s="120">
        <v>701652</v>
      </c>
      <c r="LI18" s="121">
        <v>701652</v>
      </c>
      <c r="LJ18" s="142">
        <v>0</v>
      </c>
      <c r="LK18" s="119">
        <v>0</v>
      </c>
      <c r="LL18" s="120">
        <v>0</v>
      </c>
      <c r="LM18" s="145"/>
      <c r="LN18" s="119">
        <v>0</v>
      </c>
      <c r="LO18" s="119">
        <v>0</v>
      </c>
      <c r="LP18" s="119">
        <v>0</v>
      </c>
      <c r="LQ18" s="119">
        <v>0</v>
      </c>
      <c r="LR18" s="119">
        <v>256222</v>
      </c>
      <c r="LS18" s="120">
        <v>256222</v>
      </c>
      <c r="LT18" s="320">
        <v>256222</v>
      </c>
      <c r="LU18" s="142">
        <v>0</v>
      </c>
      <c r="LV18" s="119">
        <v>0</v>
      </c>
      <c r="LW18" s="120">
        <v>0</v>
      </c>
      <c r="LX18" s="145"/>
      <c r="LY18" s="119">
        <v>0</v>
      </c>
      <c r="LZ18" s="119">
        <v>175777</v>
      </c>
      <c r="MA18" s="119">
        <v>0</v>
      </c>
      <c r="MB18" s="119">
        <v>855977</v>
      </c>
      <c r="MC18" s="119">
        <v>595540</v>
      </c>
      <c r="MD18" s="120">
        <v>1627294</v>
      </c>
      <c r="ME18" s="121">
        <v>1627294</v>
      </c>
      <c r="MF18" s="142">
        <v>0</v>
      </c>
      <c r="MG18" s="119">
        <v>0</v>
      </c>
      <c r="MH18" s="120">
        <v>0</v>
      </c>
      <c r="MI18" s="145"/>
      <c r="MJ18" s="119">
        <v>0</v>
      </c>
      <c r="MK18" s="119">
        <v>663182</v>
      </c>
      <c r="ML18" s="119">
        <v>2657018</v>
      </c>
      <c r="MM18" s="119">
        <v>5410530</v>
      </c>
      <c r="MN18" s="119">
        <v>1440779</v>
      </c>
      <c r="MO18" s="120">
        <v>10171509</v>
      </c>
      <c r="MP18" s="143">
        <v>10171509</v>
      </c>
      <c r="MQ18" s="142">
        <v>0</v>
      </c>
      <c r="MR18" s="119">
        <v>0</v>
      </c>
      <c r="MS18" s="120">
        <v>0</v>
      </c>
      <c r="MT18" s="145"/>
      <c r="MU18" s="119">
        <v>0</v>
      </c>
      <c r="MV18" s="119">
        <v>0</v>
      </c>
      <c r="MW18" s="119">
        <v>1018327</v>
      </c>
      <c r="MX18" s="119">
        <v>2299981</v>
      </c>
      <c r="MY18" s="119">
        <v>915054</v>
      </c>
      <c r="MZ18" s="120">
        <v>4233362</v>
      </c>
      <c r="NA18" s="143">
        <v>4233362</v>
      </c>
      <c r="NB18" s="142">
        <v>0</v>
      </c>
      <c r="NC18" s="119">
        <v>0</v>
      </c>
      <c r="ND18" s="120">
        <v>0</v>
      </c>
      <c r="NE18" s="145"/>
      <c r="NF18" s="119">
        <v>0</v>
      </c>
      <c r="NG18" s="119">
        <v>663182</v>
      </c>
      <c r="NH18" s="119">
        <v>1638691</v>
      </c>
      <c r="NI18" s="119">
        <v>2810614</v>
      </c>
      <c r="NJ18" s="119">
        <v>525725</v>
      </c>
      <c r="NK18" s="120">
        <v>5638212</v>
      </c>
      <c r="NL18" s="320">
        <v>5638212</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299935</v>
      </c>
      <c r="OF18" s="119">
        <v>0</v>
      </c>
      <c r="OG18" s="120">
        <v>299935</v>
      </c>
      <c r="OH18" s="121">
        <v>299935</v>
      </c>
      <c r="OI18" s="142">
        <v>1038508</v>
      </c>
      <c r="OJ18" s="119">
        <v>1310727</v>
      </c>
      <c r="OK18" s="141">
        <v>2349235</v>
      </c>
      <c r="OL18" s="118">
        <v>0</v>
      </c>
      <c r="OM18" s="119">
        <v>6248932</v>
      </c>
      <c r="ON18" s="119">
        <v>6899102</v>
      </c>
      <c r="OO18" s="119">
        <v>9594907</v>
      </c>
      <c r="OP18" s="119">
        <v>15090495</v>
      </c>
      <c r="OQ18" s="119">
        <v>6807076</v>
      </c>
      <c r="OR18" s="120">
        <v>44640512</v>
      </c>
      <c r="OS18" s="143">
        <v>46989747</v>
      </c>
    </row>
    <row r="19" spans="2:409" ht="20.25" customHeight="1" x14ac:dyDescent="0.2">
      <c r="B19" s="126" t="s">
        <v>13</v>
      </c>
      <c r="C19" s="110">
        <v>439484</v>
      </c>
      <c r="D19" s="114">
        <v>624306</v>
      </c>
      <c r="E19" s="113">
        <v>1063790</v>
      </c>
      <c r="F19" s="110">
        <v>0</v>
      </c>
      <c r="G19" s="170">
        <v>3195175</v>
      </c>
      <c r="H19" s="114">
        <v>4165082</v>
      </c>
      <c r="I19" s="114">
        <v>4901772</v>
      </c>
      <c r="J19" s="114">
        <v>4287456</v>
      </c>
      <c r="K19" s="114">
        <v>3271575</v>
      </c>
      <c r="L19" s="112">
        <v>19821060</v>
      </c>
      <c r="M19" s="116">
        <v>20884850</v>
      </c>
      <c r="N19" s="110">
        <v>69636</v>
      </c>
      <c r="O19" s="114">
        <v>195985</v>
      </c>
      <c r="P19" s="113">
        <v>265621</v>
      </c>
      <c r="Q19" s="110">
        <v>0</v>
      </c>
      <c r="R19" s="114">
        <v>896179</v>
      </c>
      <c r="S19" s="114">
        <v>1395234</v>
      </c>
      <c r="T19" s="114">
        <v>1899720</v>
      </c>
      <c r="U19" s="114">
        <v>2406610</v>
      </c>
      <c r="V19" s="114">
        <v>2065948</v>
      </c>
      <c r="W19" s="113">
        <v>8663691</v>
      </c>
      <c r="X19" s="116">
        <v>8929312</v>
      </c>
      <c r="Y19" s="110">
        <v>0</v>
      </c>
      <c r="Z19" s="114">
        <v>0</v>
      </c>
      <c r="AA19" s="113">
        <v>0</v>
      </c>
      <c r="AB19" s="110">
        <v>0</v>
      </c>
      <c r="AC19" s="114">
        <v>343382</v>
      </c>
      <c r="AD19" s="114">
        <v>724721</v>
      </c>
      <c r="AE19" s="114">
        <v>1125415</v>
      </c>
      <c r="AF19" s="114">
        <v>1562854</v>
      </c>
      <c r="AG19" s="114">
        <v>1391920</v>
      </c>
      <c r="AH19" s="113">
        <v>5148292</v>
      </c>
      <c r="AI19" s="116">
        <v>5148292</v>
      </c>
      <c r="AJ19" s="110">
        <v>0</v>
      </c>
      <c r="AK19" s="114">
        <v>0</v>
      </c>
      <c r="AL19" s="113">
        <v>0</v>
      </c>
      <c r="AM19" s="110">
        <v>0</v>
      </c>
      <c r="AN19" s="114">
        <v>0</v>
      </c>
      <c r="AO19" s="114">
        <v>0</v>
      </c>
      <c r="AP19" s="114">
        <v>94118</v>
      </c>
      <c r="AQ19" s="114">
        <v>82951</v>
      </c>
      <c r="AR19" s="114">
        <v>0</v>
      </c>
      <c r="AS19" s="113">
        <v>177069</v>
      </c>
      <c r="AT19" s="116">
        <v>177069</v>
      </c>
      <c r="AU19" s="110">
        <v>0</v>
      </c>
      <c r="AV19" s="114">
        <v>120784</v>
      </c>
      <c r="AW19" s="113">
        <v>120784</v>
      </c>
      <c r="AX19" s="110">
        <v>0</v>
      </c>
      <c r="AY19" s="114">
        <v>386500</v>
      </c>
      <c r="AZ19" s="114">
        <v>301295</v>
      </c>
      <c r="BA19" s="114">
        <v>433066</v>
      </c>
      <c r="BB19" s="114">
        <v>472837</v>
      </c>
      <c r="BC19" s="114">
        <v>440327</v>
      </c>
      <c r="BD19" s="113">
        <v>2034025</v>
      </c>
      <c r="BE19" s="116">
        <v>2154809</v>
      </c>
      <c r="BF19" s="110">
        <v>0</v>
      </c>
      <c r="BG19" s="114">
        <v>0</v>
      </c>
      <c r="BH19" s="112">
        <v>0</v>
      </c>
      <c r="BI19" s="111">
        <v>0</v>
      </c>
      <c r="BJ19" s="114">
        <v>9595</v>
      </c>
      <c r="BK19" s="114">
        <v>132751</v>
      </c>
      <c r="BL19" s="114">
        <v>0</v>
      </c>
      <c r="BM19" s="114">
        <v>17236</v>
      </c>
      <c r="BN19" s="114">
        <v>86827</v>
      </c>
      <c r="BO19" s="113">
        <v>246409</v>
      </c>
      <c r="BP19" s="116">
        <v>246409</v>
      </c>
      <c r="BQ19" s="110">
        <v>69636</v>
      </c>
      <c r="BR19" s="114">
        <v>75201</v>
      </c>
      <c r="BS19" s="113">
        <v>144837</v>
      </c>
      <c r="BT19" s="110">
        <v>0</v>
      </c>
      <c r="BU19" s="114">
        <v>156702</v>
      </c>
      <c r="BV19" s="114">
        <v>236467</v>
      </c>
      <c r="BW19" s="114">
        <v>247121</v>
      </c>
      <c r="BX19" s="114">
        <v>270732</v>
      </c>
      <c r="BY19" s="114">
        <v>146874</v>
      </c>
      <c r="BZ19" s="113">
        <v>1057896</v>
      </c>
      <c r="CA19" s="116">
        <v>1202733</v>
      </c>
      <c r="CB19" s="110">
        <v>0</v>
      </c>
      <c r="CC19" s="114">
        <v>32713</v>
      </c>
      <c r="CD19" s="113">
        <v>32713</v>
      </c>
      <c r="CE19" s="110">
        <v>0</v>
      </c>
      <c r="CF19" s="114">
        <v>463922</v>
      </c>
      <c r="CG19" s="114">
        <v>842063</v>
      </c>
      <c r="CH19" s="114">
        <v>1074966</v>
      </c>
      <c r="CI19" s="114">
        <v>533887</v>
      </c>
      <c r="CJ19" s="114">
        <v>73495</v>
      </c>
      <c r="CK19" s="113">
        <v>2988333</v>
      </c>
      <c r="CL19" s="116">
        <v>3021046</v>
      </c>
      <c r="CM19" s="110">
        <v>0</v>
      </c>
      <c r="CN19" s="114">
        <v>0</v>
      </c>
      <c r="CO19" s="113">
        <v>0</v>
      </c>
      <c r="CP19" s="111">
        <v>0</v>
      </c>
      <c r="CQ19" s="114">
        <v>463922</v>
      </c>
      <c r="CR19" s="114">
        <v>731971</v>
      </c>
      <c r="CS19" s="114">
        <v>707892</v>
      </c>
      <c r="CT19" s="114">
        <v>322653</v>
      </c>
      <c r="CU19" s="114">
        <v>73495</v>
      </c>
      <c r="CV19" s="113">
        <v>2299933</v>
      </c>
      <c r="CW19" s="116">
        <v>2299933</v>
      </c>
      <c r="CX19" s="110">
        <v>0</v>
      </c>
      <c r="CY19" s="114">
        <v>32713</v>
      </c>
      <c r="CZ19" s="113">
        <v>32713</v>
      </c>
      <c r="DA19" s="110">
        <v>0</v>
      </c>
      <c r="DB19" s="114">
        <v>0</v>
      </c>
      <c r="DC19" s="114">
        <v>110092</v>
      </c>
      <c r="DD19" s="114">
        <v>367074</v>
      </c>
      <c r="DE19" s="114">
        <v>211234</v>
      </c>
      <c r="DF19" s="114">
        <v>0</v>
      </c>
      <c r="DG19" s="113">
        <v>688400</v>
      </c>
      <c r="DH19" s="116">
        <v>721113</v>
      </c>
      <c r="DI19" s="110">
        <v>0</v>
      </c>
      <c r="DJ19" s="114">
        <v>18383</v>
      </c>
      <c r="DK19" s="112">
        <v>18383</v>
      </c>
      <c r="DL19" s="111">
        <v>0</v>
      </c>
      <c r="DM19" s="114">
        <v>100896</v>
      </c>
      <c r="DN19" s="114">
        <v>60239</v>
      </c>
      <c r="DO19" s="114">
        <v>185422</v>
      </c>
      <c r="DP19" s="114">
        <v>30847</v>
      </c>
      <c r="DQ19" s="114">
        <v>74001</v>
      </c>
      <c r="DR19" s="113">
        <v>451405</v>
      </c>
      <c r="DS19" s="116">
        <v>469788</v>
      </c>
      <c r="DT19" s="110">
        <v>0</v>
      </c>
      <c r="DU19" s="114">
        <v>18383</v>
      </c>
      <c r="DV19" s="113">
        <v>18383</v>
      </c>
      <c r="DW19" s="110">
        <v>0</v>
      </c>
      <c r="DX19" s="114">
        <v>100896</v>
      </c>
      <c r="DY19" s="114">
        <v>60239</v>
      </c>
      <c r="DZ19" s="114">
        <v>185422</v>
      </c>
      <c r="EA19" s="114">
        <v>30847</v>
      </c>
      <c r="EB19" s="114">
        <v>74001</v>
      </c>
      <c r="EC19" s="113">
        <v>451405</v>
      </c>
      <c r="ED19" s="116">
        <v>469788</v>
      </c>
      <c r="EE19" s="110">
        <v>0</v>
      </c>
      <c r="EF19" s="112">
        <v>0</v>
      </c>
      <c r="EG19" s="113">
        <v>0</v>
      </c>
      <c r="EH19" s="110">
        <v>0</v>
      </c>
      <c r="EI19" s="114">
        <v>0</v>
      </c>
      <c r="EJ19" s="114">
        <v>0</v>
      </c>
      <c r="EK19" s="114">
        <v>0</v>
      </c>
      <c r="EL19" s="114">
        <v>0</v>
      </c>
      <c r="EM19" s="114">
        <v>0</v>
      </c>
      <c r="EN19" s="112">
        <v>0</v>
      </c>
      <c r="EO19" s="116">
        <v>0</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38850</v>
      </c>
      <c r="FM19" s="114">
        <v>47677</v>
      </c>
      <c r="FN19" s="113">
        <v>86527</v>
      </c>
      <c r="FO19" s="110">
        <v>0</v>
      </c>
      <c r="FP19" s="114">
        <v>177646</v>
      </c>
      <c r="FQ19" s="114">
        <v>475650</v>
      </c>
      <c r="FR19" s="114">
        <v>313754</v>
      </c>
      <c r="FS19" s="114">
        <v>178766</v>
      </c>
      <c r="FT19" s="114">
        <v>227024</v>
      </c>
      <c r="FU19" s="113">
        <v>1372840</v>
      </c>
      <c r="FV19" s="116">
        <v>1459367</v>
      </c>
      <c r="FW19" s="115">
        <v>16100</v>
      </c>
      <c r="FX19" s="114">
        <v>37282</v>
      </c>
      <c r="FY19" s="112">
        <v>53382</v>
      </c>
      <c r="FZ19" s="111">
        <v>0</v>
      </c>
      <c r="GA19" s="114">
        <v>79576</v>
      </c>
      <c r="GB19" s="114">
        <v>457170</v>
      </c>
      <c r="GC19" s="114">
        <v>313754</v>
      </c>
      <c r="GD19" s="114">
        <v>178766</v>
      </c>
      <c r="GE19" s="114">
        <v>227024</v>
      </c>
      <c r="GF19" s="113">
        <v>1256290</v>
      </c>
      <c r="GG19" s="318">
        <v>1309672</v>
      </c>
      <c r="GH19" s="115">
        <v>22750</v>
      </c>
      <c r="GI19" s="114">
        <v>10395</v>
      </c>
      <c r="GJ19" s="112">
        <v>33145</v>
      </c>
      <c r="GK19" s="111">
        <v>0</v>
      </c>
      <c r="GL19" s="114">
        <v>44660</v>
      </c>
      <c r="GM19" s="114">
        <v>18480</v>
      </c>
      <c r="GN19" s="114">
        <v>0</v>
      </c>
      <c r="GO19" s="114">
        <v>0</v>
      </c>
      <c r="GP19" s="114">
        <v>0</v>
      </c>
      <c r="GQ19" s="113">
        <v>63140</v>
      </c>
      <c r="GR19" s="116">
        <v>96285</v>
      </c>
      <c r="GS19" s="110">
        <v>0</v>
      </c>
      <c r="GT19" s="114">
        <v>0</v>
      </c>
      <c r="GU19" s="113">
        <v>0</v>
      </c>
      <c r="GV19" s="110">
        <v>0</v>
      </c>
      <c r="GW19" s="114">
        <v>53410</v>
      </c>
      <c r="GX19" s="114">
        <v>0</v>
      </c>
      <c r="GY19" s="114">
        <v>0</v>
      </c>
      <c r="GZ19" s="114">
        <v>0</v>
      </c>
      <c r="HA19" s="114">
        <v>0</v>
      </c>
      <c r="HB19" s="112">
        <v>53410</v>
      </c>
      <c r="HC19" s="116">
        <v>53410</v>
      </c>
      <c r="HD19" s="110">
        <v>330998</v>
      </c>
      <c r="HE19" s="114">
        <v>329548</v>
      </c>
      <c r="HF19" s="112">
        <v>660546</v>
      </c>
      <c r="HG19" s="111">
        <v>0</v>
      </c>
      <c r="HH19" s="114">
        <v>1556532</v>
      </c>
      <c r="HI19" s="114">
        <v>1391896</v>
      </c>
      <c r="HJ19" s="114">
        <v>1427910</v>
      </c>
      <c r="HK19" s="114">
        <v>1137346</v>
      </c>
      <c r="HL19" s="114">
        <v>831107</v>
      </c>
      <c r="HM19" s="113">
        <v>6344791</v>
      </c>
      <c r="HN19" s="109">
        <v>7005337</v>
      </c>
      <c r="HO19" s="328"/>
      <c r="HP19" s="329"/>
      <c r="HQ19" s="330"/>
      <c r="HR19" s="331"/>
      <c r="HS19" s="329"/>
      <c r="HT19" s="329"/>
      <c r="HU19" s="329"/>
      <c r="HV19" s="329"/>
      <c r="HW19" s="329"/>
      <c r="HX19" s="332"/>
      <c r="HY19" s="333"/>
      <c r="HZ19" s="131">
        <v>0</v>
      </c>
      <c r="IA19" s="132">
        <v>0</v>
      </c>
      <c r="IB19" s="133">
        <v>0</v>
      </c>
      <c r="IC19" s="146">
        <v>0</v>
      </c>
      <c r="ID19" s="132">
        <v>394147</v>
      </c>
      <c r="IE19" s="147">
        <v>804614</v>
      </c>
      <c r="IF19" s="133">
        <v>1345607</v>
      </c>
      <c r="IG19" s="132">
        <v>19875</v>
      </c>
      <c r="IH19" s="133">
        <v>69094</v>
      </c>
      <c r="II19" s="148">
        <v>2633337</v>
      </c>
      <c r="IJ19" s="139">
        <v>2633337</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94147</v>
      </c>
      <c r="JL19" s="119">
        <v>434772</v>
      </c>
      <c r="JM19" s="119">
        <v>342689</v>
      </c>
      <c r="JN19" s="119">
        <v>19875</v>
      </c>
      <c r="JO19" s="119">
        <v>69094</v>
      </c>
      <c r="JP19" s="120">
        <v>1260577</v>
      </c>
      <c r="JQ19" s="320">
        <v>1260577</v>
      </c>
      <c r="JR19" s="142">
        <v>0</v>
      </c>
      <c r="JS19" s="119">
        <v>0</v>
      </c>
      <c r="JT19" s="141">
        <v>0</v>
      </c>
      <c r="JU19" s="118">
        <v>0</v>
      </c>
      <c r="JV19" s="119">
        <v>0</v>
      </c>
      <c r="JW19" s="119">
        <v>0</v>
      </c>
      <c r="JX19" s="119">
        <v>0</v>
      </c>
      <c r="JY19" s="119">
        <v>0</v>
      </c>
      <c r="JZ19" s="119">
        <v>0</v>
      </c>
      <c r="KA19" s="120">
        <v>0</v>
      </c>
      <c r="KB19" s="320">
        <v>0</v>
      </c>
      <c r="KC19" s="234">
        <v>0</v>
      </c>
      <c r="KD19" s="230">
        <v>0</v>
      </c>
      <c r="KE19" s="120">
        <v>0</v>
      </c>
      <c r="KF19" s="118">
        <v>0</v>
      </c>
      <c r="KG19" s="119">
        <v>0</v>
      </c>
      <c r="KH19" s="119">
        <v>149396</v>
      </c>
      <c r="KI19" s="119">
        <v>209136</v>
      </c>
      <c r="KJ19" s="119">
        <v>0</v>
      </c>
      <c r="KK19" s="119">
        <v>0</v>
      </c>
      <c r="KL19" s="120">
        <v>358532</v>
      </c>
      <c r="KM19" s="143">
        <v>358532</v>
      </c>
      <c r="KN19" s="232">
        <v>0</v>
      </c>
      <c r="KO19" s="236">
        <v>0</v>
      </c>
      <c r="KP19" s="237">
        <v>0</v>
      </c>
      <c r="KQ19" s="140"/>
      <c r="KR19" s="119">
        <v>0</v>
      </c>
      <c r="KS19" s="119">
        <v>220446</v>
      </c>
      <c r="KT19" s="119">
        <v>449688</v>
      </c>
      <c r="KU19" s="119">
        <v>0</v>
      </c>
      <c r="KV19" s="119">
        <v>0</v>
      </c>
      <c r="KW19" s="120">
        <v>670134</v>
      </c>
      <c r="KX19" s="320">
        <v>670134</v>
      </c>
      <c r="KY19" s="142">
        <v>0</v>
      </c>
      <c r="KZ19" s="119">
        <v>0</v>
      </c>
      <c r="LA19" s="120">
        <v>0</v>
      </c>
      <c r="LB19" s="145"/>
      <c r="LC19" s="119">
        <v>0</v>
      </c>
      <c r="LD19" s="119">
        <v>0</v>
      </c>
      <c r="LE19" s="119">
        <v>344094</v>
      </c>
      <c r="LF19" s="119">
        <v>0</v>
      </c>
      <c r="LG19" s="119">
        <v>0</v>
      </c>
      <c r="LH19" s="120">
        <v>344094</v>
      </c>
      <c r="LI19" s="121">
        <v>344094</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0</v>
      </c>
      <c r="ML19" s="119">
        <v>1068793</v>
      </c>
      <c r="MM19" s="119">
        <v>1533368</v>
      </c>
      <c r="MN19" s="119">
        <v>1271294</v>
      </c>
      <c r="MO19" s="120">
        <v>3873455</v>
      </c>
      <c r="MP19" s="143">
        <v>3873455</v>
      </c>
      <c r="MQ19" s="142">
        <v>0</v>
      </c>
      <c r="MR19" s="119">
        <v>0</v>
      </c>
      <c r="MS19" s="120">
        <v>0</v>
      </c>
      <c r="MT19" s="145"/>
      <c r="MU19" s="119">
        <v>0</v>
      </c>
      <c r="MV19" s="119">
        <v>0</v>
      </c>
      <c r="MW19" s="119">
        <v>817472</v>
      </c>
      <c r="MX19" s="119">
        <v>697725</v>
      </c>
      <c r="MY19" s="119">
        <v>1002847</v>
      </c>
      <c r="MZ19" s="120">
        <v>2518044</v>
      </c>
      <c r="NA19" s="143">
        <v>2518044</v>
      </c>
      <c r="NB19" s="142">
        <v>0</v>
      </c>
      <c r="NC19" s="119">
        <v>0</v>
      </c>
      <c r="ND19" s="120">
        <v>0</v>
      </c>
      <c r="NE19" s="145"/>
      <c r="NF19" s="119">
        <v>0</v>
      </c>
      <c r="NG19" s="119">
        <v>0</v>
      </c>
      <c r="NH19" s="119">
        <v>251321</v>
      </c>
      <c r="NI19" s="119">
        <v>835643</v>
      </c>
      <c r="NJ19" s="119">
        <v>268447</v>
      </c>
      <c r="NK19" s="120">
        <v>1355411</v>
      </c>
      <c r="NL19" s="320">
        <v>1355411</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439484</v>
      </c>
      <c r="OJ19" s="119">
        <v>624306</v>
      </c>
      <c r="OK19" s="141">
        <v>1063790</v>
      </c>
      <c r="OL19" s="118">
        <v>0</v>
      </c>
      <c r="OM19" s="119">
        <v>3589322</v>
      </c>
      <c r="ON19" s="119">
        <v>4969696</v>
      </c>
      <c r="OO19" s="119">
        <v>7316172</v>
      </c>
      <c r="OP19" s="119">
        <v>5840699</v>
      </c>
      <c r="OQ19" s="119">
        <v>4611963</v>
      </c>
      <c r="OR19" s="120">
        <v>26327852</v>
      </c>
      <c r="OS19" s="143">
        <v>27391642</v>
      </c>
    </row>
    <row r="20" spans="2:409" ht="20.25" customHeight="1" x14ac:dyDescent="0.2">
      <c r="B20" s="126" t="s">
        <v>15</v>
      </c>
      <c r="C20" s="110">
        <v>55049</v>
      </c>
      <c r="D20" s="114">
        <v>124397</v>
      </c>
      <c r="E20" s="113">
        <v>179446</v>
      </c>
      <c r="F20" s="109">
        <v>0</v>
      </c>
      <c r="G20" s="114">
        <v>1450350</v>
      </c>
      <c r="H20" s="114">
        <v>1099474</v>
      </c>
      <c r="I20" s="114">
        <v>833256</v>
      </c>
      <c r="J20" s="114">
        <v>619082</v>
      </c>
      <c r="K20" s="114">
        <v>1226376</v>
      </c>
      <c r="L20" s="109">
        <v>5228538</v>
      </c>
      <c r="M20" s="116">
        <v>5407984</v>
      </c>
      <c r="N20" s="110">
        <v>0</v>
      </c>
      <c r="O20" s="114">
        <v>13272</v>
      </c>
      <c r="P20" s="113">
        <v>13272</v>
      </c>
      <c r="Q20" s="110">
        <v>0</v>
      </c>
      <c r="R20" s="114">
        <v>90124</v>
      </c>
      <c r="S20" s="114">
        <v>304946</v>
      </c>
      <c r="T20" s="114">
        <v>220306</v>
      </c>
      <c r="U20" s="114">
        <v>147480</v>
      </c>
      <c r="V20" s="114">
        <v>730448</v>
      </c>
      <c r="W20" s="113">
        <v>1493304</v>
      </c>
      <c r="X20" s="116">
        <v>1506576</v>
      </c>
      <c r="Y20" s="110">
        <v>0</v>
      </c>
      <c r="Z20" s="114">
        <v>0</v>
      </c>
      <c r="AA20" s="113">
        <v>0</v>
      </c>
      <c r="AB20" s="110">
        <v>0</v>
      </c>
      <c r="AC20" s="114">
        <v>54309</v>
      </c>
      <c r="AD20" s="114">
        <v>68151</v>
      </c>
      <c r="AE20" s="114">
        <v>0</v>
      </c>
      <c r="AF20" s="114">
        <v>1640</v>
      </c>
      <c r="AG20" s="114">
        <v>376987</v>
      </c>
      <c r="AH20" s="113">
        <v>501087</v>
      </c>
      <c r="AI20" s="116">
        <v>501087</v>
      </c>
      <c r="AJ20" s="110">
        <v>0</v>
      </c>
      <c r="AK20" s="114">
        <v>0</v>
      </c>
      <c r="AL20" s="113">
        <v>0</v>
      </c>
      <c r="AM20" s="110">
        <v>0</v>
      </c>
      <c r="AN20" s="114">
        <v>0</v>
      </c>
      <c r="AO20" s="114">
        <v>0</v>
      </c>
      <c r="AP20" s="114">
        <v>40887</v>
      </c>
      <c r="AQ20" s="114">
        <v>11736</v>
      </c>
      <c r="AR20" s="114">
        <v>143117</v>
      </c>
      <c r="AS20" s="113">
        <v>195740</v>
      </c>
      <c r="AT20" s="116">
        <v>195740</v>
      </c>
      <c r="AU20" s="110">
        <v>0</v>
      </c>
      <c r="AV20" s="114">
        <v>0</v>
      </c>
      <c r="AW20" s="113">
        <v>0</v>
      </c>
      <c r="AX20" s="110">
        <v>0</v>
      </c>
      <c r="AY20" s="114">
        <v>11042</v>
      </c>
      <c r="AZ20" s="114">
        <v>139978</v>
      </c>
      <c r="BA20" s="114">
        <v>90523</v>
      </c>
      <c r="BB20" s="114">
        <v>112292</v>
      </c>
      <c r="BC20" s="114">
        <v>108521</v>
      </c>
      <c r="BD20" s="113">
        <v>462356</v>
      </c>
      <c r="BE20" s="116">
        <v>462356</v>
      </c>
      <c r="BF20" s="110">
        <v>0</v>
      </c>
      <c r="BG20" s="114">
        <v>0</v>
      </c>
      <c r="BH20" s="112">
        <v>0</v>
      </c>
      <c r="BI20" s="111">
        <v>0</v>
      </c>
      <c r="BJ20" s="114">
        <v>0</v>
      </c>
      <c r="BK20" s="114">
        <v>0</v>
      </c>
      <c r="BL20" s="114">
        <v>47610</v>
      </c>
      <c r="BM20" s="114">
        <v>0</v>
      </c>
      <c r="BN20" s="114">
        <v>34007</v>
      </c>
      <c r="BO20" s="113">
        <v>81617</v>
      </c>
      <c r="BP20" s="116">
        <v>81617</v>
      </c>
      <c r="BQ20" s="110">
        <v>0</v>
      </c>
      <c r="BR20" s="114">
        <v>13272</v>
      </c>
      <c r="BS20" s="113">
        <v>13272</v>
      </c>
      <c r="BT20" s="110">
        <v>0</v>
      </c>
      <c r="BU20" s="114">
        <v>24773</v>
      </c>
      <c r="BV20" s="114">
        <v>96817</v>
      </c>
      <c r="BW20" s="114">
        <v>41286</v>
      </c>
      <c r="BX20" s="114">
        <v>21812</v>
      </c>
      <c r="BY20" s="114">
        <v>67816</v>
      </c>
      <c r="BZ20" s="113">
        <v>252504</v>
      </c>
      <c r="CA20" s="116">
        <v>265776</v>
      </c>
      <c r="CB20" s="110">
        <v>0</v>
      </c>
      <c r="CC20" s="114">
        <v>0</v>
      </c>
      <c r="CD20" s="113">
        <v>0</v>
      </c>
      <c r="CE20" s="110">
        <v>0</v>
      </c>
      <c r="CF20" s="114">
        <v>232837</v>
      </c>
      <c r="CG20" s="114">
        <v>99846</v>
      </c>
      <c r="CH20" s="114">
        <v>216690</v>
      </c>
      <c r="CI20" s="114">
        <v>117706</v>
      </c>
      <c r="CJ20" s="114">
        <v>196829</v>
      </c>
      <c r="CK20" s="113">
        <v>863908</v>
      </c>
      <c r="CL20" s="116">
        <v>863908</v>
      </c>
      <c r="CM20" s="110">
        <v>0</v>
      </c>
      <c r="CN20" s="114">
        <v>0</v>
      </c>
      <c r="CO20" s="113">
        <v>0</v>
      </c>
      <c r="CP20" s="111">
        <v>0</v>
      </c>
      <c r="CQ20" s="114">
        <v>148503</v>
      </c>
      <c r="CR20" s="114">
        <v>42657</v>
      </c>
      <c r="CS20" s="114">
        <v>163124</v>
      </c>
      <c r="CT20" s="114">
        <v>35750</v>
      </c>
      <c r="CU20" s="114">
        <v>76102</v>
      </c>
      <c r="CV20" s="113">
        <v>466136</v>
      </c>
      <c r="CW20" s="116">
        <v>466136</v>
      </c>
      <c r="CX20" s="110">
        <v>0</v>
      </c>
      <c r="CY20" s="114">
        <v>0</v>
      </c>
      <c r="CZ20" s="113">
        <v>0</v>
      </c>
      <c r="DA20" s="110">
        <v>0</v>
      </c>
      <c r="DB20" s="114">
        <v>84334</v>
      </c>
      <c r="DC20" s="114">
        <v>57189</v>
      </c>
      <c r="DD20" s="114">
        <v>53566</v>
      </c>
      <c r="DE20" s="114">
        <v>81956</v>
      </c>
      <c r="DF20" s="114">
        <v>120727</v>
      </c>
      <c r="DG20" s="113">
        <v>397772</v>
      </c>
      <c r="DH20" s="116">
        <v>397772</v>
      </c>
      <c r="DI20" s="110">
        <v>0</v>
      </c>
      <c r="DJ20" s="114">
        <v>0</v>
      </c>
      <c r="DK20" s="112">
        <v>0</v>
      </c>
      <c r="DL20" s="111">
        <v>0</v>
      </c>
      <c r="DM20" s="114">
        <v>0</v>
      </c>
      <c r="DN20" s="114">
        <v>31721</v>
      </c>
      <c r="DO20" s="114">
        <v>0</v>
      </c>
      <c r="DP20" s="114">
        <v>226090</v>
      </c>
      <c r="DQ20" s="114">
        <v>0</v>
      </c>
      <c r="DR20" s="113">
        <v>257811</v>
      </c>
      <c r="DS20" s="116">
        <v>257811</v>
      </c>
      <c r="DT20" s="110">
        <v>0</v>
      </c>
      <c r="DU20" s="114">
        <v>0</v>
      </c>
      <c r="DV20" s="113">
        <v>0</v>
      </c>
      <c r="DW20" s="110">
        <v>0</v>
      </c>
      <c r="DX20" s="114">
        <v>0</v>
      </c>
      <c r="DY20" s="114">
        <v>31721</v>
      </c>
      <c r="DZ20" s="114">
        <v>0</v>
      </c>
      <c r="EA20" s="114">
        <v>226090</v>
      </c>
      <c r="EB20" s="114">
        <v>0</v>
      </c>
      <c r="EC20" s="113">
        <v>257811</v>
      </c>
      <c r="ED20" s="116">
        <v>257811</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3850</v>
      </c>
      <c r="FM20" s="114">
        <v>17500</v>
      </c>
      <c r="FN20" s="113">
        <v>21350</v>
      </c>
      <c r="FO20" s="110">
        <v>0</v>
      </c>
      <c r="FP20" s="114">
        <v>163926</v>
      </c>
      <c r="FQ20" s="114">
        <v>117705</v>
      </c>
      <c r="FR20" s="114">
        <v>34636</v>
      </c>
      <c r="FS20" s="114">
        <v>127806</v>
      </c>
      <c r="FT20" s="114">
        <v>88347</v>
      </c>
      <c r="FU20" s="113">
        <v>532420</v>
      </c>
      <c r="FV20" s="116">
        <v>553770</v>
      </c>
      <c r="FW20" s="115">
        <v>3850</v>
      </c>
      <c r="FX20" s="114">
        <v>17500</v>
      </c>
      <c r="FY20" s="112">
        <v>21350</v>
      </c>
      <c r="FZ20" s="111">
        <v>0</v>
      </c>
      <c r="GA20" s="114">
        <v>23926</v>
      </c>
      <c r="GB20" s="114">
        <v>117705</v>
      </c>
      <c r="GC20" s="114">
        <v>34636</v>
      </c>
      <c r="GD20" s="114">
        <v>127806</v>
      </c>
      <c r="GE20" s="114">
        <v>73437</v>
      </c>
      <c r="GF20" s="113">
        <v>377510</v>
      </c>
      <c r="GG20" s="318">
        <v>398860</v>
      </c>
      <c r="GH20" s="115">
        <v>0</v>
      </c>
      <c r="GI20" s="114">
        <v>0</v>
      </c>
      <c r="GJ20" s="112">
        <v>0</v>
      </c>
      <c r="GK20" s="111">
        <v>0</v>
      </c>
      <c r="GL20" s="114">
        <v>0</v>
      </c>
      <c r="GM20" s="114">
        <v>0</v>
      </c>
      <c r="GN20" s="114">
        <v>0</v>
      </c>
      <c r="GO20" s="114">
        <v>0</v>
      </c>
      <c r="GP20" s="114">
        <v>14910</v>
      </c>
      <c r="GQ20" s="113">
        <v>14910</v>
      </c>
      <c r="GR20" s="116">
        <v>14910</v>
      </c>
      <c r="GS20" s="110">
        <v>0</v>
      </c>
      <c r="GT20" s="114">
        <v>0</v>
      </c>
      <c r="GU20" s="113">
        <v>0</v>
      </c>
      <c r="GV20" s="110">
        <v>0</v>
      </c>
      <c r="GW20" s="114">
        <v>140000</v>
      </c>
      <c r="GX20" s="114">
        <v>0</v>
      </c>
      <c r="GY20" s="114">
        <v>0</v>
      </c>
      <c r="GZ20" s="114">
        <v>0</v>
      </c>
      <c r="HA20" s="114">
        <v>0</v>
      </c>
      <c r="HB20" s="112">
        <v>140000</v>
      </c>
      <c r="HC20" s="116">
        <v>140000</v>
      </c>
      <c r="HD20" s="110">
        <v>51199</v>
      </c>
      <c r="HE20" s="114">
        <v>93625</v>
      </c>
      <c r="HF20" s="112">
        <v>144824</v>
      </c>
      <c r="HG20" s="111">
        <v>0</v>
      </c>
      <c r="HH20" s="114">
        <v>963463</v>
      </c>
      <c r="HI20" s="114">
        <v>545256</v>
      </c>
      <c r="HJ20" s="114">
        <v>361624</v>
      </c>
      <c r="HK20" s="114">
        <v>0</v>
      </c>
      <c r="HL20" s="114">
        <v>210752</v>
      </c>
      <c r="HM20" s="113">
        <v>2081095</v>
      </c>
      <c r="HN20" s="109">
        <v>2225919</v>
      </c>
      <c r="HO20" s="328"/>
      <c r="HP20" s="329"/>
      <c r="HQ20" s="330"/>
      <c r="HR20" s="331"/>
      <c r="HS20" s="329"/>
      <c r="HT20" s="329"/>
      <c r="HU20" s="329"/>
      <c r="HV20" s="329"/>
      <c r="HW20" s="329"/>
      <c r="HX20" s="332"/>
      <c r="HY20" s="333"/>
      <c r="HZ20" s="150">
        <v>0</v>
      </c>
      <c r="IA20" s="135">
        <v>0</v>
      </c>
      <c r="IB20" s="150">
        <v>0</v>
      </c>
      <c r="IC20" s="134">
        <v>0</v>
      </c>
      <c r="ID20" s="135">
        <v>160050</v>
      </c>
      <c r="IE20" s="136">
        <v>875253</v>
      </c>
      <c r="IF20" s="137">
        <v>222952</v>
      </c>
      <c r="IG20" s="135">
        <v>219429</v>
      </c>
      <c r="IH20" s="137">
        <v>240672</v>
      </c>
      <c r="II20" s="138">
        <v>1718356</v>
      </c>
      <c r="IJ20" s="150">
        <v>1718356</v>
      </c>
      <c r="IK20" s="232">
        <v>0</v>
      </c>
      <c r="IL20" s="236">
        <v>0</v>
      </c>
      <c r="IM20" s="237">
        <v>0</v>
      </c>
      <c r="IN20" s="140"/>
      <c r="IO20" s="119">
        <v>0</v>
      </c>
      <c r="IP20" s="119">
        <v>114245</v>
      </c>
      <c r="IQ20" s="119">
        <v>0</v>
      </c>
      <c r="IR20" s="119">
        <v>0</v>
      </c>
      <c r="IS20" s="119">
        <v>0</v>
      </c>
      <c r="IT20" s="141">
        <v>114245</v>
      </c>
      <c r="IU20" s="320">
        <v>114245</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60050</v>
      </c>
      <c r="JL20" s="119">
        <v>339907</v>
      </c>
      <c r="JM20" s="119">
        <v>10395</v>
      </c>
      <c r="JN20" s="119">
        <v>0</v>
      </c>
      <c r="JO20" s="119">
        <v>17195</v>
      </c>
      <c r="JP20" s="120">
        <v>527547</v>
      </c>
      <c r="JQ20" s="320">
        <v>527547</v>
      </c>
      <c r="JR20" s="142">
        <v>0</v>
      </c>
      <c r="JS20" s="119">
        <v>0</v>
      </c>
      <c r="JT20" s="141">
        <v>0</v>
      </c>
      <c r="JU20" s="118">
        <v>0</v>
      </c>
      <c r="JV20" s="119">
        <v>0</v>
      </c>
      <c r="JW20" s="119">
        <v>0</v>
      </c>
      <c r="JX20" s="119">
        <v>0</v>
      </c>
      <c r="JY20" s="119">
        <v>0</v>
      </c>
      <c r="JZ20" s="119">
        <v>0</v>
      </c>
      <c r="KA20" s="120">
        <v>0</v>
      </c>
      <c r="KB20" s="320">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c r="KR20" s="119">
        <v>0</v>
      </c>
      <c r="KS20" s="119">
        <v>421101</v>
      </c>
      <c r="KT20" s="119">
        <v>0</v>
      </c>
      <c r="KU20" s="119">
        <v>219429</v>
      </c>
      <c r="KV20" s="119">
        <v>223477</v>
      </c>
      <c r="KW20" s="120">
        <v>864007</v>
      </c>
      <c r="KX20" s="320">
        <v>864007</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12557</v>
      </c>
      <c r="LQ20" s="119">
        <v>0</v>
      </c>
      <c r="LR20" s="119">
        <v>0</v>
      </c>
      <c r="LS20" s="120">
        <v>212557</v>
      </c>
      <c r="LT20" s="320">
        <v>212557</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0</v>
      </c>
      <c r="ML20" s="119">
        <v>427752</v>
      </c>
      <c r="MM20" s="119">
        <v>234438</v>
      </c>
      <c r="MN20" s="119">
        <v>260572</v>
      </c>
      <c r="MO20" s="120">
        <v>922762</v>
      </c>
      <c r="MP20" s="143">
        <v>922762</v>
      </c>
      <c r="MQ20" s="142">
        <v>0</v>
      </c>
      <c r="MR20" s="119">
        <v>0</v>
      </c>
      <c r="MS20" s="120">
        <v>0</v>
      </c>
      <c r="MT20" s="145"/>
      <c r="MU20" s="119">
        <v>0</v>
      </c>
      <c r="MV20" s="119">
        <v>0</v>
      </c>
      <c r="MW20" s="119">
        <v>194571</v>
      </c>
      <c r="MX20" s="119">
        <v>0</v>
      </c>
      <c r="MY20" s="119">
        <v>260572</v>
      </c>
      <c r="MZ20" s="120">
        <v>455143</v>
      </c>
      <c r="NA20" s="143">
        <v>455143</v>
      </c>
      <c r="NB20" s="142">
        <v>0</v>
      </c>
      <c r="NC20" s="119">
        <v>0</v>
      </c>
      <c r="ND20" s="120">
        <v>0</v>
      </c>
      <c r="NE20" s="145"/>
      <c r="NF20" s="119">
        <v>0</v>
      </c>
      <c r="NG20" s="119">
        <v>0</v>
      </c>
      <c r="NH20" s="119">
        <v>233181</v>
      </c>
      <c r="NI20" s="119">
        <v>234438</v>
      </c>
      <c r="NJ20" s="119">
        <v>0</v>
      </c>
      <c r="NK20" s="120">
        <v>467619</v>
      </c>
      <c r="NL20" s="320">
        <v>467619</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55049</v>
      </c>
      <c r="OJ20" s="119">
        <v>124397</v>
      </c>
      <c r="OK20" s="141">
        <v>179446</v>
      </c>
      <c r="OL20" s="118">
        <v>0</v>
      </c>
      <c r="OM20" s="119">
        <v>1610400</v>
      </c>
      <c r="ON20" s="119">
        <v>1974727</v>
      </c>
      <c r="OO20" s="119">
        <v>1483960</v>
      </c>
      <c r="OP20" s="119">
        <v>1072949</v>
      </c>
      <c r="OQ20" s="119">
        <v>1727620</v>
      </c>
      <c r="OR20" s="120">
        <v>7869656</v>
      </c>
      <c r="OS20" s="143">
        <v>8049102</v>
      </c>
    </row>
    <row r="21" spans="2:409" ht="20.25" customHeight="1" x14ac:dyDescent="0.2">
      <c r="B21" s="126" t="s">
        <v>16</v>
      </c>
      <c r="C21" s="110">
        <v>235400</v>
      </c>
      <c r="D21" s="114">
        <v>535654</v>
      </c>
      <c r="E21" s="113">
        <v>771054</v>
      </c>
      <c r="F21" s="109">
        <v>0</v>
      </c>
      <c r="G21" s="114">
        <v>3154717</v>
      </c>
      <c r="H21" s="114">
        <v>5025955</v>
      </c>
      <c r="I21" s="114">
        <v>4203697</v>
      </c>
      <c r="J21" s="114">
        <v>3778255</v>
      </c>
      <c r="K21" s="114">
        <v>2102083</v>
      </c>
      <c r="L21" s="109">
        <v>18264707</v>
      </c>
      <c r="M21" s="116">
        <v>19035761</v>
      </c>
      <c r="N21" s="110">
        <v>31199</v>
      </c>
      <c r="O21" s="114">
        <v>67419</v>
      </c>
      <c r="P21" s="113">
        <v>98618</v>
      </c>
      <c r="Q21" s="110">
        <v>0</v>
      </c>
      <c r="R21" s="114">
        <v>632733</v>
      </c>
      <c r="S21" s="114">
        <v>1051759</v>
      </c>
      <c r="T21" s="114">
        <v>792176</v>
      </c>
      <c r="U21" s="114">
        <v>1043057</v>
      </c>
      <c r="V21" s="114">
        <v>641909</v>
      </c>
      <c r="W21" s="113">
        <v>4161634</v>
      </c>
      <c r="X21" s="116">
        <v>4260252</v>
      </c>
      <c r="Y21" s="110">
        <v>0</v>
      </c>
      <c r="Z21" s="114">
        <v>0</v>
      </c>
      <c r="AA21" s="113">
        <v>0</v>
      </c>
      <c r="AB21" s="110">
        <v>0</v>
      </c>
      <c r="AC21" s="114">
        <v>225729</v>
      </c>
      <c r="AD21" s="114">
        <v>438813</v>
      </c>
      <c r="AE21" s="114">
        <v>186853</v>
      </c>
      <c r="AF21" s="114">
        <v>504066</v>
      </c>
      <c r="AG21" s="114">
        <v>161286</v>
      </c>
      <c r="AH21" s="113">
        <v>1516747</v>
      </c>
      <c r="AI21" s="116">
        <v>1516747</v>
      </c>
      <c r="AJ21" s="110">
        <v>0</v>
      </c>
      <c r="AK21" s="114">
        <v>0</v>
      </c>
      <c r="AL21" s="113">
        <v>0</v>
      </c>
      <c r="AM21" s="110">
        <v>0</v>
      </c>
      <c r="AN21" s="114">
        <v>0</v>
      </c>
      <c r="AO21" s="114">
        <v>69029</v>
      </c>
      <c r="AP21" s="114">
        <v>19722</v>
      </c>
      <c r="AQ21" s="114">
        <v>0</v>
      </c>
      <c r="AR21" s="114">
        <v>200789</v>
      </c>
      <c r="AS21" s="113">
        <v>289540</v>
      </c>
      <c r="AT21" s="116">
        <v>289540</v>
      </c>
      <c r="AU21" s="110">
        <v>7490</v>
      </c>
      <c r="AV21" s="114">
        <v>52733</v>
      </c>
      <c r="AW21" s="113">
        <v>60223</v>
      </c>
      <c r="AX21" s="110">
        <v>0</v>
      </c>
      <c r="AY21" s="114">
        <v>142741</v>
      </c>
      <c r="AZ21" s="114">
        <v>445574</v>
      </c>
      <c r="BA21" s="114">
        <v>340637</v>
      </c>
      <c r="BB21" s="114">
        <v>277229</v>
      </c>
      <c r="BC21" s="114">
        <v>146736</v>
      </c>
      <c r="BD21" s="113">
        <v>1352917</v>
      </c>
      <c r="BE21" s="116">
        <v>1413140</v>
      </c>
      <c r="BF21" s="110">
        <v>0</v>
      </c>
      <c r="BG21" s="114">
        <v>0</v>
      </c>
      <c r="BH21" s="112">
        <v>0</v>
      </c>
      <c r="BI21" s="111">
        <v>0</v>
      </c>
      <c r="BJ21" s="114">
        <v>109794</v>
      </c>
      <c r="BK21" s="114">
        <v>0</v>
      </c>
      <c r="BL21" s="114">
        <v>62089</v>
      </c>
      <c r="BM21" s="114">
        <v>62213</v>
      </c>
      <c r="BN21" s="114">
        <v>0</v>
      </c>
      <c r="BO21" s="113">
        <v>234096</v>
      </c>
      <c r="BP21" s="116">
        <v>234096</v>
      </c>
      <c r="BQ21" s="110">
        <v>23709</v>
      </c>
      <c r="BR21" s="114">
        <v>14686</v>
      </c>
      <c r="BS21" s="113">
        <v>38395</v>
      </c>
      <c r="BT21" s="110">
        <v>0</v>
      </c>
      <c r="BU21" s="114">
        <v>154469</v>
      </c>
      <c r="BV21" s="114">
        <v>98343</v>
      </c>
      <c r="BW21" s="114">
        <v>182875</v>
      </c>
      <c r="BX21" s="114">
        <v>199549</v>
      </c>
      <c r="BY21" s="114">
        <v>133098</v>
      </c>
      <c r="BZ21" s="113">
        <v>768334</v>
      </c>
      <c r="CA21" s="116">
        <v>806729</v>
      </c>
      <c r="CB21" s="110">
        <v>54939</v>
      </c>
      <c r="CC21" s="114">
        <v>228763</v>
      </c>
      <c r="CD21" s="113">
        <v>283702</v>
      </c>
      <c r="CE21" s="110">
        <v>0</v>
      </c>
      <c r="CF21" s="114">
        <v>1005758</v>
      </c>
      <c r="CG21" s="114">
        <v>2060150</v>
      </c>
      <c r="CH21" s="114">
        <v>1433921</v>
      </c>
      <c r="CI21" s="114">
        <v>212794</v>
      </c>
      <c r="CJ21" s="114">
        <v>140429</v>
      </c>
      <c r="CK21" s="113">
        <v>4853052</v>
      </c>
      <c r="CL21" s="116">
        <v>5136754</v>
      </c>
      <c r="CM21" s="110">
        <v>0</v>
      </c>
      <c r="CN21" s="114">
        <v>0</v>
      </c>
      <c r="CO21" s="113">
        <v>0</v>
      </c>
      <c r="CP21" s="111">
        <v>0</v>
      </c>
      <c r="CQ21" s="114">
        <v>629146</v>
      </c>
      <c r="CR21" s="114">
        <v>1096603</v>
      </c>
      <c r="CS21" s="114">
        <v>892290</v>
      </c>
      <c r="CT21" s="114">
        <v>170421</v>
      </c>
      <c r="CU21" s="114">
        <v>57281</v>
      </c>
      <c r="CV21" s="113">
        <v>2845741</v>
      </c>
      <c r="CW21" s="116">
        <v>2845741</v>
      </c>
      <c r="CX21" s="110">
        <v>54939</v>
      </c>
      <c r="CY21" s="114">
        <v>228763</v>
      </c>
      <c r="CZ21" s="113">
        <v>283702</v>
      </c>
      <c r="DA21" s="110">
        <v>0</v>
      </c>
      <c r="DB21" s="114">
        <v>376612</v>
      </c>
      <c r="DC21" s="114">
        <v>963547</v>
      </c>
      <c r="DD21" s="114">
        <v>541631</v>
      </c>
      <c r="DE21" s="114">
        <v>42373</v>
      </c>
      <c r="DF21" s="114">
        <v>83148</v>
      </c>
      <c r="DG21" s="113">
        <v>2007311</v>
      </c>
      <c r="DH21" s="116">
        <v>2291013</v>
      </c>
      <c r="DI21" s="110">
        <v>0</v>
      </c>
      <c r="DJ21" s="114">
        <v>54425</v>
      </c>
      <c r="DK21" s="112">
        <v>54425</v>
      </c>
      <c r="DL21" s="111">
        <v>0</v>
      </c>
      <c r="DM21" s="114">
        <v>88434</v>
      </c>
      <c r="DN21" s="114">
        <v>51613</v>
      </c>
      <c r="DO21" s="114">
        <v>130481</v>
      </c>
      <c r="DP21" s="114">
        <v>0</v>
      </c>
      <c r="DQ21" s="114">
        <v>48157</v>
      </c>
      <c r="DR21" s="113">
        <v>318685</v>
      </c>
      <c r="DS21" s="116">
        <v>373110</v>
      </c>
      <c r="DT21" s="110">
        <v>0</v>
      </c>
      <c r="DU21" s="114">
        <v>54425</v>
      </c>
      <c r="DV21" s="113">
        <v>54425</v>
      </c>
      <c r="DW21" s="110">
        <v>0</v>
      </c>
      <c r="DX21" s="114">
        <v>67616</v>
      </c>
      <c r="DY21" s="114">
        <v>51613</v>
      </c>
      <c r="DZ21" s="114">
        <v>84015</v>
      </c>
      <c r="EA21" s="114">
        <v>0</v>
      </c>
      <c r="EB21" s="114">
        <v>48157</v>
      </c>
      <c r="EC21" s="113">
        <v>251401</v>
      </c>
      <c r="ED21" s="116">
        <v>305826</v>
      </c>
      <c r="EE21" s="110">
        <v>0</v>
      </c>
      <c r="EF21" s="112">
        <v>0</v>
      </c>
      <c r="EG21" s="113">
        <v>0</v>
      </c>
      <c r="EH21" s="110">
        <v>0</v>
      </c>
      <c r="EI21" s="114">
        <v>20818</v>
      </c>
      <c r="EJ21" s="114">
        <v>0</v>
      </c>
      <c r="EK21" s="114">
        <v>46466</v>
      </c>
      <c r="EL21" s="114">
        <v>0</v>
      </c>
      <c r="EM21" s="114">
        <v>0</v>
      </c>
      <c r="EN21" s="112">
        <v>67284</v>
      </c>
      <c r="EO21" s="116">
        <v>67284</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59206</v>
      </c>
      <c r="FM21" s="114">
        <v>101766</v>
      </c>
      <c r="FN21" s="113">
        <v>160972</v>
      </c>
      <c r="FO21" s="110">
        <v>0</v>
      </c>
      <c r="FP21" s="114">
        <v>83664</v>
      </c>
      <c r="FQ21" s="114">
        <v>452046</v>
      </c>
      <c r="FR21" s="114">
        <v>260323</v>
      </c>
      <c r="FS21" s="114">
        <v>152600</v>
      </c>
      <c r="FT21" s="114">
        <v>195391</v>
      </c>
      <c r="FU21" s="113">
        <v>1144024</v>
      </c>
      <c r="FV21" s="116">
        <v>1304996</v>
      </c>
      <c r="FW21" s="115">
        <v>59206</v>
      </c>
      <c r="FX21" s="114">
        <v>101766</v>
      </c>
      <c r="FY21" s="112">
        <v>160972</v>
      </c>
      <c r="FZ21" s="111">
        <v>0</v>
      </c>
      <c r="GA21" s="114">
        <v>72464</v>
      </c>
      <c r="GB21" s="114">
        <v>403046</v>
      </c>
      <c r="GC21" s="114">
        <v>236453</v>
      </c>
      <c r="GD21" s="114">
        <v>152600</v>
      </c>
      <c r="GE21" s="114">
        <v>195391</v>
      </c>
      <c r="GF21" s="113">
        <v>1059954</v>
      </c>
      <c r="GG21" s="318">
        <v>1220926</v>
      </c>
      <c r="GH21" s="115">
        <v>0</v>
      </c>
      <c r="GI21" s="114">
        <v>0</v>
      </c>
      <c r="GJ21" s="112">
        <v>0</v>
      </c>
      <c r="GK21" s="111">
        <v>0</v>
      </c>
      <c r="GL21" s="114">
        <v>11200</v>
      </c>
      <c r="GM21" s="114">
        <v>0</v>
      </c>
      <c r="GN21" s="114">
        <v>23870</v>
      </c>
      <c r="GO21" s="114">
        <v>0</v>
      </c>
      <c r="GP21" s="114">
        <v>0</v>
      </c>
      <c r="GQ21" s="113">
        <v>35070</v>
      </c>
      <c r="GR21" s="116">
        <v>35070</v>
      </c>
      <c r="GS21" s="110">
        <v>0</v>
      </c>
      <c r="GT21" s="114">
        <v>0</v>
      </c>
      <c r="GU21" s="113">
        <v>0</v>
      </c>
      <c r="GV21" s="110">
        <v>0</v>
      </c>
      <c r="GW21" s="114">
        <v>0</v>
      </c>
      <c r="GX21" s="114">
        <v>49000</v>
      </c>
      <c r="GY21" s="114">
        <v>0</v>
      </c>
      <c r="GZ21" s="114">
        <v>0</v>
      </c>
      <c r="HA21" s="114">
        <v>0</v>
      </c>
      <c r="HB21" s="112">
        <v>49000</v>
      </c>
      <c r="HC21" s="116">
        <v>49000</v>
      </c>
      <c r="HD21" s="110">
        <v>90056</v>
      </c>
      <c r="HE21" s="114">
        <v>83281</v>
      </c>
      <c r="HF21" s="112">
        <v>173337</v>
      </c>
      <c r="HG21" s="111">
        <v>0</v>
      </c>
      <c r="HH21" s="114">
        <v>1344128</v>
      </c>
      <c r="HI21" s="114">
        <v>1410387</v>
      </c>
      <c r="HJ21" s="114">
        <v>1586796</v>
      </c>
      <c r="HK21" s="114">
        <v>2369804</v>
      </c>
      <c r="HL21" s="114">
        <v>1076197</v>
      </c>
      <c r="HM21" s="113">
        <v>7787312</v>
      </c>
      <c r="HN21" s="109">
        <v>7960649</v>
      </c>
      <c r="HO21" s="328"/>
      <c r="HP21" s="329"/>
      <c r="HQ21" s="330"/>
      <c r="HR21" s="331"/>
      <c r="HS21" s="329"/>
      <c r="HT21" s="329"/>
      <c r="HU21" s="329"/>
      <c r="HV21" s="329"/>
      <c r="HW21" s="329"/>
      <c r="HX21" s="332"/>
      <c r="HY21" s="333"/>
      <c r="HZ21" s="131">
        <v>0</v>
      </c>
      <c r="IA21" s="132">
        <v>0</v>
      </c>
      <c r="IB21" s="133">
        <v>0</v>
      </c>
      <c r="IC21" s="146">
        <v>0</v>
      </c>
      <c r="ID21" s="132">
        <v>925212</v>
      </c>
      <c r="IE21" s="147">
        <v>252743</v>
      </c>
      <c r="IF21" s="133">
        <v>898186</v>
      </c>
      <c r="IG21" s="132">
        <v>459303</v>
      </c>
      <c r="IH21" s="133">
        <v>1116625</v>
      </c>
      <c r="II21" s="148">
        <v>3652069</v>
      </c>
      <c r="IJ21" s="139">
        <v>3652069</v>
      </c>
      <c r="IK21" s="232">
        <v>0</v>
      </c>
      <c r="IL21" s="236">
        <v>0</v>
      </c>
      <c r="IM21" s="237">
        <v>0</v>
      </c>
      <c r="IN21" s="140"/>
      <c r="IO21" s="119">
        <v>0</v>
      </c>
      <c r="IP21" s="119">
        <v>0</v>
      </c>
      <c r="IQ21" s="119">
        <v>156653</v>
      </c>
      <c r="IR21" s="119">
        <v>0</v>
      </c>
      <c r="IS21" s="119">
        <v>457377</v>
      </c>
      <c r="IT21" s="141">
        <v>614030</v>
      </c>
      <c r="IU21" s="320">
        <v>614030</v>
      </c>
      <c r="IV21" s="142">
        <v>0</v>
      </c>
      <c r="IW21" s="119">
        <v>0</v>
      </c>
      <c r="IX21" s="120">
        <v>0</v>
      </c>
      <c r="IY21" s="144"/>
      <c r="IZ21" s="119">
        <v>0</v>
      </c>
      <c r="JA21" s="119">
        <v>0</v>
      </c>
      <c r="JB21" s="119">
        <v>14062</v>
      </c>
      <c r="JC21" s="119">
        <v>0</v>
      </c>
      <c r="JD21" s="119">
        <v>0</v>
      </c>
      <c r="JE21" s="120">
        <v>14062</v>
      </c>
      <c r="JF21" s="121">
        <v>14062</v>
      </c>
      <c r="JG21" s="142">
        <v>0</v>
      </c>
      <c r="JH21" s="119">
        <v>0</v>
      </c>
      <c r="JI21" s="141">
        <v>0</v>
      </c>
      <c r="JJ21" s="118">
        <v>0</v>
      </c>
      <c r="JK21" s="119">
        <v>382361</v>
      </c>
      <c r="JL21" s="119">
        <v>207109</v>
      </c>
      <c r="JM21" s="119">
        <v>225234</v>
      </c>
      <c r="JN21" s="119">
        <v>18928</v>
      </c>
      <c r="JO21" s="119">
        <v>49653</v>
      </c>
      <c r="JP21" s="120">
        <v>883285</v>
      </c>
      <c r="JQ21" s="320">
        <v>883285</v>
      </c>
      <c r="JR21" s="142">
        <v>0</v>
      </c>
      <c r="JS21" s="119">
        <v>0</v>
      </c>
      <c r="JT21" s="141">
        <v>0</v>
      </c>
      <c r="JU21" s="118">
        <v>0</v>
      </c>
      <c r="JV21" s="119">
        <v>100134</v>
      </c>
      <c r="JW21" s="119">
        <v>45634</v>
      </c>
      <c r="JX21" s="119">
        <v>60769</v>
      </c>
      <c r="JY21" s="119">
        <v>0</v>
      </c>
      <c r="JZ21" s="119">
        <v>0</v>
      </c>
      <c r="KA21" s="120">
        <v>206537</v>
      </c>
      <c r="KB21" s="320">
        <v>206537</v>
      </c>
      <c r="KC21" s="234">
        <v>0</v>
      </c>
      <c r="KD21" s="230">
        <v>0</v>
      </c>
      <c r="KE21" s="120">
        <v>0</v>
      </c>
      <c r="KF21" s="118">
        <v>0</v>
      </c>
      <c r="KG21" s="119">
        <v>44303</v>
      </c>
      <c r="KH21" s="119">
        <v>0</v>
      </c>
      <c r="KI21" s="119">
        <v>0</v>
      </c>
      <c r="KJ21" s="119">
        <v>0</v>
      </c>
      <c r="KK21" s="119">
        <v>247213</v>
      </c>
      <c r="KL21" s="120">
        <v>291516</v>
      </c>
      <c r="KM21" s="143">
        <v>291516</v>
      </c>
      <c r="KN21" s="232">
        <v>0</v>
      </c>
      <c r="KO21" s="236">
        <v>0</v>
      </c>
      <c r="KP21" s="237">
        <v>0</v>
      </c>
      <c r="KQ21" s="140"/>
      <c r="KR21" s="119">
        <v>398414</v>
      </c>
      <c r="KS21" s="119">
        <v>0</v>
      </c>
      <c r="KT21" s="119">
        <v>441468</v>
      </c>
      <c r="KU21" s="119">
        <v>440375</v>
      </c>
      <c r="KV21" s="119">
        <v>223721</v>
      </c>
      <c r="KW21" s="120">
        <v>1503978</v>
      </c>
      <c r="KX21" s="320">
        <v>1503978</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0</v>
      </c>
      <c r="MA21" s="119">
        <v>0</v>
      </c>
      <c r="MB21" s="119">
        <v>0</v>
      </c>
      <c r="MC21" s="119">
        <v>138661</v>
      </c>
      <c r="MD21" s="120">
        <v>138661</v>
      </c>
      <c r="ME21" s="121">
        <v>138661</v>
      </c>
      <c r="MF21" s="142">
        <v>0</v>
      </c>
      <c r="MG21" s="119">
        <v>0</v>
      </c>
      <c r="MH21" s="120">
        <v>0</v>
      </c>
      <c r="MI21" s="145"/>
      <c r="MJ21" s="119">
        <v>649472</v>
      </c>
      <c r="MK21" s="119">
        <v>425989</v>
      </c>
      <c r="ML21" s="119">
        <v>2153929</v>
      </c>
      <c r="MM21" s="119">
        <v>4343256</v>
      </c>
      <c r="MN21" s="119">
        <v>1954066</v>
      </c>
      <c r="MO21" s="120">
        <v>9526712</v>
      </c>
      <c r="MP21" s="143">
        <v>9526712</v>
      </c>
      <c r="MQ21" s="142">
        <v>0</v>
      </c>
      <c r="MR21" s="119">
        <v>0</v>
      </c>
      <c r="MS21" s="120">
        <v>0</v>
      </c>
      <c r="MT21" s="145"/>
      <c r="MU21" s="119">
        <v>0</v>
      </c>
      <c r="MV21" s="119">
        <v>0</v>
      </c>
      <c r="MW21" s="119">
        <v>1411748</v>
      </c>
      <c r="MX21" s="119">
        <v>1578303</v>
      </c>
      <c r="MY21" s="119">
        <v>976020</v>
      </c>
      <c r="MZ21" s="120">
        <v>3966071</v>
      </c>
      <c r="NA21" s="143">
        <v>3966071</v>
      </c>
      <c r="NB21" s="142">
        <v>0</v>
      </c>
      <c r="NC21" s="119">
        <v>0</v>
      </c>
      <c r="ND21" s="120">
        <v>0</v>
      </c>
      <c r="NE21" s="145"/>
      <c r="NF21" s="119">
        <v>649472</v>
      </c>
      <c r="NG21" s="119">
        <v>425989</v>
      </c>
      <c r="NH21" s="119">
        <v>742181</v>
      </c>
      <c r="NI21" s="119">
        <v>2106113</v>
      </c>
      <c r="NJ21" s="119">
        <v>978046</v>
      </c>
      <c r="NK21" s="120">
        <v>4901801</v>
      </c>
      <c r="NL21" s="320">
        <v>4901801</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658840</v>
      </c>
      <c r="OF21" s="119">
        <v>0</v>
      </c>
      <c r="OG21" s="120">
        <v>658840</v>
      </c>
      <c r="OH21" s="121">
        <v>658840</v>
      </c>
      <c r="OI21" s="142">
        <v>235400</v>
      </c>
      <c r="OJ21" s="119">
        <v>535654</v>
      </c>
      <c r="OK21" s="141">
        <v>771054</v>
      </c>
      <c r="OL21" s="118">
        <v>0</v>
      </c>
      <c r="OM21" s="119">
        <v>4729401</v>
      </c>
      <c r="ON21" s="119">
        <v>5704687</v>
      </c>
      <c r="OO21" s="119">
        <v>7255812</v>
      </c>
      <c r="OP21" s="119">
        <v>8580814</v>
      </c>
      <c r="OQ21" s="119">
        <v>5172774</v>
      </c>
      <c r="OR21" s="120">
        <v>31443488</v>
      </c>
      <c r="OS21" s="143">
        <v>32214542</v>
      </c>
    </row>
    <row r="22" spans="2:409" ht="20.25" customHeight="1" x14ac:dyDescent="0.2">
      <c r="B22" s="126" t="s">
        <v>17</v>
      </c>
      <c r="C22" s="110">
        <v>530880</v>
      </c>
      <c r="D22" s="114">
        <v>853116</v>
      </c>
      <c r="E22" s="113">
        <v>1383996</v>
      </c>
      <c r="F22" s="109">
        <v>0</v>
      </c>
      <c r="G22" s="114">
        <v>3967439</v>
      </c>
      <c r="H22" s="114">
        <v>5191545</v>
      </c>
      <c r="I22" s="114">
        <v>5275616</v>
      </c>
      <c r="J22" s="114">
        <v>5176749</v>
      </c>
      <c r="K22" s="114">
        <v>4391723</v>
      </c>
      <c r="L22" s="109">
        <v>24003072</v>
      </c>
      <c r="M22" s="116">
        <v>25387068</v>
      </c>
      <c r="N22" s="110">
        <v>121819</v>
      </c>
      <c r="O22" s="114">
        <v>255699</v>
      </c>
      <c r="P22" s="113">
        <v>377518</v>
      </c>
      <c r="Q22" s="110">
        <v>0</v>
      </c>
      <c r="R22" s="114">
        <v>846470</v>
      </c>
      <c r="S22" s="114">
        <v>1192038</v>
      </c>
      <c r="T22" s="114">
        <v>1523213</v>
      </c>
      <c r="U22" s="114">
        <v>750371</v>
      </c>
      <c r="V22" s="114">
        <v>1922490</v>
      </c>
      <c r="W22" s="113">
        <v>6234582</v>
      </c>
      <c r="X22" s="116">
        <v>6612100</v>
      </c>
      <c r="Y22" s="110">
        <v>0</v>
      </c>
      <c r="Z22" s="114">
        <v>0</v>
      </c>
      <c r="AA22" s="113">
        <v>0</v>
      </c>
      <c r="AB22" s="110">
        <v>0</v>
      </c>
      <c r="AC22" s="114">
        <v>189039</v>
      </c>
      <c r="AD22" s="114">
        <v>378209</v>
      </c>
      <c r="AE22" s="114">
        <v>717567</v>
      </c>
      <c r="AF22" s="114">
        <v>208634</v>
      </c>
      <c r="AG22" s="114">
        <v>986326</v>
      </c>
      <c r="AH22" s="113">
        <v>2479775</v>
      </c>
      <c r="AI22" s="116">
        <v>2479775</v>
      </c>
      <c r="AJ22" s="110">
        <v>0</v>
      </c>
      <c r="AK22" s="114">
        <v>0</v>
      </c>
      <c r="AL22" s="113">
        <v>0</v>
      </c>
      <c r="AM22" s="110">
        <v>0</v>
      </c>
      <c r="AN22" s="114">
        <v>85158</v>
      </c>
      <c r="AO22" s="114">
        <v>0</v>
      </c>
      <c r="AP22" s="114">
        <v>51059</v>
      </c>
      <c r="AQ22" s="114">
        <v>50573</v>
      </c>
      <c r="AR22" s="114">
        <v>174074</v>
      </c>
      <c r="AS22" s="113">
        <v>360864</v>
      </c>
      <c r="AT22" s="116">
        <v>360864</v>
      </c>
      <c r="AU22" s="110">
        <v>74975</v>
      </c>
      <c r="AV22" s="114">
        <v>185657</v>
      </c>
      <c r="AW22" s="113">
        <v>260632</v>
      </c>
      <c r="AX22" s="110">
        <v>0</v>
      </c>
      <c r="AY22" s="114">
        <v>429893</v>
      </c>
      <c r="AZ22" s="114">
        <v>562381</v>
      </c>
      <c r="BA22" s="114">
        <v>481630</v>
      </c>
      <c r="BB22" s="114">
        <v>131328</v>
      </c>
      <c r="BC22" s="114">
        <v>536144</v>
      </c>
      <c r="BD22" s="113">
        <v>2141376</v>
      </c>
      <c r="BE22" s="116">
        <v>2402008</v>
      </c>
      <c r="BF22" s="110">
        <v>0</v>
      </c>
      <c r="BG22" s="114">
        <v>0</v>
      </c>
      <c r="BH22" s="112">
        <v>0</v>
      </c>
      <c r="BI22" s="111">
        <v>0</v>
      </c>
      <c r="BJ22" s="114">
        <v>0</v>
      </c>
      <c r="BK22" s="114">
        <v>18684</v>
      </c>
      <c r="BL22" s="114">
        <v>7006</v>
      </c>
      <c r="BM22" s="114">
        <v>63904</v>
      </c>
      <c r="BN22" s="114">
        <v>0</v>
      </c>
      <c r="BO22" s="113">
        <v>89594</v>
      </c>
      <c r="BP22" s="116">
        <v>89594</v>
      </c>
      <c r="BQ22" s="110">
        <v>46844</v>
      </c>
      <c r="BR22" s="114">
        <v>70042</v>
      </c>
      <c r="BS22" s="113">
        <v>116886</v>
      </c>
      <c r="BT22" s="110">
        <v>0</v>
      </c>
      <c r="BU22" s="114">
        <v>142380</v>
      </c>
      <c r="BV22" s="114">
        <v>232764</v>
      </c>
      <c r="BW22" s="114">
        <v>265951</v>
      </c>
      <c r="BX22" s="114">
        <v>295932</v>
      </c>
      <c r="BY22" s="114">
        <v>225946</v>
      </c>
      <c r="BZ22" s="113">
        <v>1162973</v>
      </c>
      <c r="CA22" s="116">
        <v>1279859</v>
      </c>
      <c r="CB22" s="110">
        <v>73683</v>
      </c>
      <c r="CC22" s="114">
        <v>133165</v>
      </c>
      <c r="CD22" s="113">
        <v>206848</v>
      </c>
      <c r="CE22" s="110">
        <v>0</v>
      </c>
      <c r="CF22" s="114">
        <v>1375421</v>
      </c>
      <c r="CG22" s="114">
        <v>2449181</v>
      </c>
      <c r="CH22" s="114">
        <v>998693</v>
      </c>
      <c r="CI22" s="114">
        <v>1039512</v>
      </c>
      <c r="CJ22" s="114">
        <v>216039</v>
      </c>
      <c r="CK22" s="113">
        <v>6078846</v>
      </c>
      <c r="CL22" s="116">
        <v>6285694</v>
      </c>
      <c r="CM22" s="110">
        <v>0</v>
      </c>
      <c r="CN22" s="114">
        <v>0</v>
      </c>
      <c r="CO22" s="113">
        <v>0</v>
      </c>
      <c r="CP22" s="111">
        <v>0</v>
      </c>
      <c r="CQ22" s="114">
        <v>1188651</v>
      </c>
      <c r="CR22" s="114">
        <v>1921619</v>
      </c>
      <c r="CS22" s="114">
        <v>632036</v>
      </c>
      <c r="CT22" s="114">
        <v>765055</v>
      </c>
      <c r="CU22" s="114">
        <v>216039</v>
      </c>
      <c r="CV22" s="113">
        <v>4723400</v>
      </c>
      <c r="CW22" s="116">
        <v>4723400</v>
      </c>
      <c r="CX22" s="110">
        <v>73683</v>
      </c>
      <c r="CY22" s="114">
        <v>133165</v>
      </c>
      <c r="CZ22" s="113">
        <v>206848</v>
      </c>
      <c r="DA22" s="110">
        <v>0</v>
      </c>
      <c r="DB22" s="114">
        <v>186770</v>
      </c>
      <c r="DC22" s="114">
        <v>527562</v>
      </c>
      <c r="DD22" s="114">
        <v>366657</v>
      </c>
      <c r="DE22" s="114">
        <v>274457</v>
      </c>
      <c r="DF22" s="114">
        <v>0</v>
      </c>
      <c r="DG22" s="113">
        <v>1355446</v>
      </c>
      <c r="DH22" s="116">
        <v>1562294</v>
      </c>
      <c r="DI22" s="110">
        <v>0</v>
      </c>
      <c r="DJ22" s="114">
        <v>11252</v>
      </c>
      <c r="DK22" s="112">
        <v>11252</v>
      </c>
      <c r="DL22" s="111">
        <v>0</v>
      </c>
      <c r="DM22" s="114">
        <v>146784</v>
      </c>
      <c r="DN22" s="114">
        <v>273978</v>
      </c>
      <c r="DO22" s="114">
        <v>765445</v>
      </c>
      <c r="DP22" s="114">
        <v>633767</v>
      </c>
      <c r="DQ22" s="114">
        <v>266159</v>
      </c>
      <c r="DR22" s="113">
        <v>2086133</v>
      </c>
      <c r="DS22" s="116">
        <v>2097385</v>
      </c>
      <c r="DT22" s="110">
        <v>0</v>
      </c>
      <c r="DU22" s="114">
        <v>11252</v>
      </c>
      <c r="DV22" s="113">
        <v>11252</v>
      </c>
      <c r="DW22" s="110">
        <v>0</v>
      </c>
      <c r="DX22" s="114">
        <v>109548</v>
      </c>
      <c r="DY22" s="114">
        <v>273978</v>
      </c>
      <c r="DZ22" s="114">
        <v>765445</v>
      </c>
      <c r="EA22" s="114">
        <v>607096</v>
      </c>
      <c r="EB22" s="114">
        <v>266159</v>
      </c>
      <c r="EC22" s="113">
        <v>2022226</v>
      </c>
      <c r="ED22" s="116">
        <v>2033478</v>
      </c>
      <c r="EE22" s="110">
        <v>0</v>
      </c>
      <c r="EF22" s="112">
        <v>0</v>
      </c>
      <c r="EG22" s="113">
        <v>0</v>
      </c>
      <c r="EH22" s="110">
        <v>0</v>
      </c>
      <c r="EI22" s="114">
        <v>37236</v>
      </c>
      <c r="EJ22" s="114">
        <v>0</v>
      </c>
      <c r="EK22" s="114">
        <v>0</v>
      </c>
      <c r="EL22" s="114">
        <v>26671</v>
      </c>
      <c r="EM22" s="114">
        <v>0</v>
      </c>
      <c r="EN22" s="112">
        <v>63907</v>
      </c>
      <c r="EO22" s="116">
        <v>63907</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65688</v>
      </c>
      <c r="FM22" s="114">
        <v>215397</v>
      </c>
      <c r="FN22" s="113">
        <v>281085</v>
      </c>
      <c r="FO22" s="110">
        <v>0</v>
      </c>
      <c r="FP22" s="114">
        <v>476917</v>
      </c>
      <c r="FQ22" s="114">
        <v>656418</v>
      </c>
      <c r="FR22" s="114">
        <v>469574</v>
      </c>
      <c r="FS22" s="114">
        <v>418670</v>
      </c>
      <c r="FT22" s="114">
        <v>365029</v>
      </c>
      <c r="FU22" s="113">
        <v>2386608</v>
      </c>
      <c r="FV22" s="116">
        <v>2667693</v>
      </c>
      <c r="FW22" s="115">
        <v>52388</v>
      </c>
      <c r="FX22" s="114">
        <v>106057</v>
      </c>
      <c r="FY22" s="112">
        <v>158445</v>
      </c>
      <c r="FZ22" s="111">
        <v>0</v>
      </c>
      <c r="GA22" s="114">
        <v>132251</v>
      </c>
      <c r="GB22" s="114">
        <v>517118</v>
      </c>
      <c r="GC22" s="114">
        <v>469574</v>
      </c>
      <c r="GD22" s="114">
        <v>418670</v>
      </c>
      <c r="GE22" s="114">
        <v>365029</v>
      </c>
      <c r="GF22" s="113">
        <v>1902642</v>
      </c>
      <c r="GG22" s="318">
        <v>2061087</v>
      </c>
      <c r="GH22" s="115">
        <v>13300</v>
      </c>
      <c r="GI22" s="114">
        <v>0</v>
      </c>
      <c r="GJ22" s="112">
        <v>13300</v>
      </c>
      <c r="GK22" s="111">
        <v>0</v>
      </c>
      <c r="GL22" s="114">
        <v>64666</v>
      </c>
      <c r="GM22" s="114">
        <v>70000</v>
      </c>
      <c r="GN22" s="114">
        <v>0</v>
      </c>
      <c r="GO22" s="114">
        <v>0</v>
      </c>
      <c r="GP22" s="114">
        <v>0</v>
      </c>
      <c r="GQ22" s="113">
        <v>134666</v>
      </c>
      <c r="GR22" s="116">
        <v>147966</v>
      </c>
      <c r="GS22" s="110">
        <v>0</v>
      </c>
      <c r="GT22" s="114">
        <v>109340</v>
      </c>
      <c r="GU22" s="113">
        <v>109340</v>
      </c>
      <c r="GV22" s="110">
        <v>0</v>
      </c>
      <c r="GW22" s="114">
        <v>280000</v>
      </c>
      <c r="GX22" s="114">
        <v>69300</v>
      </c>
      <c r="GY22" s="114">
        <v>0</v>
      </c>
      <c r="GZ22" s="114">
        <v>0</v>
      </c>
      <c r="HA22" s="114">
        <v>0</v>
      </c>
      <c r="HB22" s="112">
        <v>349300</v>
      </c>
      <c r="HC22" s="116">
        <v>458640</v>
      </c>
      <c r="HD22" s="110">
        <v>269690</v>
      </c>
      <c r="HE22" s="114">
        <v>237603</v>
      </c>
      <c r="HF22" s="112">
        <v>507293</v>
      </c>
      <c r="HG22" s="111">
        <v>0</v>
      </c>
      <c r="HH22" s="114">
        <v>1121847</v>
      </c>
      <c r="HI22" s="114">
        <v>619930</v>
      </c>
      <c r="HJ22" s="114">
        <v>1518691</v>
      </c>
      <c r="HK22" s="114">
        <v>2334429</v>
      </c>
      <c r="HL22" s="114">
        <v>1622006</v>
      </c>
      <c r="HM22" s="113">
        <v>7216903</v>
      </c>
      <c r="HN22" s="109">
        <v>7724196</v>
      </c>
      <c r="HO22" s="328"/>
      <c r="HP22" s="329"/>
      <c r="HQ22" s="330"/>
      <c r="HR22" s="331"/>
      <c r="HS22" s="329"/>
      <c r="HT22" s="329"/>
      <c r="HU22" s="329"/>
      <c r="HV22" s="329"/>
      <c r="HW22" s="329"/>
      <c r="HX22" s="332"/>
      <c r="HY22" s="333"/>
      <c r="HZ22" s="150">
        <v>0</v>
      </c>
      <c r="IA22" s="135">
        <v>0</v>
      </c>
      <c r="IB22" s="150">
        <v>0</v>
      </c>
      <c r="IC22" s="134">
        <v>0</v>
      </c>
      <c r="ID22" s="135">
        <v>773185</v>
      </c>
      <c r="IE22" s="136">
        <v>1478125</v>
      </c>
      <c r="IF22" s="137">
        <v>1599057</v>
      </c>
      <c r="IG22" s="135">
        <v>1726552</v>
      </c>
      <c r="IH22" s="137">
        <v>1322593</v>
      </c>
      <c r="II22" s="138">
        <v>6899512</v>
      </c>
      <c r="IJ22" s="150">
        <v>6899512</v>
      </c>
      <c r="IK22" s="232">
        <v>0</v>
      </c>
      <c r="IL22" s="236">
        <v>0</v>
      </c>
      <c r="IM22" s="237">
        <v>0</v>
      </c>
      <c r="IN22" s="140"/>
      <c r="IO22" s="119">
        <v>0</v>
      </c>
      <c r="IP22" s="119">
        <v>0</v>
      </c>
      <c r="IQ22" s="119">
        <v>0</v>
      </c>
      <c r="IR22" s="119">
        <v>0</v>
      </c>
      <c r="IS22" s="119">
        <v>0</v>
      </c>
      <c r="IT22" s="141">
        <v>0</v>
      </c>
      <c r="IU22" s="320">
        <v>0</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251456</v>
      </c>
      <c r="JL22" s="119">
        <v>614297</v>
      </c>
      <c r="JM22" s="119">
        <v>488936</v>
      </c>
      <c r="JN22" s="119">
        <v>302413</v>
      </c>
      <c r="JO22" s="119">
        <v>106109</v>
      </c>
      <c r="JP22" s="120">
        <v>1763211</v>
      </c>
      <c r="JQ22" s="320">
        <v>1763211</v>
      </c>
      <c r="JR22" s="142">
        <v>0</v>
      </c>
      <c r="JS22" s="119">
        <v>0</v>
      </c>
      <c r="JT22" s="141">
        <v>0</v>
      </c>
      <c r="JU22" s="118">
        <v>0</v>
      </c>
      <c r="JV22" s="119">
        <v>0</v>
      </c>
      <c r="JW22" s="119">
        <v>0</v>
      </c>
      <c r="JX22" s="119">
        <v>0</v>
      </c>
      <c r="JY22" s="119">
        <v>0</v>
      </c>
      <c r="JZ22" s="119">
        <v>0</v>
      </c>
      <c r="KA22" s="120">
        <v>0</v>
      </c>
      <c r="KB22" s="320">
        <v>0</v>
      </c>
      <c r="KC22" s="234">
        <v>0</v>
      </c>
      <c r="KD22" s="230">
        <v>0</v>
      </c>
      <c r="KE22" s="120">
        <v>0</v>
      </c>
      <c r="KF22" s="118">
        <v>0</v>
      </c>
      <c r="KG22" s="119">
        <v>111078</v>
      </c>
      <c r="KH22" s="119">
        <v>0</v>
      </c>
      <c r="KI22" s="119">
        <v>220233</v>
      </c>
      <c r="KJ22" s="119">
        <v>285532</v>
      </c>
      <c r="KK22" s="119">
        <v>256498</v>
      </c>
      <c r="KL22" s="120">
        <v>873341</v>
      </c>
      <c r="KM22" s="143">
        <v>873341</v>
      </c>
      <c r="KN22" s="232">
        <v>0</v>
      </c>
      <c r="KO22" s="236">
        <v>0</v>
      </c>
      <c r="KP22" s="237">
        <v>0</v>
      </c>
      <c r="KQ22" s="140"/>
      <c r="KR22" s="119">
        <v>410651</v>
      </c>
      <c r="KS22" s="119">
        <v>863828</v>
      </c>
      <c r="KT22" s="119">
        <v>677749</v>
      </c>
      <c r="KU22" s="119">
        <v>908695</v>
      </c>
      <c r="KV22" s="119">
        <v>465632</v>
      </c>
      <c r="KW22" s="120">
        <v>3326555</v>
      </c>
      <c r="KX22" s="320">
        <v>3326555</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212139</v>
      </c>
      <c r="LQ22" s="119">
        <v>229912</v>
      </c>
      <c r="LR22" s="119">
        <v>494354</v>
      </c>
      <c r="LS22" s="120">
        <v>936405</v>
      </c>
      <c r="LT22" s="320">
        <v>936405</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646923</v>
      </c>
      <c r="MK22" s="119">
        <v>1844678</v>
      </c>
      <c r="ML22" s="119">
        <v>3378707</v>
      </c>
      <c r="MM22" s="119">
        <v>2895519</v>
      </c>
      <c r="MN22" s="119">
        <v>2096135</v>
      </c>
      <c r="MO22" s="120">
        <v>10861962</v>
      </c>
      <c r="MP22" s="143">
        <v>10861962</v>
      </c>
      <c r="MQ22" s="142">
        <v>0</v>
      </c>
      <c r="MR22" s="119">
        <v>0</v>
      </c>
      <c r="MS22" s="120">
        <v>0</v>
      </c>
      <c r="MT22" s="145"/>
      <c r="MU22" s="119">
        <v>192757</v>
      </c>
      <c r="MV22" s="119">
        <v>209446</v>
      </c>
      <c r="MW22" s="119">
        <v>1702837</v>
      </c>
      <c r="MX22" s="119">
        <v>1130095</v>
      </c>
      <c r="MY22" s="119">
        <v>1236032</v>
      </c>
      <c r="MZ22" s="120">
        <v>4471167</v>
      </c>
      <c r="NA22" s="143">
        <v>4471167</v>
      </c>
      <c r="NB22" s="142">
        <v>0</v>
      </c>
      <c r="NC22" s="119">
        <v>0</v>
      </c>
      <c r="ND22" s="120">
        <v>0</v>
      </c>
      <c r="NE22" s="145"/>
      <c r="NF22" s="119">
        <v>454166</v>
      </c>
      <c r="NG22" s="119">
        <v>1635232</v>
      </c>
      <c r="NH22" s="119">
        <v>1675870</v>
      </c>
      <c r="NI22" s="119">
        <v>1765424</v>
      </c>
      <c r="NJ22" s="119">
        <v>860103</v>
      </c>
      <c r="NK22" s="120">
        <v>6390795</v>
      </c>
      <c r="NL22" s="320">
        <v>6390795</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530880</v>
      </c>
      <c r="OJ22" s="119">
        <v>853116</v>
      </c>
      <c r="OK22" s="141">
        <v>1383996</v>
      </c>
      <c r="OL22" s="118">
        <v>0</v>
      </c>
      <c r="OM22" s="119">
        <v>5387547</v>
      </c>
      <c r="ON22" s="119">
        <v>8514348</v>
      </c>
      <c r="OO22" s="119">
        <v>10253380</v>
      </c>
      <c r="OP22" s="119">
        <v>9798820</v>
      </c>
      <c r="OQ22" s="119">
        <v>7810451</v>
      </c>
      <c r="OR22" s="120">
        <v>41764546</v>
      </c>
      <c r="OS22" s="143">
        <v>43148542</v>
      </c>
    </row>
    <row r="23" spans="2:409" ht="20.25" customHeight="1" x14ac:dyDescent="0.2">
      <c r="B23" s="126" t="s">
        <v>18</v>
      </c>
      <c r="C23" s="110">
        <v>592283</v>
      </c>
      <c r="D23" s="114">
        <v>581449</v>
      </c>
      <c r="E23" s="113">
        <v>1173732</v>
      </c>
      <c r="F23" s="109">
        <v>0</v>
      </c>
      <c r="G23" s="114">
        <v>5560963</v>
      </c>
      <c r="H23" s="114">
        <v>8481017</v>
      </c>
      <c r="I23" s="114">
        <v>5768761</v>
      </c>
      <c r="J23" s="114">
        <v>7295177</v>
      </c>
      <c r="K23" s="114">
        <v>6132595</v>
      </c>
      <c r="L23" s="109">
        <v>33238513</v>
      </c>
      <c r="M23" s="116">
        <v>34412245</v>
      </c>
      <c r="N23" s="110">
        <v>225935</v>
      </c>
      <c r="O23" s="114">
        <v>280015</v>
      </c>
      <c r="P23" s="113">
        <v>505950</v>
      </c>
      <c r="Q23" s="110">
        <v>0</v>
      </c>
      <c r="R23" s="114">
        <v>1501756</v>
      </c>
      <c r="S23" s="114">
        <v>2713169</v>
      </c>
      <c r="T23" s="114">
        <v>2026760</v>
      </c>
      <c r="U23" s="114">
        <v>2892708</v>
      </c>
      <c r="V23" s="114">
        <v>2318959</v>
      </c>
      <c r="W23" s="113">
        <v>11453352</v>
      </c>
      <c r="X23" s="116">
        <v>11959302</v>
      </c>
      <c r="Y23" s="110">
        <v>0</v>
      </c>
      <c r="Z23" s="114">
        <v>0</v>
      </c>
      <c r="AA23" s="113">
        <v>0</v>
      </c>
      <c r="AB23" s="110">
        <v>0</v>
      </c>
      <c r="AC23" s="114">
        <v>663469</v>
      </c>
      <c r="AD23" s="114">
        <v>1172050</v>
      </c>
      <c r="AE23" s="114">
        <v>1093211</v>
      </c>
      <c r="AF23" s="114">
        <v>1996464</v>
      </c>
      <c r="AG23" s="114">
        <v>1152194</v>
      </c>
      <c r="AH23" s="113">
        <v>6077388</v>
      </c>
      <c r="AI23" s="116">
        <v>6077388</v>
      </c>
      <c r="AJ23" s="110">
        <v>0</v>
      </c>
      <c r="AK23" s="114">
        <v>0</v>
      </c>
      <c r="AL23" s="113">
        <v>0</v>
      </c>
      <c r="AM23" s="110">
        <v>0</v>
      </c>
      <c r="AN23" s="114">
        <v>0</v>
      </c>
      <c r="AO23" s="114">
        <v>20252</v>
      </c>
      <c r="AP23" s="114">
        <v>89856</v>
      </c>
      <c r="AQ23" s="114">
        <v>174324</v>
      </c>
      <c r="AR23" s="114">
        <v>134939</v>
      </c>
      <c r="AS23" s="113">
        <v>419371</v>
      </c>
      <c r="AT23" s="116">
        <v>419371</v>
      </c>
      <c r="AU23" s="110">
        <v>152026</v>
      </c>
      <c r="AV23" s="114">
        <v>246870</v>
      </c>
      <c r="AW23" s="113">
        <v>398896</v>
      </c>
      <c r="AX23" s="110">
        <v>0</v>
      </c>
      <c r="AY23" s="114">
        <v>447331</v>
      </c>
      <c r="AZ23" s="114">
        <v>959348</v>
      </c>
      <c r="BA23" s="114">
        <v>461644</v>
      </c>
      <c r="BB23" s="114">
        <v>461779</v>
      </c>
      <c r="BC23" s="114">
        <v>651873</v>
      </c>
      <c r="BD23" s="113">
        <v>2981975</v>
      </c>
      <c r="BE23" s="116">
        <v>3380871</v>
      </c>
      <c r="BF23" s="110">
        <v>27737</v>
      </c>
      <c r="BG23" s="114">
        <v>0</v>
      </c>
      <c r="BH23" s="112">
        <v>27737</v>
      </c>
      <c r="BI23" s="111">
        <v>0</v>
      </c>
      <c r="BJ23" s="114">
        <v>111089</v>
      </c>
      <c r="BK23" s="114">
        <v>172767</v>
      </c>
      <c r="BL23" s="114">
        <v>105094</v>
      </c>
      <c r="BM23" s="114">
        <v>170654</v>
      </c>
      <c r="BN23" s="114">
        <v>0</v>
      </c>
      <c r="BO23" s="113">
        <v>559604</v>
      </c>
      <c r="BP23" s="116">
        <v>587341</v>
      </c>
      <c r="BQ23" s="110">
        <v>46172</v>
      </c>
      <c r="BR23" s="114">
        <v>33145</v>
      </c>
      <c r="BS23" s="113">
        <v>79317</v>
      </c>
      <c r="BT23" s="110">
        <v>0</v>
      </c>
      <c r="BU23" s="114">
        <v>279867</v>
      </c>
      <c r="BV23" s="114">
        <v>388752</v>
      </c>
      <c r="BW23" s="114">
        <v>276955</v>
      </c>
      <c r="BX23" s="114">
        <v>89487</v>
      </c>
      <c r="BY23" s="114">
        <v>379953</v>
      </c>
      <c r="BZ23" s="113">
        <v>1415014</v>
      </c>
      <c r="CA23" s="116">
        <v>1494331</v>
      </c>
      <c r="CB23" s="110">
        <v>104506</v>
      </c>
      <c r="CC23" s="114">
        <v>137179</v>
      </c>
      <c r="CD23" s="113">
        <v>241685</v>
      </c>
      <c r="CE23" s="110">
        <v>0</v>
      </c>
      <c r="CF23" s="114">
        <v>1679797</v>
      </c>
      <c r="CG23" s="114">
        <v>2852817</v>
      </c>
      <c r="CH23" s="114">
        <v>1166321</v>
      </c>
      <c r="CI23" s="114">
        <v>1363640</v>
      </c>
      <c r="CJ23" s="114">
        <v>642026</v>
      </c>
      <c r="CK23" s="113">
        <v>7704601</v>
      </c>
      <c r="CL23" s="116">
        <v>7946286</v>
      </c>
      <c r="CM23" s="110">
        <v>0</v>
      </c>
      <c r="CN23" s="114">
        <v>0</v>
      </c>
      <c r="CO23" s="113">
        <v>0</v>
      </c>
      <c r="CP23" s="111">
        <v>0</v>
      </c>
      <c r="CQ23" s="114">
        <v>1373308</v>
      </c>
      <c r="CR23" s="114">
        <v>2366318</v>
      </c>
      <c r="CS23" s="114">
        <v>807727</v>
      </c>
      <c r="CT23" s="114">
        <v>934605</v>
      </c>
      <c r="CU23" s="114">
        <v>493936</v>
      </c>
      <c r="CV23" s="113">
        <v>5975894</v>
      </c>
      <c r="CW23" s="116">
        <v>5975894</v>
      </c>
      <c r="CX23" s="110">
        <v>104506</v>
      </c>
      <c r="CY23" s="114">
        <v>137179</v>
      </c>
      <c r="CZ23" s="113">
        <v>241685</v>
      </c>
      <c r="DA23" s="110">
        <v>0</v>
      </c>
      <c r="DB23" s="114">
        <v>306489</v>
      </c>
      <c r="DC23" s="114">
        <v>486499</v>
      </c>
      <c r="DD23" s="114">
        <v>358594</v>
      </c>
      <c r="DE23" s="114">
        <v>429035</v>
      </c>
      <c r="DF23" s="114">
        <v>148090</v>
      </c>
      <c r="DG23" s="113">
        <v>1728707</v>
      </c>
      <c r="DH23" s="116">
        <v>1970392</v>
      </c>
      <c r="DI23" s="110">
        <v>0</v>
      </c>
      <c r="DJ23" s="114">
        <v>0</v>
      </c>
      <c r="DK23" s="112">
        <v>0</v>
      </c>
      <c r="DL23" s="111">
        <v>0</v>
      </c>
      <c r="DM23" s="114">
        <v>39058</v>
      </c>
      <c r="DN23" s="114">
        <v>412081</v>
      </c>
      <c r="DO23" s="114">
        <v>772534</v>
      </c>
      <c r="DP23" s="114">
        <v>849229</v>
      </c>
      <c r="DQ23" s="114">
        <v>573078</v>
      </c>
      <c r="DR23" s="113">
        <v>2645980</v>
      </c>
      <c r="DS23" s="116">
        <v>2645980</v>
      </c>
      <c r="DT23" s="110">
        <v>0</v>
      </c>
      <c r="DU23" s="114">
        <v>0</v>
      </c>
      <c r="DV23" s="113">
        <v>0</v>
      </c>
      <c r="DW23" s="110">
        <v>0</v>
      </c>
      <c r="DX23" s="114">
        <v>39058</v>
      </c>
      <c r="DY23" s="114">
        <v>412081</v>
      </c>
      <c r="DZ23" s="114">
        <v>746450</v>
      </c>
      <c r="EA23" s="114">
        <v>849229</v>
      </c>
      <c r="EB23" s="114">
        <v>573078</v>
      </c>
      <c r="EC23" s="113">
        <v>2619896</v>
      </c>
      <c r="ED23" s="116">
        <v>2619896</v>
      </c>
      <c r="EE23" s="110">
        <v>0</v>
      </c>
      <c r="EF23" s="112">
        <v>0</v>
      </c>
      <c r="EG23" s="113">
        <v>0</v>
      </c>
      <c r="EH23" s="110">
        <v>0</v>
      </c>
      <c r="EI23" s="114">
        <v>0</v>
      </c>
      <c r="EJ23" s="114">
        <v>0</v>
      </c>
      <c r="EK23" s="114">
        <v>26084</v>
      </c>
      <c r="EL23" s="114">
        <v>0</v>
      </c>
      <c r="EM23" s="114">
        <v>0</v>
      </c>
      <c r="EN23" s="112">
        <v>26084</v>
      </c>
      <c r="EO23" s="116">
        <v>26084</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69615</v>
      </c>
      <c r="FM23" s="114">
        <v>84413</v>
      </c>
      <c r="FN23" s="113">
        <v>154028</v>
      </c>
      <c r="FO23" s="110">
        <v>0</v>
      </c>
      <c r="FP23" s="114">
        <v>352499</v>
      </c>
      <c r="FQ23" s="114">
        <v>664363</v>
      </c>
      <c r="FR23" s="114">
        <v>591213</v>
      </c>
      <c r="FS23" s="114">
        <v>533932</v>
      </c>
      <c r="FT23" s="114">
        <v>462672</v>
      </c>
      <c r="FU23" s="113">
        <v>2604679</v>
      </c>
      <c r="FV23" s="116">
        <v>2758707</v>
      </c>
      <c r="FW23" s="115">
        <v>69615</v>
      </c>
      <c r="FX23" s="114">
        <v>84413</v>
      </c>
      <c r="FY23" s="112">
        <v>154028</v>
      </c>
      <c r="FZ23" s="111">
        <v>0</v>
      </c>
      <c r="GA23" s="114">
        <v>212499</v>
      </c>
      <c r="GB23" s="114">
        <v>583163</v>
      </c>
      <c r="GC23" s="114">
        <v>388213</v>
      </c>
      <c r="GD23" s="114">
        <v>533932</v>
      </c>
      <c r="GE23" s="114">
        <v>462672</v>
      </c>
      <c r="GF23" s="113">
        <v>2180479</v>
      </c>
      <c r="GG23" s="318">
        <v>2334507</v>
      </c>
      <c r="GH23" s="115">
        <v>0</v>
      </c>
      <c r="GI23" s="114">
        <v>0</v>
      </c>
      <c r="GJ23" s="112">
        <v>0</v>
      </c>
      <c r="GK23" s="111">
        <v>0</v>
      </c>
      <c r="GL23" s="114">
        <v>0</v>
      </c>
      <c r="GM23" s="114">
        <v>81200</v>
      </c>
      <c r="GN23" s="114">
        <v>0</v>
      </c>
      <c r="GO23" s="114">
        <v>0</v>
      </c>
      <c r="GP23" s="114">
        <v>0</v>
      </c>
      <c r="GQ23" s="113">
        <v>81200</v>
      </c>
      <c r="GR23" s="116">
        <v>81200</v>
      </c>
      <c r="GS23" s="110">
        <v>0</v>
      </c>
      <c r="GT23" s="114">
        <v>0</v>
      </c>
      <c r="GU23" s="113">
        <v>0</v>
      </c>
      <c r="GV23" s="110">
        <v>0</v>
      </c>
      <c r="GW23" s="114">
        <v>140000</v>
      </c>
      <c r="GX23" s="114">
        <v>0</v>
      </c>
      <c r="GY23" s="114">
        <v>203000</v>
      </c>
      <c r="GZ23" s="114">
        <v>0</v>
      </c>
      <c r="HA23" s="114">
        <v>0</v>
      </c>
      <c r="HB23" s="112">
        <v>343000</v>
      </c>
      <c r="HC23" s="116">
        <v>343000</v>
      </c>
      <c r="HD23" s="110">
        <v>192227</v>
      </c>
      <c r="HE23" s="114">
        <v>79842</v>
      </c>
      <c r="HF23" s="112">
        <v>272069</v>
      </c>
      <c r="HG23" s="111">
        <v>0</v>
      </c>
      <c r="HH23" s="114">
        <v>1987853</v>
      </c>
      <c r="HI23" s="114">
        <v>1838587</v>
      </c>
      <c r="HJ23" s="114">
        <v>1211933</v>
      </c>
      <c r="HK23" s="114">
        <v>1655668</v>
      </c>
      <c r="HL23" s="114">
        <v>2135860</v>
      </c>
      <c r="HM23" s="113">
        <v>8829901</v>
      </c>
      <c r="HN23" s="109">
        <v>9101970</v>
      </c>
      <c r="HO23" s="328"/>
      <c r="HP23" s="329"/>
      <c r="HQ23" s="330"/>
      <c r="HR23" s="331"/>
      <c r="HS23" s="329"/>
      <c r="HT23" s="329"/>
      <c r="HU23" s="329"/>
      <c r="HV23" s="329"/>
      <c r="HW23" s="329"/>
      <c r="HX23" s="332"/>
      <c r="HY23" s="333"/>
      <c r="HZ23" s="131">
        <v>0</v>
      </c>
      <c r="IA23" s="132">
        <v>0</v>
      </c>
      <c r="IB23" s="133">
        <v>0</v>
      </c>
      <c r="IC23" s="146">
        <v>0</v>
      </c>
      <c r="ID23" s="132">
        <v>889830</v>
      </c>
      <c r="IE23" s="147">
        <v>781611</v>
      </c>
      <c r="IF23" s="133">
        <v>1856097</v>
      </c>
      <c r="IG23" s="132">
        <v>-778577</v>
      </c>
      <c r="IH23" s="133">
        <v>1956781</v>
      </c>
      <c r="II23" s="148">
        <v>4705742</v>
      </c>
      <c r="IJ23" s="139">
        <v>4705742</v>
      </c>
      <c r="IK23" s="232">
        <v>0</v>
      </c>
      <c r="IL23" s="236">
        <v>0</v>
      </c>
      <c r="IM23" s="237">
        <v>0</v>
      </c>
      <c r="IN23" s="140"/>
      <c r="IO23" s="119">
        <v>0</v>
      </c>
      <c r="IP23" s="119">
        <v>0</v>
      </c>
      <c r="IQ23" s="119">
        <v>0</v>
      </c>
      <c r="IR23" s="119">
        <v>0</v>
      </c>
      <c r="IS23" s="119">
        <v>237450</v>
      </c>
      <c r="IT23" s="141">
        <v>237450</v>
      </c>
      <c r="IU23" s="320">
        <v>23745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693804</v>
      </c>
      <c r="JL23" s="119">
        <v>261527</v>
      </c>
      <c r="JM23" s="119">
        <v>782471</v>
      </c>
      <c r="JN23" s="119">
        <v>39149</v>
      </c>
      <c r="JO23" s="119">
        <v>0</v>
      </c>
      <c r="JP23" s="120">
        <v>1776951</v>
      </c>
      <c r="JQ23" s="320">
        <v>1776951</v>
      </c>
      <c r="JR23" s="142">
        <v>0</v>
      </c>
      <c r="JS23" s="119">
        <v>0</v>
      </c>
      <c r="JT23" s="141">
        <v>0</v>
      </c>
      <c r="JU23" s="118">
        <v>0</v>
      </c>
      <c r="JV23" s="119">
        <v>95960</v>
      </c>
      <c r="JW23" s="119">
        <v>0</v>
      </c>
      <c r="JX23" s="119">
        <v>214717</v>
      </c>
      <c r="JY23" s="119">
        <v>45091</v>
      </c>
      <c r="JZ23" s="119">
        <v>0</v>
      </c>
      <c r="KA23" s="120">
        <v>355768</v>
      </c>
      <c r="KB23" s="320">
        <v>355768</v>
      </c>
      <c r="KC23" s="234">
        <v>0</v>
      </c>
      <c r="KD23" s="230">
        <v>0</v>
      </c>
      <c r="KE23" s="120">
        <v>0</v>
      </c>
      <c r="KF23" s="118">
        <v>0</v>
      </c>
      <c r="KG23" s="119">
        <v>100066</v>
      </c>
      <c r="KH23" s="119">
        <v>54811</v>
      </c>
      <c r="KI23" s="119">
        <v>199771</v>
      </c>
      <c r="KJ23" s="119">
        <v>-1369099</v>
      </c>
      <c r="KK23" s="119">
        <v>594601</v>
      </c>
      <c r="KL23" s="120">
        <v>-419850</v>
      </c>
      <c r="KM23" s="143">
        <v>-419850</v>
      </c>
      <c r="KN23" s="232">
        <v>0</v>
      </c>
      <c r="KO23" s="236">
        <v>0</v>
      </c>
      <c r="KP23" s="237">
        <v>0</v>
      </c>
      <c r="KQ23" s="140"/>
      <c r="KR23" s="119">
        <v>0</v>
      </c>
      <c r="KS23" s="119">
        <v>426938</v>
      </c>
      <c r="KT23" s="119">
        <v>659138</v>
      </c>
      <c r="KU23" s="119">
        <v>0</v>
      </c>
      <c r="KV23" s="119">
        <v>227064</v>
      </c>
      <c r="KW23" s="120">
        <v>1313140</v>
      </c>
      <c r="KX23" s="320">
        <v>131314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246427</v>
      </c>
      <c r="LR23" s="119">
        <v>0</v>
      </c>
      <c r="LS23" s="120">
        <v>246427</v>
      </c>
      <c r="LT23" s="320">
        <v>246427</v>
      </c>
      <c r="LU23" s="142">
        <v>0</v>
      </c>
      <c r="LV23" s="119">
        <v>0</v>
      </c>
      <c r="LW23" s="120">
        <v>0</v>
      </c>
      <c r="LX23" s="145"/>
      <c r="LY23" s="119">
        <v>0</v>
      </c>
      <c r="LZ23" s="119">
        <v>38335</v>
      </c>
      <c r="MA23" s="119">
        <v>0</v>
      </c>
      <c r="MB23" s="119">
        <v>259855</v>
      </c>
      <c r="MC23" s="119">
        <v>897666</v>
      </c>
      <c r="MD23" s="120">
        <v>1195856</v>
      </c>
      <c r="ME23" s="121">
        <v>1195856</v>
      </c>
      <c r="MF23" s="142">
        <v>0</v>
      </c>
      <c r="MG23" s="119">
        <v>0</v>
      </c>
      <c r="MH23" s="120">
        <v>0</v>
      </c>
      <c r="MI23" s="145"/>
      <c r="MJ23" s="119">
        <v>1023877</v>
      </c>
      <c r="MK23" s="119">
        <v>614914</v>
      </c>
      <c r="ML23" s="119">
        <v>2816733</v>
      </c>
      <c r="MM23" s="119">
        <v>3564584</v>
      </c>
      <c r="MN23" s="119">
        <v>2263112</v>
      </c>
      <c r="MO23" s="120">
        <v>10283220</v>
      </c>
      <c r="MP23" s="143">
        <v>10283220</v>
      </c>
      <c r="MQ23" s="142">
        <v>0</v>
      </c>
      <c r="MR23" s="119">
        <v>0</v>
      </c>
      <c r="MS23" s="120">
        <v>0</v>
      </c>
      <c r="MT23" s="145"/>
      <c r="MU23" s="119">
        <v>0</v>
      </c>
      <c r="MV23" s="119">
        <v>195276</v>
      </c>
      <c r="MW23" s="119">
        <v>1890839</v>
      </c>
      <c r="MX23" s="119">
        <v>2821032</v>
      </c>
      <c r="MY23" s="119">
        <v>1476505</v>
      </c>
      <c r="MZ23" s="120">
        <v>6383652</v>
      </c>
      <c r="NA23" s="143">
        <v>6383652</v>
      </c>
      <c r="NB23" s="142">
        <v>0</v>
      </c>
      <c r="NC23" s="119">
        <v>0</v>
      </c>
      <c r="ND23" s="120">
        <v>0</v>
      </c>
      <c r="NE23" s="145"/>
      <c r="NF23" s="119">
        <v>1023877</v>
      </c>
      <c r="NG23" s="119">
        <v>419638</v>
      </c>
      <c r="NH23" s="119">
        <v>925894</v>
      </c>
      <c r="NI23" s="119">
        <v>743552</v>
      </c>
      <c r="NJ23" s="119">
        <v>514345</v>
      </c>
      <c r="NK23" s="120">
        <v>3627306</v>
      </c>
      <c r="NL23" s="320">
        <v>3627306</v>
      </c>
      <c r="NM23" s="142">
        <v>0</v>
      </c>
      <c r="NN23" s="119">
        <v>0</v>
      </c>
      <c r="NO23" s="120">
        <v>0</v>
      </c>
      <c r="NP23" s="145"/>
      <c r="NQ23" s="119">
        <v>0</v>
      </c>
      <c r="NR23" s="119">
        <v>0</v>
      </c>
      <c r="NS23" s="119">
        <v>0</v>
      </c>
      <c r="NT23" s="119">
        <v>0</v>
      </c>
      <c r="NU23" s="119">
        <v>272262</v>
      </c>
      <c r="NV23" s="120">
        <v>272262</v>
      </c>
      <c r="NW23" s="121">
        <v>272262</v>
      </c>
      <c r="NX23" s="142">
        <v>0</v>
      </c>
      <c r="NY23" s="119">
        <v>0</v>
      </c>
      <c r="NZ23" s="120">
        <v>0</v>
      </c>
      <c r="OA23" s="145"/>
      <c r="OB23" s="119">
        <v>0</v>
      </c>
      <c r="OC23" s="119">
        <v>0</v>
      </c>
      <c r="OD23" s="119">
        <v>0</v>
      </c>
      <c r="OE23" s="119">
        <v>0</v>
      </c>
      <c r="OF23" s="119">
        <v>0</v>
      </c>
      <c r="OG23" s="120">
        <v>0</v>
      </c>
      <c r="OH23" s="121">
        <v>0</v>
      </c>
      <c r="OI23" s="142">
        <v>592283</v>
      </c>
      <c r="OJ23" s="119">
        <v>581449</v>
      </c>
      <c r="OK23" s="141">
        <v>1173732</v>
      </c>
      <c r="OL23" s="118">
        <v>0</v>
      </c>
      <c r="OM23" s="119">
        <v>7474670</v>
      </c>
      <c r="ON23" s="119">
        <v>9877542</v>
      </c>
      <c r="OO23" s="119">
        <v>10441591</v>
      </c>
      <c r="OP23" s="119">
        <v>10081184</v>
      </c>
      <c r="OQ23" s="119">
        <v>10352488</v>
      </c>
      <c r="OR23" s="120">
        <v>48227475</v>
      </c>
      <c r="OS23" s="143">
        <v>49401207</v>
      </c>
    </row>
    <row r="24" spans="2:409" ht="20.25" customHeight="1" x14ac:dyDescent="0.2">
      <c r="B24" s="126" t="s">
        <v>19</v>
      </c>
      <c r="C24" s="110">
        <v>72137</v>
      </c>
      <c r="D24" s="114">
        <v>449096</v>
      </c>
      <c r="E24" s="113">
        <v>521233</v>
      </c>
      <c r="F24" s="109">
        <v>0</v>
      </c>
      <c r="G24" s="114">
        <v>2242723</v>
      </c>
      <c r="H24" s="114">
        <v>2386522</v>
      </c>
      <c r="I24" s="114">
        <v>3141546</v>
      </c>
      <c r="J24" s="114">
        <v>1916815</v>
      </c>
      <c r="K24" s="114">
        <v>1932331</v>
      </c>
      <c r="L24" s="109">
        <v>11619937</v>
      </c>
      <c r="M24" s="116">
        <v>12141170</v>
      </c>
      <c r="N24" s="110">
        <v>57367</v>
      </c>
      <c r="O24" s="114">
        <v>43298</v>
      </c>
      <c r="P24" s="113">
        <v>100665</v>
      </c>
      <c r="Q24" s="110">
        <v>0</v>
      </c>
      <c r="R24" s="114">
        <v>592332</v>
      </c>
      <c r="S24" s="114">
        <v>713410</v>
      </c>
      <c r="T24" s="114">
        <v>1162356</v>
      </c>
      <c r="U24" s="114">
        <v>719629</v>
      </c>
      <c r="V24" s="114">
        <v>689555</v>
      </c>
      <c r="W24" s="113">
        <v>3877282</v>
      </c>
      <c r="X24" s="116">
        <v>3977947</v>
      </c>
      <c r="Y24" s="110">
        <v>0</v>
      </c>
      <c r="Z24" s="114">
        <v>0</v>
      </c>
      <c r="AA24" s="113">
        <v>0</v>
      </c>
      <c r="AB24" s="110">
        <v>0</v>
      </c>
      <c r="AC24" s="114">
        <v>154874</v>
      </c>
      <c r="AD24" s="114">
        <v>247832</v>
      </c>
      <c r="AE24" s="114">
        <v>587875</v>
      </c>
      <c r="AF24" s="114">
        <v>131038</v>
      </c>
      <c r="AG24" s="114">
        <v>193558</v>
      </c>
      <c r="AH24" s="113">
        <v>1315177</v>
      </c>
      <c r="AI24" s="116">
        <v>1315177</v>
      </c>
      <c r="AJ24" s="110">
        <v>0</v>
      </c>
      <c r="AK24" s="114">
        <v>0</v>
      </c>
      <c r="AL24" s="113">
        <v>0</v>
      </c>
      <c r="AM24" s="110">
        <v>0</v>
      </c>
      <c r="AN24" s="114">
        <v>0</v>
      </c>
      <c r="AO24" s="114">
        <v>0</v>
      </c>
      <c r="AP24" s="114">
        <v>89365</v>
      </c>
      <c r="AQ24" s="114">
        <v>69029</v>
      </c>
      <c r="AR24" s="114">
        <v>81512</v>
      </c>
      <c r="AS24" s="113">
        <v>239906</v>
      </c>
      <c r="AT24" s="116">
        <v>239906</v>
      </c>
      <c r="AU24" s="110">
        <v>45523</v>
      </c>
      <c r="AV24" s="114">
        <v>6009</v>
      </c>
      <c r="AW24" s="113">
        <v>51532</v>
      </c>
      <c r="AX24" s="110">
        <v>0</v>
      </c>
      <c r="AY24" s="114">
        <v>191241</v>
      </c>
      <c r="AZ24" s="114">
        <v>306251</v>
      </c>
      <c r="BA24" s="114">
        <v>292946</v>
      </c>
      <c r="BB24" s="114">
        <v>372639</v>
      </c>
      <c r="BC24" s="114">
        <v>324668</v>
      </c>
      <c r="BD24" s="113">
        <v>1487745</v>
      </c>
      <c r="BE24" s="116">
        <v>1539277</v>
      </c>
      <c r="BF24" s="110">
        <v>0</v>
      </c>
      <c r="BG24" s="114">
        <v>0</v>
      </c>
      <c r="BH24" s="112">
        <v>0</v>
      </c>
      <c r="BI24" s="111">
        <v>0</v>
      </c>
      <c r="BJ24" s="114">
        <v>114197</v>
      </c>
      <c r="BK24" s="114">
        <v>0</v>
      </c>
      <c r="BL24" s="114">
        <v>62215</v>
      </c>
      <c r="BM24" s="114">
        <v>0</v>
      </c>
      <c r="BN24" s="114">
        <v>0</v>
      </c>
      <c r="BO24" s="113">
        <v>176412</v>
      </c>
      <c r="BP24" s="116">
        <v>176412</v>
      </c>
      <c r="BQ24" s="110">
        <v>11844</v>
      </c>
      <c r="BR24" s="114">
        <v>37289</v>
      </c>
      <c r="BS24" s="113">
        <v>49133</v>
      </c>
      <c r="BT24" s="110">
        <v>0</v>
      </c>
      <c r="BU24" s="114">
        <v>132020</v>
      </c>
      <c r="BV24" s="114">
        <v>159327</v>
      </c>
      <c r="BW24" s="114">
        <v>129955</v>
      </c>
      <c r="BX24" s="114">
        <v>146923</v>
      </c>
      <c r="BY24" s="114">
        <v>89817</v>
      </c>
      <c r="BZ24" s="113">
        <v>658042</v>
      </c>
      <c r="CA24" s="116">
        <v>707175</v>
      </c>
      <c r="CB24" s="110">
        <v>0</v>
      </c>
      <c r="CC24" s="114">
        <v>103240</v>
      </c>
      <c r="CD24" s="113">
        <v>103240</v>
      </c>
      <c r="CE24" s="110">
        <v>0</v>
      </c>
      <c r="CF24" s="114">
        <v>510410</v>
      </c>
      <c r="CG24" s="114">
        <v>359454</v>
      </c>
      <c r="CH24" s="114">
        <v>827257</v>
      </c>
      <c r="CI24" s="114">
        <v>590214</v>
      </c>
      <c r="CJ24" s="114">
        <v>464975</v>
      </c>
      <c r="CK24" s="113">
        <v>2752310</v>
      </c>
      <c r="CL24" s="116">
        <v>2855550</v>
      </c>
      <c r="CM24" s="110">
        <v>0</v>
      </c>
      <c r="CN24" s="114">
        <v>0</v>
      </c>
      <c r="CO24" s="113">
        <v>0</v>
      </c>
      <c r="CP24" s="111">
        <v>0</v>
      </c>
      <c r="CQ24" s="114">
        <v>308781</v>
      </c>
      <c r="CR24" s="114">
        <v>270688</v>
      </c>
      <c r="CS24" s="114">
        <v>502905</v>
      </c>
      <c r="CT24" s="114">
        <v>318448</v>
      </c>
      <c r="CU24" s="114">
        <v>211109</v>
      </c>
      <c r="CV24" s="113">
        <v>1611931</v>
      </c>
      <c r="CW24" s="116">
        <v>1611931</v>
      </c>
      <c r="CX24" s="110">
        <v>0</v>
      </c>
      <c r="CY24" s="114">
        <v>103240</v>
      </c>
      <c r="CZ24" s="113">
        <v>103240</v>
      </c>
      <c r="DA24" s="110">
        <v>0</v>
      </c>
      <c r="DB24" s="114">
        <v>201629</v>
      </c>
      <c r="DC24" s="114">
        <v>88766</v>
      </c>
      <c r="DD24" s="114">
        <v>324352</v>
      </c>
      <c r="DE24" s="114">
        <v>271766</v>
      </c>
      <c r="DF24" s="114">
        <v>253866</v>
      </c>
      <c r="DG24" s="113">
        <v>1140379</v>
      </c>
      <c r="DH24" s="116">
        <v>1243619</v>
      </c>
      <c r="DI24" s="110">
        <v>0</v>
      </c>
      <c r="DJ24" s="114">
        <v>16030</v>
      </c>
      <c r="DK24" s="112">
        <v>16030</v>
      </c>
      <c r="DL24" s="111">
        <v>0</v>
      </c>
      <c r="DM24" s="114">
        <v>0</v>
      </c>
      <c r="DN24" s="114">
        <v>33866</v>
      </c>
      <c r="DO24" s="114">
        <v>209765</v>
      </c>
      <c r="DP24" s="114">
        <v>0</v>
      </c>
      <c r="DQ24" s="114">
        <v>9090</v>
      </c>
      <c r="DR24" s="113">
        <v>252721</v>
      </c>
      <c r="DS24" s="116">
        <v>268751</v>
      </c>
      <c r="DT24" s="110">
        <v>0</v>
      </c>
      <c r="DU24" s="114">
        <v>16030</v>
      </c>
      <c r="DV24" s="113">
        <v>16030</v>
      </c>
      <c r="DW24" s="110">
        <v>0</v>
      </c>
      <c r="DX24" s="114">
        <v>0</v>
      </c>
      <c r="DY24" s="114">
        <v>33866</v>
      </c>
      <c r="DZ24" s="114">
        <v>133361</v>
      </c>
      <c r="EA24" s="114">
        <v>0</v>
      </c>
      <c r="EB24" s="114">
        <v>9090</v>
      </c>
      <c r="EC24" s="113">
        <v>176317</v>
      </c>
      <c r="ED24" s="116">
        <v>192347</v>
      </c>
      <c r="EE24" s="110">
        <v>0</v>
      </c>
      <c r="EF24" s="112">
        <v>0</v>
      </c>
      <c r="EG24" s="113">
        <v>0</v>
      </c>
      <c r="EH24" s="110">
        <v>0</v>
      </c>
      <c r="EI24" s="114">
        <v>0</v>
      </c>
      <c r="EJ24" s="114">
        <v>0</v>
      </c>
      <c r="EK24" s="114">
        <v>76404</v>
      </c>
      <c r="EL24" s="114">
        <v>0</v>
      </c>
      <c r="EM24" s="114">
        <v>0</v>
      </c>
      <c r="EN24" s="112">
        <v>76404</v>
      </c>
      <c r="EO24" s="116">
        <v>76404</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14770</v>
      </c>
      <c r="FM24" s="114">
        <v>45150</v>
      </c>
      <c r="FN24" s="113">
        <v>59920</v>
      </c>
      <c r="FO24" s="110">
        <v>0</v>
      </c>
      <c r="FP24" s="114">
        <v>171472</v>
      </c>
      <c r="FQ24" s="114">
        <v>192073</v>
      </c>
      <c r="FR24" s="114">
        <v>233107</v>
      </c>
      <c r="FS24" s="114">
        <v>218792</v>
      </c>
      <c r="FT24" s="114">
        <v>174279</v>
      </c>
      <c r="FU24" s="113">
        <v>989723</v>
      </c>
      <c r="FV24" s="116">
        <v>1049643</v>
      </c>
      <c r="FW24" s="115">
        <v>14770</v>
      </c>
      <c r="FX24" s="114">
        <v>45150</v>
      </c>
      <c r="FY24" s="112">
        <v>59920</v>
      </c>
      <c r="FZ24" s="111">
        <v>0</v>
      </c>
      <c r="GA24" s="114">
        <v>96306</v>
      </c>
      <c r="GB24" s="114">
        <v>192073</v>
      </c>
      <c r="GC24" s="114">
        <v>233107</v>
      </c>
      <c r="GD24" s="114">
        <v>218792</v>
      </c>
      <c r="GE24" s="114">
        <v>174279</v>
      </c>
      <c r="GF24" s="113">
        <v>914557</v>
      </c>
      <c r="GG24" s="318">
        <v>974477</v>
      </c>
      <c r="GH24" s="115">
        <v>0</v>
      </c>
      <c r="GI24" s="114">
        <v>0</v>
      </c>
      <c r="GJ24" s="112">
        <v>0</v>
      </c>
      <c r="GK24" s="111">
        <v>0</v>
      </c>
      <c r="GL24" s="114">
        <v>0</v>
      </c>
      <c r="GM24" s="114">
        <v>0</v>
      </c>
      <c r="GN24" s="114">
        <v>0</v>
      </c>
      <c r="GO24" s="114">
        <v>0</v>
      </c>
      <c r="GP24" s="114">
        <v>0</v>
      </c>
      <c r="GQ24" s="113">
        <v>0</v>
      </c>
      <c r="GR24" s="116">
        <v>0</v>
      </c>
      <c r="GS24" s="110">
        <v>0</v>
      </c>
      <c r="GT24" s="114">
        <v>0</v>
      </c>
      <c r="GU24" s="113">
        <v>0</v>
      </c>
      <c r="GV24" s="110">
        <v>0</v>
      </c>
      <c r="GW24" s="114">
        <v>75166</v>
      </c>
      <c r="GX24" s="114">
        <v>0</v>
      </c>
      <c r="GY24" s="114">
        <v>0</v>
      </c>
      <c r="GZ24" s="114">
        <v>0</v>
      </c>
      <c r="HA24" s="114">
        <v>0</v>
      </c>
      <c r="HB24" s="112">
        <v>75166</v>
      </c>
      <c r="HC24" s="116">
        <v>75166</v>
      </c>
      <c r="HD24" s="110">
        <v>0</v>
      </c>
      <c r="HE24" s="114">
        <v>241378</v>
      </c>
      <c r="HF24" s="112">
        <v>241378</v>
      </c>
      <c r="HG24" s="111">
        <v>0</v>
      </c>
      <c r="HH24" s="114">
        <v>968509</v>
      </c>
      <c r="HI24" s="114">
        <v>1087719</v>
      </c>
      <c r="HJ24" s="114">
        <v>709061</v>
      </c>
      <c r="HK24" s="114">
        <v>388180</v>
      </c>
      <c r="HL24" s="114">
        <v>594432</v>
      </c>
      <c r="HM24" s="113">
        <v>3747901</v>
      </c>
      <c r="HN24" s="109">
        <v>3989279</v>
      </c>
      <c r="HO24" s="328"/>
      <c r="HP24" s="329"/>
      <c r="HQ24" s="330"/>
      <c r="HR24" s="331"/>
      <c r="HS24" s="329"/>
      <c r="HT24" s="329"/>
      <c r="HU24" s="329"/>
      <c r="HV24" s="329"/>
      <c r="HW24" s="329"/>
      <c r="HX24" s="332"/>
      <c r="HY24" s="333"/>
      <c r="HZ24" s="150">
        <v>0</v>
      </c>
      <c r="IA24" s="135">
        <v>0</v>
      </c>
      <c r="IB24" s="150">
        <v>0</v>
      </c>
      <c r="IC24" s="134">
        <v>0</v>
      </c>
      <c r="ID24" s="135">
        <v>445942</v>
      </c>
      <c r="IE24" s="136">
        <v>1051093</v>
      </c>
      <c r="IF24" s="137">
        <v>343625</v>
      </c>
      <c r="IG24" s="135">
        <v>678487</v>
      </c>
      <c r="IH24" s="137">
        <v>246969</v>
      </c>
      <c r="II24" s="138">
        <v>2766116</v>
      </c>
      <c r="IJ24" s="150">
        <v>2766116</v>
      </c>
      <c r="IK24" s="232">
        <v>0</v>
      </c>
      <c r="IL24" s="236">
        <v>0</v>
      </c>
      <c r="IM24" s="237">
        <v>0</v>
      </c>
      <c r="IN24" s="140"/>
      <c r="IO24" s="119">
        <v>0</v>
      </c>
      <c r="IP24" s="119">
        <v>102769</v>
      </c>
      <c r="IQ24" s="119">
        <v>0</v>
      </c>
      <c r="IR24" s="119">
        <v>346666</v>
      </c>
      <c r="IS24" s="119">
        <v>0</v>
      </c>
      <c r="IT24" s="141">
        <v>449435</v>
      </c>
      <c r="IU24" s="320">
        <v>449435</v>
      </c>
      <c r="IV24" s="142">
        <v>0</v>
      </c>
      <c r="IW24" s="119">
        <v>0</v>
      </c>
      <c r="IX24" s="120">
        <v>0</v>
      </c>
      <c r="IY24" s="144"/>
      <c r="IZ24" s="119">
        <v>0</v>
      </c>
      <c r="JA24" s="119">
        <v>0</v>
      </c>
      <c r="JB24" s="119">
        <v>0</v>
      </c>
      <c r="JC24" s="119">
        <v>8725</v>
      </c>
      <c r="JD24" s="119">
        <v>0</v>
      </c>
      <c r="JE24" s="120">
        <v>8725</v>
      </c>
      <c r="JF24" s="121">
        <v>8725</v>
      </c>
      <c r="JG24" s="142">
        <v>0</v>
      </c>
      <c r="JH24" s="119">
        <v>0</v>
      </c>
      <c r="JI24" s="141">
        <v>0</v>
      </c>
      <c r="JJ24" s="118">
        <v>0</v>
      </c>
      <c r="JK24" s="119">
        <v>411610</v>
      </c>
      <c r="JL24" s="119">
        <v>268825</v>
      </c>
      <c r="JM24" s="119">
        <v>129372</v>
      </c>
      <c r="JN24" s="119">
        <v>121368</v>
      </c>
      <c r="JO24" s="119">
        <v>0</v>
      </c>
      <c r="JP24" s="120">
        <v>931175</v>
      </c>
      <c r="JQ24" s="320">
        <v>931175</v>
      </c>
      <c r="JR24" s="142">
        <v>0</v>
      </c>
      <c r="JS24" s="119">
        <v>0</v>
      </c>
      <c r="JT24" s="141">
        <v>0</v>
      </c>
      <c r="JU24" s="118">
        <v>0</v>
      </c>
      <c r="JV24" s="119">
        <v>34332</v>
      </c>
      <c r="JW24" s="119">
        <v>310477</v>
      </c>
      <c r="JX24" s="119">
        <v>0</v>
      </c>
      <c r="JY24" s="119">
        <v>0</v>
      </c>
      <c r="JZ24" s="119">
        <v>0</v>
      </c>
      <c r="KA24" s="120">
        <v>344809</v>
      </c>
      <c r="KB24" s="320">
        <v>344809</v>
      </c>
      <c r="KC24" s="234">
        <v>0</v>
      </c>
      <c r="KD24" s="230">
        <v>0</v>
      </c>
      <c r="KE24" s="120">
        <v>0</v>
      </c>
      <c r="KF24" s="118">
        <v>0</v>
      </c>
      <c r="KG24" s="119">
        <v>0</v>
      </c>
      <c r="KH24" s="119">
        <v>160926</v>
      </c>
      <c r="KI24" s="119">
        <v>214253</v>
      </c>
      <c r="KJ24" s="119">
        <v>201728</v>
      </c>
      <c r="KK24" s="119">
        <v>246969</v>
      </c>
      <c r="KL24" s="120">
        <v>823876</v>
      </c>
      <c r="KM24" s="143">
        <v>823876</v>
      </c>
      <c r="KN24" s="232">
        <v>0</v>
      </c>
      <c r="KO24" s="236">
        <v>0</v>
      </c>
      <c r="KP24" s="237">
        <v>0</v>
      </c>
      <c r="KQ24" s="140"/>
      <c r="KR24" s="119">
        <v>0</v>
      </c>
      <c r="KS24" s="119">
        <v>208096</v>
      </c>
      <c r="KT24" s="119">
        <v>0</v>
      </c>
      <c r="KU24" s="119">
        <v>0</v>
      </c>
      <c r="KV24" s="119">
        <v>0</v>
      </c>
      <c r="KW24" s="120">
        <v>208096</v>
      </c>
      <c r="KX24" s="320">
        <v>208096</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0</v>
      </c>
      <c r="LZ24" s="119">
        <v>0</v>
      </c>
      <c r="MA24" s="119">
        <v>0</v>
      </c>
      <c r="MB24" s="119">
        <v>0</v>
      </c>
      <c r="MC24" s="119">
        <v>0</v>
      </c>
      <c r="MD24" s="120">
        <v>0</v>
      </c>
      <c r="ME24" s="121">
        <v>0</v>
      </c>
      <c r="MF24" s="142">
        <v>0</v>
      </c>
      <c r="MG24" s="119">
        <v>0</v>
      </c>
      <c r="MH24" s="120">
        <v>0</v>
      </c>
      <c r="MI24" s="145"/>
      <c r="MJ24" s="119">
        <v>0</v>
      </c>
      <c r="MK24" s="119">
        <v>700513</v>
      </c>
      <c r="ML24" s="119">
        <v>1106989</v>
      </c>
      <c r="MM24" s="119">
        <v>1389105</v>
      </c>
      <c r="MN24" s="119">
        <v>1024961</v>
      </c>
      <c r="MO24" s="120">
        <v>4221568</v>
      </c>
      <c r="MP24" s="143">
        <v>4221568</v>
      </c>
      <c r="MQ24" s="142">
        <v>0</v>
      </c>
      <c r="MR24" s="119">
        <v>0</v>
      </c>
      <c r="MS24" s="120">
        <v>0</v>
      </c>
      <c r="MT24" s="145"/>
      <c r="MU24" s="119">
        <v>0</v>
      </c>
      <c r="MV24" s="119">
        <v>0</v>
      </c>
      <c r="MW24" s="119">
        <v>385653</v>
      </c>
      <c r="MX24" s="119">
        <v>892910</v>
      </c>
      <c r="MY24" s="119">
        <v>729011</v>
      </c>
      <c r="MZ24" s="120">
        <v>2007574</v>
      </c>
      <c r="NA24" s="143">
        <v>2007574</v>
      </c>
      <c r="NB24" s="142">
        <v>0</v>
      </c>
      <c r="NC24" s="119">
        <v>0</v>
      </c>
      <c r="ND24" s="120">
        <v>0</v>
      </c>
      <c r="NE24" s="145"/>
      <c r="NF24" s="119">
        <v>0</v>
      </c>
      <c r="NG24" s="119">
        <v>700513</v>
      </c>
      <c r="NH24" s="119">
        <v>721336</v>
      </c>
      <c r="NI24" s="119">
        <v>496195</v>
      </c>
      <c r="NJ24" s="119">
        <v>295950</v>
      </c>
      <c r="NK24" s="120">
        <v>2213994</v>
      </c>
      <c r="NL24" s="320">
        <v>2213994</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72137</v>
      </c>
      <c r="OJ24" s="119">
        <v>449096</v>
      </c>
      <c r="OK24" s="141">
        <v>521233</v>
      </c>
      <c r="OL24" s="118">
        <v>0</v>
      </c>
      <c r="OM24" s="119">
        <v>2688665</v>
      </c>
      <c r="ON24" s="119">
        <v>4138128</v>
      </c>
      <c r="OO24" s="119">
        <v>4592160</v>
      </c>
      <c r="OP24" s="119">
        <v>3984407</v>
      </c>
      <c r="OQ24" s="119">
        <v>3204261</v>
      </c>
      <c r="OR24" s="120">
        <v>18607621</v>
      </c>
      <c r="OS24" s="143">
        <v>19128854</v>
      </c>
    </row>
    <row r="25" spans="2:409" ht="20.25" customHeight="1" x14ac:dyDescent="0.2">
      <c r="B25" s="126" t="s">
        <v>20</v>
      </c>
      <c r="C25" s="110">
        <v>238201</v>
      </c>
      <c r="D25" s="114">
        <v>555948</v>
      </c>
      <c r="E25" s="113">
        <v>794149</v>
      </c>
      <c r="F25" s="110">
        <v>0</v>
      </c>
      <c r="G25" s="114">
        <v>3316527</v>
      </c>
      <c r="H25" s="114">
        <v>3166202</v>
      </c>
      <c r="I25" s="114">
        <v>3535682</v>
      </c>
      <c r="J25" s="114">
        <v>3161011</v>
      </c>
      <c r="K25" s="114">
        <v>1628359</v>
      </c>
      <c r="L25" s="173">
        <v>14807781</v>
      </c>
      <c r="M25" s="116">
        <v>15601930</v>
      </c>
      <c r="N25" s="110">
        <v>39735</v>
      </c>
      <c r="O25" s="114">
        <v>167884</v>
      </c>
      <c r="P25" s="113">
        <v>207619</v>
      </c>
      <c r="Q25" s="110">
        <v>0</v>
      </c>
      <c r="R25" s="114">
        <v>1559051</v>
      </c>
      <c r="S25" s="114">
        <v>890303</v>
      </c>
      <c r="T25" s="114">
        <v>949363</v>
      </c>
      <c r="U25" s="114">
        <v>1073157</v>
      </c>
      <c r="V25" s="114">
        <v>649366</v>
      </c>
      <c r="W25" s="113">
        <v>5121240</v>
      </c>
      <c r="X25" s="116">
        <v>5328859</v>
      </c>
      <c r="Y25" s="110">
        <v>0</v>
      </c>
      <c r="Z25" s="114">
        <v>0</v>
      </c>
      <c r="AA25" s="113">
        <v>0</v>
      </c>
      <c r="AB25" s="110">
        <v>0</v>
      </c>
      <c r="AC25" s="114">
        <v>528847</v>
      </c>
      <c r="AD25" s="114">
        <v>254610</v>
      </c>
      <c r="AE25" s="114">
        <v>369106</v>
      </c>
      <c r="AF25" s="114">
        <v>789286</v>
      </c>
      <c r="AG25" s="114">
        <v>297908</v>
      </c>
      <c r="AH25" s="113">
        <v>2239757</v>
      </c>
      <c r="AI25" s="116">
        <v>2239757</v>
      </c>
      <c r="AJ25" s="110">
        <v>0</v>
      </c>
      <c r="AK25" s="114">
        <v>0</v>
      </c>
      <c r="AL25" s="113">
        <v>0</v>
      </c>
      <c r="AM25" s="110">
        <v>0</v>
      </c>
      <c r="AN25" s="114">
        <v>0</v>
      </c>
      <c r="AO25" s="114">
        <v>0</v>
      </c>
      <c r="AP25" s="114">
        <v>0</v>
      </c>
      <c r="AQ25" s="114">
        <v>0</v>
      </c>
      <c r="AR25" s="114">
        <v>220841</v>
      </c>
      <c r="AS25" s="113">
        <v>220841</v>
      </c>
      <c r="AT25" s="116">
        <v>220841</v>
      </c>
      <c r="AU25" s="110">
        <v>26197</v>
      </c>
      <c r="AV25" s="114">
        <v>111034</v>
      </c>
      <c r="AW25" s="113">
        <v>137231</v>
      </c>
      <c r="AX25" s="110">
        <v>0</v>
      </c>
      <c r="AY25" s="114">
        <v>743241</v>
      </c>
      <c r="AZ25" s="114">
        <v>435966</v>
      </c>
      <c r="BA25" s="114">
        <v>310677</v>
      </c>
      <c r="BB25" s="114">
        <v>103636</v>
      </c>
      <c r="BC25" s="114">
        <v>46475</v>
      </c>
      <c r="BD25" s="113">
        <v>1639995</v>
      </c>
      <c r="BE25" s="116">
        <v>1777226</v>
      </c>
      <c r="BF25" s="110">
        <v>0</v>
      </c>
      <c r="BG25" s="114">
        <v>42486</v>
      </c>
      <c r="BH25" s="112">
        <v>42486</v>
      </c>
      <c r="BI25" s="111">
        <v>0</v>
      </c>
      <c r="BJ25" s="114">
        <v>198406</v>
      </c>
      <c r="BK25" s="114">
        <v>84080</v>
      </c>
      <c r="BL25" s="114">
        <v>106242</v>
      </c>
      <c r="BM25" s="114">
        <v>46913</v>
      </c>
      <c r="BN25" s="114">
        <v>16207</v>
      </c>
      <c r="BO25" s="113">
        <v>451848</v>
      </c>
      <c r="BP25" s="116">
        <v>494334</v>
      </c>
      <c r="BQ25" s="110">
        <v>13538</v>
      </c>
      <c r="BR25" s="114">
        <v>14364</v>
      </c>
      <c r="BS25" s="113">
        <v>27902</v>
      </c>
      <c r="BT25" s="110">
        <v>0</v>
      </c>
      <c r="BU25" s="114">
        <v>88557</v>
      </c>
      <c r="BV25" s="114">
        <v>115647</v>
      </c>
      <c r="BW25" s="114">
        <v>163338</v>
      </c>
      <c r="BX25" s="114">
        <v>133322</v>
      </c>
      <c r="BY25" s="114">
        <v>67935</v>
      </c>
      <c r="BZ25" s="113">
        <v>568799</v>
      </c>
      <c r="CA25" s="116">
        <v>596701</v>
      </c>
      <c r="CB25" s="110">
        <v>16970</v>
      </c>
      <c r="CC25" s="114">
        <v>106072</v>
      </c>
      <c r="CD25" s="113">
        <v>123042</v>
      </c>
      <c r="CE25" s="110">
        <v>0</v>
      </c>
      <c r="CF25" s="114">
        <v>750898</v>
      </c>
      <c r="CG25" s="114">
        <v>1123368</v>
      </c>
      <c r="CH25" s="114">
        <v>987046</v>
      </c>
      <c r="CI25" s="114">
        <v>530888</v>
      </c>
      <c r="CJ25" s="114">
        <v>635405</v>
      </c>
      <c r="CK25" s="113">
        <v>4027605</v>
      </c>
      <c r="CL25" s="116">
        <v>4150647</v>
      </c>
      <c r="CM25" s="110">
        <v>0</v>
      </c>
      <c r="CN25" s="114">
        <v>0</v>
      </c>
      <c r="CO25" s="113">
        <v>0</v>
      </c>
      <c r="CP25" s="111">
        <v>0</v>
      </c>
      <c r="CQ25" s="114">
        <v>319605</v>
      </c>
      <c r="CR25" s="114">
        <v>689444</v>
      </c>
      <c r="CS25" s="114">
        <v>589724</v>
      </c>
      <c r="CT25" s="114">
        <v>388690</v>
      </c>
      <c r="CU25" s="114">
        <v>287850</v>
      </c>
      <c r="CV25" s="113">
        <v>2275313</v>
      </c>
      <c r="CW25" s="116">
        <v>2275313</v>
      </c>
      <c r="CX25" s="110">
        <v>16970</v>
      </c>
      <c r="CY25" s="114">
        <v>106072</v>
      </c>
      <c r="CZ25" s="113">
        <v>123042</v>
      </c>
      <c r="DA25" s="110">
        <v>0</v>
      </c>
      <c r="DB25" s="114">
        <v>431293</v>
      </c>
      <c r="DC25" s="114">
        <v>433924</v>
      </c>
      <c r="DD25" s="114">
        <v>397322</v>
      </c>
      <c r="DE25" s="114">
        <v>142198</v>
      </c>
      <c r="DF25" s="114">
        <v>347555</v>
      </c>
      <c r="DG25" s="113">
        <v>1752292</v>
      </c>
      <c r="DH25" s="116">
        <v>1875334</v>
      </c>
      <c r="DI25" s="110">
        <v>0</v>
      </c>
      <c r="DJ25" s="114">
        <v>0</v>
      </c>
      <c r="DK25" s="112">
        <v>0</v>
      </c>
      <c r="DL25" s="111">
        <v>0</v>
      </c>
      <c r="DM25" s="114">
        <v>483562</v>
      </c>
      <c r="DN25" s="114">
        <v>73044</v>
      </c>
      <c r="DO25" s="114">
        <v>392069</v>
      </c>
      <c r="DP25" s="114">
        <v>308976</v>
      </c>
      <c r="DQ25" s="114">
        <v>0</v>
      </c>
      <c r="DR25" s="113">
        <v>1257651</v>
      </c>
      <c r="DS25" s="116">
        <v>1257651</v>
      </c>
      <c r="DT25" s="110">
        <v>0</v>
      </c>
      <c r="DU25" s="114">
        <v>0</v>
      </c>
      <c r="DV25" s="113">
        <v>0</v>
      </c>
      <c r="DW25" s="110">
        <v>0</v>
      </c>
      <c r="DX25" s="114">
        <v>483562</v>
      </c>
      <c r="DY25" s="114">
        <v>58769</v>
      </c>
      <c r="DZ25" s="114">
        <v>314549</v>
      </c>
      <c r="EA25" s="114">
        <v>308976</v>
      </c>
      <c r="EB25" s="114">
        <v>0</v>
      </c>
      <c r="EC25" s="113">
        <v>1165856</v>
      </c>
      <c r="ED25" s="116">
        <v>1165856</v>
      </c>
      <c r="EE25" s="110">
        <v>0</v>
      </c>
      <c r="EF25" s="112">
        <v>0</v>
      </c>
      <c r="EG25" s="113">
        <v>0</v>
      </c>
      <c r="EH25" s="110">
        <v>0</v>
      </c>
      <c r="EI25" s="114">
        <v>0</v>
      </c>
      <c r="EJ25" s="114">
        <v>14275</v>
      </c>
      <c r="EK25" s="114">
        <v>77520</v>
      </c>
      <c r="EL25" s="114">
        <v>0</v>
      </c>
      <c r="EM25" s="114">
        <v>0</v>
      </c>
      <c r="EN25" s="112">
        <v>91795</v>
      </c>
      <c r="EO25" s="116">
        <v>91795</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129367</v>
      </c>
      <c r="FM25" s="114">
        <v>204078</v>
      </c>
      <c r="FN25" s="113">
        <v>333445</v>
      </c>
      <c r="FO25" s="110">
        <v>0</v>
      </c>
      <c r="FP25" s="114">
        <v>239624</v>
      </c>
      <c r="FQ25" s="114">
        <v>183855</v>
      </c>
      <c r="FR25" s="114">
        <v>335818</v>
      </c>
      <c r="FS25" s="114">
        <v>98252</v>
      </c>
      <c r="FT25" s="114">
        <v>136451</v>
      </c>
      <c r="FU25" s="113">
        <v>994000</v>
      </c>
      <c r="FV25" s="116">
        <v>1327445</v>
      </c>
      <c r="FW25" s="115">
        <v>15267</v>
      </c>
      <c r="FX25" s="114">
        <v>63378</v>
      </c>
      <c r="FY25" s="112">
        <v>78645</v>
      </c>
      <c r="FZ25" s="111">
        <v>0</v>
      </c>
      <c r="GA25" s="114">
        <v>204204</v>
      </c>
      <c r="GB25" s="114">
        <v>183855</v>
      </c>
      <c r="GC25" s="114">
        <v>335818</v>
      </c>
      <c r="GD25" s="114">
        <v>98252</v>
      </c>
      <c r="GE25" s="114">
        <v>136451</v>
      </c>
      <c r="GF25" s="113">
        <v>958580</v>
      </c>
      <c r="GG25" s="318">
        <v>1037225</v>
      </c>
      <c r="GH25" s="115">
        <v>0</v>
      </c>
      <c r="GI25" s="114">
        <v>10010</v>
      </c>
      <c r="GJ25" s="112">
        <v>10010</v>
      </c>
      <c r="GK25" s="111">
        <v>0</v>
      </c>
      <c r="GL25" s="114">
        <v>35420</v>
      </c>
      <c r="GM25" s="114">
        <v>0</v>
      </c>
      <c r="GN25" s="114">
        <v>0</v>
      </c>
      <c r="GO25" s="114">
        <v>0</v>
      </c>
      <c r="GP25" s="114">
        <v>0</v>
      </c>
      <c r="GQ25" s="113">
        <v>35420</v>
      </c>
      <c r="GR25" s="116">
        <v>45430</v>
      </c>
      <c r="GS25" s="110">
        <v>114100</v>
      </c>
      <c r="GT25" s="114">
        <v>130690</v>
      </c>
      <c r="GU25" s="113">
        <v>244790</v>
      </c>
      <c r="GV25" s="110">
        <v>0</v>
      </c>
      <c r="GW25" s="114">
        <v>0</v>
      </c>
      <c r="GX25" s="114">
        <v>0</v>
      </c>
      <c r="GY25" s="114">
        <v>0</v>
      </c>
      <c r="GZ25" s="114">
        <v>0</v>
      </c>
      <c r="HA25" s="114">
        <v>0</v>
      </c>
      <c r="HB25" s="112">
        <v>0</v>
      </c>
      <c r="HC25" s="116">
        <v>244790</v>
      </c>
      <c r="HD25" s="110">
        <v>52129</v>
      </c>
      <c r="HE25" s="114">
        <v>77914</v>
      </c>
      <c r="HF25" s="112">
        <v>130043</v>
      </c>
      <c r="HG25" s="111">
        <v>0</v>
      </c>
      <c r="HH25" s="114">
        <v>283392</v>
      </c>
      <c r="HI25" s="114">
        <v>895632</v>
      </c>
      <c r="HJ25" s="114">
        <v>871386</v>
      </c>
      <c r="HK25" s="114">
        <v>1149738</v>
      </c>
      <c r="HL25" s="114">
        <v>207137</v>
      </c>
      <c r="HM25" s="113">
        <v>3407285</v>
      </c>
      <c r="HN25" s="109">
        <v>3537328</v>
      </c>
      <c r="HO25" s="328"/>
      <c r="HP25" s="329"/>
      <c r="HQ25" s="330"/>
      <c r="HR25" s="331"/>
      <c r="HS25" s="329"/>
      <c r="HT25" s="329"/>
      <c r="HU25" s="329"/>
      <c r="HV25" s="329"/>
      <c r="HW25" s="329"/>
      <c r="HX25" s="332"/>
      <c r="HY25" s="333"/>
      <c r="HZ25" s="131">
        <v>0</v>
      </c>
      <c r="IA25" s="132">
        <v>0</v>
      </c>
      <c r="IB25" s="133">
        <v>0</v>
      </c>
      <c r="IC25" s="146">
        <v>0</v>
      </c>
      <c r="ID25" s="132">
        <v>347635</v>
      </c>
      <c r="IE25" s="147">
        <v>-1557282</v>
      </c>
      <c r="IF25" s="133">
        <v>646705</v>
      </c>
      <c r="IG25" s="132">
        <v>0</v>
      </c>
      <c r="IH25" s="133">
        <v>236707</v>
      </c>
      <c r="II25" s="148">
        <v>-326235</v>
      </c>
      <c r="IJ25" s="139">
        <v>-326235</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141886</v>
      </c>
      <c r="JL25" s="119">
        <v>-1526894</v>
      </c>
      <c r="JM25" s="119">
        <v>40689</v>
      </c>
      <c r="JN25" s="119">
        <v>0</v>
      </c>
      <c r="JO25" s="119">
        <v>0</v>
      </c>
      <c r="JP25" s="120">
        <v>-1344319</v>
      </c>
      <c r="JQ25" s="320">
        <v>-1344319</v>
      </c>
      <c r="JR25" s="142">
        <v>0</v>
      </c>
      <c r="JS25" s="119">
        <v>0</v>
      </c>
      <c r="JT25" s="141">
        <v>0</v>
      </c>
      <c r="JU25" s="118">
        <v>0</v>
      </c>
      <c r="JV25" s="119">
        <v>0</v>
      </c>
      <c r="JW25" s="119">
        <v>0</v>
      </c>
      <c r="JX25" s="119">
        <v>209643</v>
      </c>
      <c r="JY25" s="119">
        <v>0</v>
      </c>
      <c r="JZ25" s="119">
        <v>0</v>
      </c>
      <c r="KA25" s="120">
        <v>209643</v>
      </c>
      <c r="KB25" s="320">
        <v>209643</v>
      </c>
      <c r="KC25" s="234">
        <v>0</v>
      </c>
      <c r="KD25" s="230">
        <v>0</v>
      </c>
      <c r="KE25" s="120">
        <v>0</v>
      </c>
      <c r="KF25" s="118">
        <v>0</v>
      </c>
      <c r="KG25" s="119">
        <v>0</v>
      </c>
      <c r="KH25" s="119">
        <v>-244961</v>
      </c>
      <c r="KI25" s="119">
        <v>173580</v>
      </c>
      <c r="KJ25" s="119">
        <v>0</v>
      </c>
      <c r="KK25" s="119">
        <v>0</v>
      </c>
      <c r="KL25" s="120">
        <v>-71381</v>
      </c>
      <c r="KM25" s="143">
        <v>-71381</v>
      </c>
      <c r="KN25" s="232">
        <v>0</v>
      </c>
      <c r="KO25" s="236">
        <v>0</v>
      </c>
      <c r="KP25" s="237">
        <v>0</v>
      </c>
      <c r="KQ25" s="140"/>
      <c r="KR25" s="119">
        <v>205749</v>
      </c>
      <c r="KS25" s="119">
        <v>214573</v>
      </c>
      <c r="KT25" s="119">
        <v>222793</v>
      </c>
      <c r="KU25" s="119">
        <v>0</v>
      </c>
      <c r="KV25" s="119">
        <v>236707</v>
      </c>
      <c r="KW25" s="120">
        <v>879822</v>
      </c>
      <c r="KX25" s="320">
        <v>879822</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0</v>
      </c>
      <c r="MK25" s="119">
        <v>718305</v>
      </c>
      <c r="ML25" s="119">
        <v>1407123</v>
      </c>
      <c r="MM25" s="119">
        <v>1944537</v>
      </c>
      <c r="MN25" s="119">
        <v>747042</v>
      </c>
      <c r="MO25" s="120">
        <v>4817007</v>
      </c>
      <c r="MP25" s="143">
        <v>4817007</v>
      </c>
      <c r="MQ25" s="142">
        <v>0</v>
      </c>
      <c r="MR25" s="119">
        <v>0</v>
      </c>
      <c r="MS25" s="120">
        <v>0</v>
      </c>
      <c r="MT25" s="145"/>
      <c r="MU25" s="119">
        <v>0</v>
      </c>
      <c r="MV25" s="119">
        <v>216772</v>
      </c>
      <c r="MW25" s="119">
        <v>617514</v>
      </c>
      <c r="MX25" s="119">
        <v>1431562</v>
      </c>
      <c r="MY25" s="119">
        <v>747042</v>
      </c>
      <c r="MZ25" s="120">
        <v>3012890</v>
      </c>
      <c r="NA25" s="143">
        <v>3012890</v>
      </c>
      <c r="NB25" s="142">
        <v>0</v>
      </c>
      <c r="NC25" s="119">
        <v>0</v>
      </c>
      <c r="ND25" s="120">
        <v>0</v>
      </c>
      <c r="NE25" s="145"/>
      <c r="NF25" s="119">
        <v>0</v>
      </c>
      <c r="NG25" s="119">
        <v>501533</v>
      </c>
      <c r="NH25" s="119">
        <v>789609</v>
      </c>
      <c r="NI25" s="119">
        <v>512975</v>
      </c>
      <c r="NJ25" s="119">
        <v>0</v>
      </c>
      <c r="NK25" s="120">
        <v>1804117</v>
      </c>
      <c r="NL25" s="320">
        <v>1804117</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238201</v>
      </c>
      <c r="OJ25" s="119">
        <v>555948</v>
      </c>
      <c r="OK25" s="141">
        <v>794149</v>
      </c>
      <c r="OL25" s="118">
        <v>0</v>
      </c>
      <c r="OM25" s="119">
        <v>3664162</v>
      </c>
      <c r="ON25" s="119">
        <v>2327225</v>
      </c>
      <c r="OO25" s="119">
        <v>5589510</v>
      </c>
      <c r="OP25" s="119">
        <v>5105548</v>
      </c>
      <c r="OQ25" s="119">
        <v>2612108</v>
      </c>
      <c r="OR25" s="120">
        <v>19298553</v>
      </c>
      <c r="OS25" s="143">
        <v>20092702</v>
      </c>
    </row>
    <row r="26" spans="2:409" ht="20.25" customHeight="1" x14ac:dyDescent="0.2">
      <c r="B26" s="126" t="s">
        <v>21</v>
      </c>
      <c r="C26" s="110">
        <v>464327</v>
      </c>
      <c r="D26" s="114">
        <v>166902</v>
      </c>
      <c r="E26" s="113">
        <v>631229</v>
      </c>
      <c r="F26" s="109">
        <v>0</v>
      </c>
      <c r="G26" s="114">
        <v>2193557</v>
      </c>
      <c r="H26" s="114">
        <v>2998060</v>
      </c>
      <c r="I26" s="114">
        <v>3241502</v>
      </c>
      <c r="J26" s="114">
        <v>2859103</v>
      </c>
      <c r="K26" s="114">
        <v>1625669</v>
      </c>
      <c r="L26" s="173">
        <v>12917891</v>
      </c>
      <c r="M26" s="116">
        <v>13549120</v>
      </c>
      <c r="N26" s="110">
        <v>134715</v>
      </c>
      <c r="O26" s="114">
        <v>25130</v>
      </c>
      <c r="P26" s="113">
        <v>159845</v>
      </c>
      <c r="Q26" s="110">
        <v>0</v>
      </c>
      <c r="R26" s="114">
        <v>753499</v>
      </c>
      <c r="S26" s="114">
        <v>1212674</v>
      </c>
      <c r="T26" s="114">
        <v>764912</v>
      </c>
      <c r="U26" s="114">
        <v>1462587</v>
      </c>
      <c r="V26" s="114">
        <v>990675</v>
      </c>
      <c r="W26" s="113">
        <v>5184347</v>
      </c>
      <c r="X26" s="116">
        <v>5344192</v>
      </c>
      <c r="Y26" s="110">
        <v>0</v>
      </c>
      <c r="Z26" s="114">
        <v>0</v>
      </c>
      <c r="AA26" s="113">
        <v>0</v>
      </c>
      <c r="AB26" s="110">
        <v>0</v>
      </c>
      <c r="AC26" s="114">
        <v>329461</v>
      </c>
      <c r="AD26" s="114">
        <v>524637</v>
      </c>
      <c r="AE26" s="114">
        <v>312780</v>
      </c>
      <c r="AF26" s="114">
        <v>806514</v>
      </c>
      <c r="AG26" s="114">
        <v>538895</v>
      </c>
      <c r="AH26" s="113">
        <v>2512287</v>
      </c>
      <c r="AI26" s="116">
        <v>2512287</v>
      </c>
      <c r="AJ26" s="110">
        <v>0</v>
      </c>
      <c r="AK26" s="114">
        <v>0</v>
      </c>
      <c r="AL26" s="113">
        <v>0</v>
      </c>
      <c r="AM26" s="110">
        <v>0</v>
      </c>
      <c r="AN26" s="114">
        <v>0</v>
      </c>
      <c r="AO26" s="114">
        <v>20517</v>
      </c>
      <c r="AP26" s="114">
        <v>49201</v>
      </c>
      <c r="AQ26" s="114">
        <v>170307</v>
      </c>
      <c r="AR26" s="114">
        <v>69888</v>
      </c>
      <c r="AS26" s="113">
        <v>309913</v>
      </c>
      <c r="AT26" s="116">
        <v>309913</v>
      </c>
      <c r="AU26" s="110">
        <v>53672</v>
      </c>
      <c r="AV26" s="114">
        <v>0</v>
      </c>
      <c r="AW26" s="113">
        <v>53672</v>
      </c>
      <c r="AX26" s="110">
        <v>0</v>
      </c>
      <c r="AY26" s="114">
        <v>283429</v>
      </c>
      <c r="AZ26" s="114">
        <v>466364</v>
      </c>
      <c r="BA26" s="114">
        <v>229123</v>
      </c>
      <c r="BB26" s="114">
        <v>248350</v>
      </c>
      <c r="BC26" s="114">
        <v>278553</v>
      </c>
      <c r="BD26" s="113">
        <v>1505819</v>
      </c>
      <c r="BE26" s="116">
        <v>1559491</v>
      </c>
      <c r="BF26" s="110">
        <v>18491</v>
      </c>
      <c r="BG26" s="114">
        <v>0</v>
      </c>
      <c r="BH26" s="112">
        <v>18491</v>
      </c>
      <c r="BI26" s="111">
        <v>0</v>
      </c>
      <c r="BJ26" s="114">
        <v>0</v>
      </c>
      <c r="BK26" s="114">
        <v>63228</v>
      </c>
      <c r="BL26" s="114">
        <v>23742</v>
      </c>
      <c r="BM26" s="114">
        <v>90724</v>
      </c>
      <c r="BN26" s="114">
        <v>28026</v>
      </c>
      <c r="BO26" s="113">
        <v>205720</v>
      </c>
      <c r="BP26" s="116">
        <v>224211</v>
      </c>
      <c r="BQ26" s="110">
        <v>62552</v>
      </c>
      <c r="BR26" s="114">
        <v>25130</v>
      </c>
      <c r="BS26" s="113">
        <v>87682</v>
      </c>
      <c r="BT26" s="110">
        <v>0</v>
      </c>
      <c r="BU26" s="114">
        <v>140609</v>
      </c>
      <c r="BV26" s="114">
        <v>137928</v>
      </c>
      <c r="BW26" s="114">
        <v>150066</v>
      </c>
      <c r="BX26" s="114">
        <v>146692</v>
      </c>
      <c r="BY26" s="114">
        <v>75313</v>
      </c>
      <c r="BZ26" s="113">
        <v>650608</v>
      </c>
      <c r="CA26" s="116">
        <v>738290</v>
      </c>
      <c r="CB26" s="110">
        <v>17738</v>
      </c>
      <c r="CC26" s="114">
        <v>32877</v>
      </c>
      <c r="CD26" s="113">
        <v>50615</v>
      </c>
      <c r="CE26" s="110">
        <v>0</v>
      </c>
      <c r="CF26" s="114">
        <v>650574</v>
      </c>
      <c r="CG26" s="114">
        <v>927838</v>
      </c>
      <c r="CH26" s="114">
        <v>459215</v>
      </c>
      <c r="CI26" s="114">
        <v>302926</v>
      </c>
      <c r="CJ26" s="114">
        <v>188394</v>
      </c>
      <c r="CK26" s="113">
        <v>2528947</v>
      </c>
      <c r="CL26" s="116">
        <v>2579562</v>
      </c>
      <c r="CM26" s="110">
        <v>0</v>
      </c>
      <c r="CN26" s="114">
        <v>0</v>
      </c>
      <c r="CO26" s="113">
        <v>0</v>
      </c>
      <c r="CP26" s="111">
        <v>0</v>
      </c>
      <c r="CQ26" s="114">
        <v>644046</v>
      </c>
      <c r="CR26" s="114">
        <v>752504</v>
      </c>
      <c r="CS26" s="114">
        <v>424645</v>
      </c>
      <c r="CT26" s="114">
        <v>291950</v>
      </c>
      <c r="CU26" s="114">
        <v>45490</v>
      </c>
      <c r="CV26" s="113">
        <v>2158635</v>
      </c>
      <c r="CW26" s="116">
        <v>2158635</v>
      </c>
      <c r="CX26" s="110">
        <v>17738</v>
      </c>
      <c r="CY26" s="114">
        <v>32877</v>
      </c>
      <c r="CZ26" s="113">
        <v>50615</v>
      </c>
      <c r="DA26" s="110">
        <v>0</v>
      </c>
      <c r="DB26" s="114">
        <v>6528</v>
      </c>
      <c r="DC26" s="114">
        <v>175334</v>
      </c>
      <c r="DD26" s="114">
        <v>34570</v>
      </c>
      <c r="DE26" s="114">
        <v>10976</v>
      </c>
      <c r="DF26" s="114">
        <v>142904</v>
      </c>
      <c r="DG26" s="113">
        <v>370312</v>
      </c>
      <c r="DH26" s="116">
        <v>420927</v>
      </c>
      <c r="DI26" s="110">
        <v>35654</v>
      </c>
      <c r="DJ26" s="114">
        <v>0</v>
      </c>
      <c r="DK26" s="112">
        <v>35654</v>
      </c>
      <c r="DL26" s="111">
        <v>0</v>
      </c>
      <c r="DM26" s="114">
        <v>30389</v>
      </c>
      <c r="DN26" s="114">
        <v>143479</v>
      </c>
      <c r="DO26" s="114">
        <v>618024</v>
      </c>
      <c r="DP26" s="114">
        <v>164572</v>
      </c>
      <c r="DQ26" s="114">
        <v>111439</v>
      </c>
      <c r="DR26" s="113">
        <v>1067903</v>
      </c>
      <c r="DS26" s="116">
        <v>1103557</v>
      </c>
      <c r="DT26" s="110">
        <v>35654</v>
      </c>
      <c r="DU26" s="114">
        <v>0</v>
      </c>
      <c r="DV26" s="113">
        <v>35654</v>
      </c>
      <c r="DW26" s="110">
        <v>0</v>
      </c>
      <c r="DX26" s="114">
        <v>30389</v>
      </c>
      <c r="DY26" s="114">
        <v>52115</v>
      </c>
      <c r="DZ26" s="114">
        <v>618024</v>
      </c>
      <c r="EA26" s="114">
        <v>133681</v>
      </c>
      <c r="EB26" s="114">
        <v>111439</v>
      </c>
      <c r="EC26" s="113">
        <v>945648</v>
      </c>
      <c r="ED26" s="116">
        <v>981302</v>
      </c>
      <c r="EE26" s="110">
        <v>0</v>
      </c>
      <c r="EF26" s="112">
        <v>0</v>
      </c>
      <c r="EG26" s="113">
        <v>0</v>
      </c>
      <c r="EH26" s="110">
        <v>0</v>
      </c>
      <c r="EI26" s="114">
        <v>0</v>
      </c>
      <c r="EJ26" s="114">
        <v>91364</v>
      </c>
      <c r="EK26" s="114">
        <v>0</v>
      </c>
      <c r="EL26" s="114">
        <v>30891</v>
      </c>
      <c r="EM26" s="114">
        <v>0</v>
      </c>
      <c r="EN26" s="112">
        <v>122255</v>
      </c>
      <c r="EO26" s="116">
        <v>122255</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80066</v>
      </c>
      <c r="FM26" s="114">
        <v>26866</v>
      </c>
      <c r="FN26" s="113">
        <v>106932</v>
      </c>
      <c r="FO26" s="110">
        <v>0</v>
      </c>
      <c r="FP26" s="114">
        <v>55314</v>
      </c>
      <c r="FQ26" s="114">
        <v>268646</v>
      </c>
      <c r="FR26" s="114">
        <v>173099</v>
      </c>
      <c r="FS26" s="114">
        <v>162302</v>
      </c>
      <c r="FT26" s="114">
        <v>119665</v>
      </c>
      <c r="FU26" s="113">
        <v>779026</v>
      </c>
      <c r="FV26" s="116">
        <v>885958</v>
      </c>
      <c r="FW26" s="115">
        <v>40054</v>
      </c>
      <c r="FX26" s="114">
        <v>26866</v>
      </c>
      <c r="FY26" s="112">
        <v>66920</v>
      </c>
      <c r="FZ26" s="111">
        <v>0</v>
      </c>
      <c r="GA26" s="114">
        <v>55314</v>
      </c>
      <c r="GB26" s="114">
        <v>268646</v>
      </c>
      <c r="GC26" s="114">
        <v>150115</v>
      </c>
      <c r="GD26" s="114">
        <v>162302</v>
      </c>
      <c r="GE26" s="114">
        <v>119665</v>
      </c>
      <c r="GF26" s="113">
        <v>756042</v>
      </c>
      <c r="GG26" s="318">
        <v>822962</v>
      </c>
      <c r="GH26" s="115">
        <v>0</v>
      </c>
      <c r="GI26" s="114">
        <v>0</v>
      </c>
      <c r="GJ26" s="112">
        <v>0</v>
      </c>
      <c r="GK26" s="111">
        <v>0</v>
      </c>
      <c r="GL26" s="114">
        <v>0</v>
      </c>
      <c r="GM26" s="114">
        <v>0</v>
      </c>
      <c r="GN26" s="114">
        <v>22984</v>
      </c>
      <c r="GO26" s="114">
        <v>0</v>
      </c>
      <c r="GP26" s="114">
        <v>0</v>
      </c>
      <c r="GQ26" s="113">
        <v>22984</v>
      </c>
      <c r="GR26" s="116">
        <v>22984</v>
      </c>
      <c r="GS26" s="110">
        <v>40012</v>
      </c>
      <c r="GT26" s="114">
        <v>0</v>
      </c>
      <c r="GU26" s="113">
        <v>40012</v>
      </c>
      <c r="GV26" s="110">
        <v>0</v>
      </c>
      <c r="GW26" s="114">
        <v>0</v>
      </c>
      <c r="GX26" s="114">
        <v>0</v>
      </c>
      <c r="GY26" s="114">
        <v>0</v>
      </c>
      <c r="GZ26" s="114">
        <v>0</v>
      </c>
      <c r="HA26" s="114">
        <v>0</v>
      </c>
      <c r="HB26" s="112">
        <v>0</v>
      </c>
      <c r="HC26" s="116">
        <v>40012</v>
      </c>
      <c r="HD26" s="110">
        <v>196154</v>
      </c>
      <c r="HE26" s="114">
        <v>82029</v>
      </c>
      <c r="HF26" s="112">
        <v>278183</v>
      </c>
      <c r="HG26" s="111">
        <v>0</v>
      </c>
      <c r="HH26" s="114">
        <v>703781</v>
      </c>
      <c r="HI26" s="114">
        <v>445423</v>
      </c>
      <c r="HJ26" s="114">
        <v>1226252</v>
      </c>
      <c r="HK26" s="114">
        <v>766716</v>
      </c>
      <c r="HL26" s="114">
        <v>215496</v>
      </c>
      <c r="HM26" s="113">
        <v>3357668</v>
      </c>
      <c r="HN26" s="109">
        <v>3635851</v>
      </c>
      <c r="HO26" s="328"/>
      <c r="HP26" s="329"/>
      <c r="HQ26" s="330"/>
      <c r="HR26" s="331"/>
      <c r="HS26" s="329"/>
      <c r="HT26" s="329"/>
      <c r="HU26" s="329"/>
      <c r="HV26" s="329"/>
      <c r="HW26" s="329"/>
      <c r="HX26" s="332"/>
      <c r="HY26" s="333"/>
      <c r="HZ26" s="150">
        <v>0</v>
      </c>
      <c r="IA26" s="135">
        <v>0</v>
      </c>
      <c r="IB26" s="150">
        <v>0</v>
      </c>
      <c r="IC26" s="134">
        <v>0</v>
      </c>
      <c r="ID26" s="135">
        <v>680755</v>
      </c>
      <c r="IE26" s="136">
        <v>570049</v>
      </c>
      <c r="IF26" s="137">
        <v>492380</v>
      </c>
      <c r="IG26" s="135">
        <v>747741</v>
      </c>
      <c r="IH26" s="137">
        <v>0</v>
      </c>
      <c r="II26" s="138">
        <v>2490925</v>
      </c>
      <c r="IJ26" s="150">
        <v>2490925</v>
      </c>
      <c r="IK26" s="232">
        <v>0</v>
      </c>
      <c r="IL26" s="236">
        <v>0</v>
      </c>
      <c r="IM26" s="237">
        <v>0</v>
      </c>
      <c r="IN26" s="140"/>
      <c r="IO26" s="119">
        <v>0</v>
      </c>
      <c r="IP26" s="119">
        <v>0</v>
      </c>
      <c r="IQ26" s="119">
        <v>0</v>
      </c>
      <c r="IR26" s="119">
        <v>0</v>
      </c>
      <c r="IS26" s="119">
        <v>0</v>
      </c>
      <c r="IT26" s="141">
        <v>0</v>
      </c>
      <c r="IU26" s="320">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385737</v>
      </c>
      <c r="JL26" s="119">
        <v>139293</v>
      </c>
      <c r="JM26" s="119">
        <v>93236</v>
      </c>
      <c r="JN26" s="119">
        <v>72381</v>
      </c>
      <c r="JO26" s="119">
        <v>0</v>
      </c>
      <c r="JP26" s="120">
        <v>690647</v>
      </c>
      <c r="JQ26" s="320">
        <v>690647</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91610</v>
      </c>
      <c r="KH26" s="119">
        <v>0</v>
      </c>
      <c r="KI26" s="119">
        <v>0</v>
      </c>
      <c r="KJ26" s="119">
        <v>219695</v>
      </c>
      <c r="KK26" s="119">
        <v>0</v>
      </c>
      <c r="KL26" s="120">
        <v>311305</v>
      </c>
      <c r="KM26" s="143">
        <v>311305</v>
      </c>
      <c r="KN26" s="232">
        <v>0</v>
      </c>
      <c r="KO26" s="236">
        <v>0</v>
      </c>
      <c r="KP26" s="237">
        <v>0</v>
      </c>
      <c r="KQ26" s="140"/>
      <c r="KR26" s="119">
        <v>203408</v>
      </c>
      <c r="KS26" s="119">
        <v>430756</v>
      </c>
      <c r="KT26" s="119">
        <v>182742</v>
      </c>
      <c r="KU26" s="119">
        <v>455665</v>
      </c>
      <c r="KV26" s="119">
        <v>0</v>
      </c>
      <c r="KW26" s="120">
        <v>1272571</v>
      </c>
      <c r="KX26" s="320">
        <v>1272571</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216402</v>
      </c>
      <c r="MB26" s="119">
        <v>0</v>
      </c>
      <c r="MC26" s="119">
        <v>0</v>
      </c>
      <c r="MD26" s="120">
        <v>216402</v>
      </c>
      <c r="ME26" s="121">
        <v>216402</v>
      </c>
      <c r="MF26" s="142">
        <v>0</v>
      </c>
      <c r="MG26" s="119">
        <v>0</v>
      </c>
      <c r="MH26" s="120">
        <v>0</v>
      </c>
      <c r="MI26" s="145"/>
      <c r="MJ26" s="119">
        <v>0</v>
      </c>
      <c r="MK26" s="119">
        <v>232671</v>
      </c>
      <c r="ML26" s="119">
        <v>675451</v>
      </c>
      <c r="MM26" s="119">
        <v>724322</v>
      </c>
      <c r="MN26" s="119">
        <v>1834747</v>
      </c>
      <c r="MO26" s="120">
        <v>3467191</v>
      </c>
      <c r="MP26" s="143">
        <v>3467191</v>
      </c>
      <c r="MQ26" s="142">
        <v>0</v>
      </c>
      <c r="MR26" s="119">
        <v>0</v>
      </c>
      <c r="MS26" s="120">
        <v>0</v>
      </c>
      <c r="MT26" s="145"/>
      <c r="MU26" s="119">
        <v>0</v>
      </c>
      <c r="MV26" s="119">
        <v>0</v>
      </c>
      <c r="MW26" s="119">
        <v>223019</v>
      </c>
      <c r="MX26" s="119">
        <v>454633</v>
      </c>
      <c r="MY26" s="119">
        <v>999622</v>
      </c>
      <c r="MZ26" s="120">
        <v>1677274</v>
      </c>
      <c r="NA26" s="143">
        <v>1677274</v>
      </c>
      <c r="NB26" s="142">
        <v>0</v>
      </c>
      <c r="NC26" s="119">
        <v>0</v>
      </c>
      <c r="ND26" s="120">
        <v>0</v>
      </c>
      <c r="NE26" s="145"/>
      <c r="NF26" s="119">
        <v>0</v>
      </c>
      <c r="NG26" s="119">
        <v>232671</v>
      </c>
      <c r="NH26" s="119">
        <v>452432</v>
      </c>
      <c r="NI26" s="119">
        <v>269689</v>
      </c>
      <c r="NJ26" s="119">
        <v>529067</v>
      </c>
      <c r="NK26" s="120">
        <v>1483859</v>
      </c>
      <c r="NL26" s="320">
        <v>1483859</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306058</v>
      </c>
      <c r="OG26" s="120">
        <v>306058</v>
      </c>
      <c r="OH26" s="121">
        <v>306058</v>
      </c>
      <c r="OI26" s="142">
        <v>464327</v>
      </c>
      <c r="OJ26" s="119">
        <v>166902</v>
      </c>
      <c r="OK26" s="141">
        <v>631229</v>
      </c>
      <c r="OL26" s="118">
        <v>0</v>
      </c>
      <c r="OM26" s="119">
        <v>2874312</v>
      </c>
      <c r="ON26" s="119">
        <v>3800780</v>
      </c>
      <c r="OO26" s="119">
        <v>4409333</v>
      </c>
      <c r="OP26" s="119">
        <v>4331166</v>
      </c>
      <c r="OQ26" s="119">
        <v>3460416</v>
      </c>
      <c r="OR26" s="120">
        <v>18876007</v>
      </c>
      <c r="OS26" s="143">
        <v>19507236</v>
      </c>
    </row>
    <row r="27" spans="2:409" ht="20.25" customHeight="1" x14ac:dyDescent="0.2">
      <c r="B27" s="126" t="s">
        <v>22</v>
      </c>
      <c r="C27" s="110">
        <v>18680</v>
      </c>
      <c r="D27" s="114">
        <v>31066</v>
      </c>
      <c r="E27" s="113">
        <v>49746</v>
      </c>
      <c r="F27" s="109">
        <v>0</v>
      </c>
      <c r="G27" s="114">
        <v>1306346</v>
      </c>
      <c r="H27" s="114">
        <v>840760</v>
      </c>
      <c r="I27" s="114">
        <v>517511</v>
      </c>
      <c r="J27" s="114">
        <v>1599056</v>
      </c>
      <c r="K27" s="114">
        <v>1890717</v>
      </c>
      <c r="L27" s="173">
        <v>6154390</v>
      </c>
      <c r="M27" s="116">
        <v>6204136</v>
      </c>
      <c r="N27" s="110">
        <v>6384</v>
      </c>
      <c r="O27" s="114">
        <v>16786</v>
      </c>
      <c r="P27" s="113">
        <v>23170</v>
      </c>
      <c r="Q27" s="110">
        <v>0</v>
      </c>
      <c r="R27" s="114">
        <v>382694</v>
      </c>
      <c r="S27" s="114">
        <v>307437</v>
      </c>
      <c r="T27" s="114">
        <v>79596</v>
      </c>
      <c r="U27" s="114">
        <v>278214</v>
      </c>
      <c r="V27" s="114">
        <v>1240926</v>
      </c>
      <c r="W27" s="113">
        <v>2288867</v>
      </c>
      <c r="X27" s="116">
        <v>2312037</v>
      </c>
      <c r="Y27" s="110">
        <v>0</v>
      </c>
      <c r="Z27" s="114">
        <v>0</v>
      </c>
      <c r="AA27" s="113">
        <v>0</v>
      </c>
      <c r="AB27" s="110">
        <v>0</v>
      </c>
      <c r="AC27" s="114">
        <v>151316</v>
      </c>
      <c r="AD27" s="114">
        <v>65674</v>
      </c>
      <c r="AE27" s="114">
        <v>52100</v>
      </c>
      <c r="AF27" s="114">
        <v>0</v>
      </c>
      <c r="AG27" s="114">
        <v>466426</v>
      </c>
      <c r="AH27" s="113">
        <v>735516</v>
      </c>
      <c r="AI27" s="116">
        <v>735516</v>
      </c>
      <c r="AJ27" s="110">
        <v>0</v>
      </c>
      <c r="AK27" s="114">
        <v>0</v>
      </c>
      <c r="AL27" s="113">
        <v>0</v>
      </c>
      <c r="AM27" s="110">
        <v>0</v>
      </c>
      <c r="AN27" s="114">
        <v>0</v>
      </c>
      <c r="AO27" s="114">
        <v>0</v>
      </c>
      <c r="AP27" s="114">
        <v>0</v>
      </c>
      <c r="AQ27" s="114">
        <v>27447</v>
      </c>
      <c r="AR27" s="114">
        <v>418585</v>
      </c>
      <c r="AS27" s="113">
        <v>446032</v>
      </c>
      <c r="AT27" s="116">
        <v>446032</v>
      </c>
      <c r="AU27" s="110">
        <v>6384</v>
      </c>
      <c r="AV27" s="114">
        <v>16786</v>
      </c>
      <c r="AW27" s="113">
        <v>23170</v>
      </c>
      <c r="AX27" s="110">
        <v>0</v>
      </c>
      <c r="AY27" s="114">
        <v>109389</v>
      </c>
      <c r="AZ27" s="114">
        <v>146731</v>
      </c>
      <c r="BA27" s="114">
        <v>10850</v>
      </c>
      <c r="BB27" s="114">
        <v>138242</v>
      </c>
      <c r="BC27" s="114">
        <v>339115</v>
      </c>
      <c r="BD27" s="113">
        <v>744327</v>
      </c>
      <c r="BE27" s="116">
        <v>767497</v>
      </c>
      <c r="BF27" s="110">
        <v>0</v>
      </c>
      <c r="BG27" s="114">
        <v>0</v>
      </c>
      <c r="BH27" s="112">
        <v>0</v>
      </c>
      <c r="BI27" s="111">
        <v>0</v>
      </c>
      <c r="BJ27" s="114">
        <v>86877</v>
      </c>
      <c r="BK27" s="114">
        <v>72828</v>
      </c>
      <c r="BL27" s="114">
        <v>0</v>
      </c>
      <c r="BM27" s="114">
        <v>64848</v>
      </c>
      <c r="BN27" s="114">
        <v>0</v>
      </c>
      <c r="BO27" s="113">
        <v>224553</v>
      </c>
      <c r="BP27" s="116">
        <v>224553</v>
      </c>
      <c r="BQ27" s="110">
        <v>0</v>
      </c>
      <c r="BR27" s="114">
        <v>0</v>
      </c>
      <c r="BS27" s="113">
        <v>0</v>
      </c>
      <c r="BT27" s="110">
        <v>0</v>
      </c>
      <c r="BU27" s="114">
        <v>35112</v>
      </c>
      <c r="BV27" s="114">
        <v>22204</v>
      </c>
      <c r="BW27" s="114">
        <v>16646</v>
      </c>
      <c r="BX27" s="114">
        <v>47677</v>
      </c>
      <c r="BY27" s="114">
        <v>16800</v>
      </c>
      <c r="BZ27" s="113">
        <v>138439</v>
      </c>
      <c r="CA27" s="116">
        <v>138439</v>
      </c>
      <c r="CB27" s="110">
        <v>0</v>
      </c>
      <c r="CC27" s="114">
        <v>0</v>
      </c>
      <c r="CD27" s="113">
        <v>0</v>
      </c>
      <c r="CE27" s="110">
        <v>0</v>
      </c>
      <c r="CF27" s="114">
        <v>515087</v>
      </c>
      <c r="CG27" s="114">
        <v>117831</v>
      </c>
      <c r="CH27" s="114">
        <v>105196</v>
      </c>
      <c r="CI27" s="114">
        <v>450816</v>
      </c>
      <c r="CJ27" s="114">
        <v>146944</v>
      </c>
      <c r="CK27" s="113">
        <v>1335874</v>
      </c>
      <c r="CL27" s="116">
        <v>1335874</v>
      </c>
      <c r="CM27" s="110">
        <v>0</v>
      </c>
      <c r="CN27" s="114">
        <v>0</v>
      </c>
      <c r="CO27" s="113">
        <v>0</v>
      </c>
      <c r="CP27" s="111">
        <v>0</v>
      </c>
      <c r="CQ27" s="114">
        <v>498721</v>
      </c>
      <c r="CR27" s="114">
        <v>117831</v>
      </c>
      <c r="CS27" s="114">
        <v>105196</v>
      </c>
      <c r="CT27" s="114">
        <v>374054</v>
      </c>
      <c r="CU27" s="114">
        <v>146944</v>
      </c>
      <c r="CV27" s="113">
        <v>1242746</v>
      </c>
      <c r="CW27" s="116">
        <v>1242746</v>
      </c>
      <c r="CX27" s="110">
        <v>0</v>
      </c>
      <c r="CY27" s="114">
        <v>0</v>
      </c>
      <c r="CZ27" s="113">
        <v>0</v>
      </c>
      <c r="DA27" s="110">
        <v>0</v>
      </c>
      <c r="DB27" s="114">
        <v>16366</v>
      </c>
      <c r="DC27" s="114">
        <v>0</v>
      </c>
      <c r="DD27" s="114">
        <v>0</v>
      </c>
      <c r="DE27" s="114">
        <v>76762</v>
      </c>
      <c r="DF27" s="114">
        <v>0</v>
      </c>
      <c r="DG27" s="113">
        <v>93128</v>
      </c>
      <c r="DH27" s="116">
        <v>93128</v>
      </c>
      <c r="DI27" s="110">
        <v>7606</v>
      </c>
      <c r="DJ27" s="114">
        <v>0</v>
      </c>
      <c r="DK27" s="112">
        <v>7606</v>
      </c>
      <c r="DL27" s="111">
        <v>0</v>
      </c>
      <c r="DM27" s="114">
        <v>63629</v>
      </c>
      <c r="DN27" s="114">
        <v>66345</v>
      </c>
      <c r="DO27" s="114">
        <v>118949</v>
      </c>
      <c r="DP27" s="114">
        <v>45639</v>
      </c>
      <c r="DQ27" s="114">
        <v>0</v>
      </c>
      <c r="DR27" s="113">
        <v>294562</v>
      </c>
      <c r="DS27" s="116">
        <v>302168</v>
      </c>
      <c r="DT27" s="110">
        <v>7606</v>
      </c>
      <c r="DU27" s="114">
        <v>0</v>
      </c>
      <c r="DV27" s="113">
        <v>7606</v>
      </c>
      <c r="DW27" s="110">
        <v>0</v>
      </c>
      <c r="DX27" s="114">
        <v>63629</v>
      </c>
      <c r="DY27" s="114">
        <v>40210</v>
      </c>
      <c r="DZ27" s="114">
        <v>118949</v>
      </c>
      <c r="EA27" s="114">
        <v>45639</v>
      </c>
      <c r="EB27" s="114">
        <v>0</v>
      </c>
      <c r="EC27" s="113">
        <v>268427</v>
      </c>
      <c r="ED27" s="116">
        <v>276033</v>
      </c>
      <c r="EE27" s="110">
        <v>0</v>
      </c>
      <c r="EF27" s="112">
        <v>0</v>
      </c>
      <c r="EG27" s="113">
        <v>0</v>
      </c>
      <c r="EH27" s="110">
        <v>0</v>
      </c>
      <c r="EI27" s="114">
        <v>0</v>
      </c>
      <c r="EJ27" s="114">
        <v>26135</v>
      </c>
      <c r="EK27" s="114">
        <v>0</v>
      </c>
      <c r="EL27" s="114">
        <v>0</v>
      </c>
      <c r="EM27" s="114">
        <v>0</v>
      </c>
      <c r="EN27" s="112">
        <v>26135</v>
      </c>
      <c r="EO27" s="116">
        <v>26135</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4690</v>
      </c>
      <c r="FM27" s="114">
        <v>14280</v>
      </c>
      <c r="FN27" s="113">
        <v>18970</v>
      </c>
      <c r="FO27" s="110">
        <v>0</v>
      </c>
      <c r="FP27" s="114">
        <v>69902</v>
      </c>
      <c r="FQ27" s="114">
        <v>109830</v>
      </c>
      <c r="FR27" s="114">
        <v>33222</v>
      </c>
      <c r="FS27" s="114">
        <v>89488</v>
      </c>
      <c r="FT27" s="114">
        <v>101500</v>
      </c>
      <c r="FU27" s="113">
        <v>403942</v>
      </c>
      <c r="FV27" s="116">
        <v>422912</v>
      </c>
      <c r="FW27" s="115">
        <v>4690</v>
      </c>
      <c r="FX27" s="114">
        <v>14280</v>
      </c>
      <c r="FY27" s="112">
        <v>18970</v>
      </c>
      <c r="FZ27" s="111">
        <v>0</v>
      </c>
      <c r="GA27" s="114">
        <v>69902</v>
      </c>
      <c r="GB27" s="114">
        <v>109830</v>
      </c>
      <c r="GC27" s="114">
        <v>33222</v>
      </c>
      <c r="GD27" s="114">
        <v>89488</v>
      </c>
      <c r="GE27" s="114">
        <v>101500</v>
      </c>
      <c r="GF27" s="113">
        <v>403942</v>
      </c>
      <c r="GG27" s="318">
        <v>422912</v>
      </c>
      <c r="GH27" s="115">
        <v>0</v>
      </c>
      <c r="GI27" s="114">
        <v>0</v>
      </c>
      <c r="GJ27" s="112">
        <v>0</v>
      </c>
      <c r="GK27" s="111">
        <v>0</v>
      </c>
      <c r="GL27" s="114">
        <v>0</v>
      </c>
      <c r="GM27" s="114">
        <v>0</v>
      </c>
      <c r="GN27" s="114">
        <v>0</v>
      </c>
      <c r="GO27" s="114">
        <v>0</v>
      </c>
      <c r="GP27" s="114">
        <v>0</v>
      </c>
      <c r="GQ27" s="113">
        <v>0</v>
      </c>
      <c r="GR27" s="116">
        <v>0</v>
      </c>
      <c r="GS27" s="110">
        <v>0</v>
      </c>
      <c r="GT27" s="114">
        <v>0</v>
      </c>
      <c r="GU27" s="113">
        <v>0</v>
      </c>
      <c r="GV27" s="110">
        <v>0</v>
      </c>
      <c r="GW27" s="114">
        <v>0</v>
      </c>
      <c r="GX27" s="114">
        <v>0</v>
      </c>
      <c r="GY27" s="114">
        <v>0</v>
      </c>
      <c r="GZ27" s="114">
        <v>0</v>
      </c>
      <c r="HA27" s="114">
        <v>0</v>
      </c>
      <c r="HB27" s="112">
        <v>0</v>
      </c>
      <c r="HC27" s="116">
        <v>0</v>
      </c>
      <c r="HD27" s="110">
        <v>0</v>
      </c>
      <c r="HE27" s="114">
        <v>0</v>
      </c>
      <c r="HF27" s="112">
        <v>0</v>
      </c>
      <c r="HG27" s="111">
        <v>0</v>
      </c>
      <c r="HH27" s="114">
        <v>275034</v>
      </c>
      <c r="HI27" s="114">
        <v>239317</v>
      </c>
      <c r="HJ27" s="114">
        <v>180548</v>
      </c>
      <c r="HK27" s="114">
        <v>734899</v>
      </c>
      <c r="HL27" s="114">
        <v>401347</v>
      </c>
      <c r="HM27" s="113">
        <v>1831145</v>
      </c>
      <c r="HN27" s="109">
        <v>1831145</v>
      </c>
      <c r="HO27" s="328"/>
      <c r="HP27" s="329"/>
      <c r="HQ27" s="330"/>
      <c r="HR27" s="331"/>
      <c r="HS27" s="329"/>
      <c r="HT27" s="329"/>
      <c r="HU27" s="329"/>
      <c r="HV27" s="329"/>
      <c r="HW27" s="329"/>
      <c r="HX27" s="332"/>
      <c r="HY27" s="333"/>
      <c r="HZ27" s="131">
        <v>34923</v>
      </c>
      <c r="IA27" s="132">
        <v>0</v>
      </c>
      <c r="IB27" s="133">
        <v>34923</v>
      </c>
      <c r="IC27" s="146">
        <v>0</v>
      </c>
      <c r="ID27" s="132">
        <v>649922</v>
      </c>
      <c r="IE27" s="147">
        <v>371280</v>
      </c>
      <c r="IF27" s="133">
        <v>282373</v>
      </c>
      <c r="IG27" s="132">
        <v>574385</v>
      </c>
      <c r="IH27" s="133">
        <v>0</v>
      </c>
      <c r="II27" s="148">
        <v>1877960</v>
      </c>
      <c r="IJ27" s="139">
        <v>1912883</v>
      </c>
      <c r="IK27" s="232">
        <v>0</v>
      </c>
      <c r="IL27" s="236">
        <v>0</v>
      </c>
      <c r="IM27" s="237">
        <v>0</v>
      </c>
      <c r="IN27" s="140"/>
      <c r="IO27" s="119">
        <v>151494</v>
      </c>
      <c r="IP27" s="119">
        <v>85757</v>
      </c>
      <c r="IQ27" s="119">
        <v>0</v>
      </c>
      <c r="IR27" s="119">
        <v>0</v>
      </c>
      <c r="IS27" s="119">
        <v>0</v>
      </c>
      <c r="IT27" s="141">
        <v>237251</v>
      </c>
      <c r="IU27" s="320">
        <v>237251</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295358</v>
      </c>
      <c r="JL27" s="119">
        <v>23387</v>
      </c>
      <c r="JM27" s="119">
        <v>0</v>
      </c>
      <c r="JN27" s="119">
        <v>119259</v>
      </c>
      <c r="JO27" s="119">
        <v>0</v>
      </c>
      <c r="JP27" s="120">
        <v>438004</v>
      </c>
      <c r="JQ27" s="320">
        <v>438004</v>
      </c>
      <c r="JR27" s="142">
        <v>0</v>
      </c>
      <c r="JS27" s="119">
        <v>0</v>
      </c>
      <c r="JT27" s="141">
        <v>0</v>
      </c>
      <c r="JU27" s="118">
        <v>0</v>
      </c>
      <c r="JV27" s="119">
        <v>0</v>
      </c>
      <c r="JW27" s="119">
        <v>0</v>
      </c>
      <c r="JX27" s="119">
        <v>72646</v>
      </c>
      <c r="JY27" s="119">
        <v>0</v>
      </c>
      <c r="JZ27" s="119">
        <v>0</v>
      </c>
      <c r="KA27" s="120">
        <v>72646</v>
      </c>
      <c r="KB27" s="320">
        <v>72646</v>
      </c>
      <c r="KC27" s="234">
        <v>34923</v>
      </c>
      <c r="KD27" s="230">
        <v>0</v>
      </c>
      <c r="KE27" s="120">
        <v>34923</v>
      </c>
      <c r="KF27" s="118">
        <v>0</v>
      </c>
      <c r="KG27" s="119">
        <v>0</v>
      </c>
      <c r="KH27" s="119">
        <v>262136</v>
      </c>
      <c r="KI27" s="119">
        <v>0</v>
      </c>
      <c r="KJ27" s="119">
        <v>0</v>
      </c>
      <c r="KK27" s="119">
        <v>0</v>
      </c>
      <c r="KL27" s="120">
        <v>262136</v>
      </c>
      <c r="KM27" s="143">
        <v>297059</v>
      </c>
      <c r="KN27" s="232">
        <v>0</v>
      </c>
      <c r="KO27" s="236">
        <v>0</v>
      </c>
      <c r="KP27" s="237">
        <v>0</v>
      </c>
      <c r="KQ27" s="140"/>
      <c r="KR27" s="119">
        <v>203070</v>
      </c>
      <c r="KS27" s="119">
        <v>0</v>
      </c>
      <c r="KT27" s="119">
        <v>209727</v>
      </c>
      <c r="KU27" s="119">
        <v>0</v>
      </c>
      <c r="KV27" s="119">
        <v>0</v>
      </c>
      <c r="KW27" s="120">
        <v>412797</v>
      </c>
      <c r="KX27" s="320">
        <v>412797</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455126</v>
      </c>
      <c r="LR27" s="119">
        <v>0</v>
      </c>
      <c r="LS27" s="120">
        <v>455126</v>
      </c>
      <c r="LT27" s="320">
        <v>45512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0</v>
      </c>
      <c r="ML27" s="119">
        <v>926720</v>
      </c>
      <c r="MM27" s="119">
        <v>0</v>
      </c>
      <c r="MN27" s="119">
        <v>0</v>
      </c>
      <c r="MO27" s="120">
        <v>926720</v>
      </c>
      <c r="MP27" s="143">
        <v>926720</v>
      </c>
      <c r="MQ27" s="142">
        <v>0</v>
      </c>
      <c r="MR27" s="119">
        <v>0</v>
      </c>
      <c r="MS27" s="120">
        <v>0</v>
      </c>
      <c r="MT27" s="145"/>
      <c r="MU27" s="119">
        <v>0</v>
      </c>
      <c r="MV27" s="119">
        <v>0</v>
      </c>
      <c r="MW27" s="119">
        <v>0</v>
      </c>
      <c r="MX27" s="119">
        <v>0</v>
      </c>
      <c r="MY27" s="119">
        <v>0</v>
      </c>
      <c r="MZ27" s="120">
        <v>0</v>
      </c>
      <c r="NA27" s="143">
        <v>0</v>
      </c>
      <c r="NB27" s="142">
        <v>0</v>
      </c>
      <c r="NC27" s="119">
        <v>0</v>
      </c>
      <c r="ND27" s="120">
        <v>0</v>
      </c>
      <c r="NE27" s="145"/>
      <c r="NF27" s="119">
        <v>0</v>
      </c>
      <c r="NG27" s="119">
        <v>0</v>
      </c>
      <c r="NH27" s="119">
        <v>926720</v>
      </c>
      <c r="NI27" s="119">
        <v>0</v>
      </c>
      <c r="NJ27" s="119">
        <v>0</v>
      </c>
      <c r="NK27" s="120">
        <v>926720</v>
      </c>
      <c r="NL27" s="320">
        <v>926720</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53603</v>
      </c>
      <c r="OJ27" s="119">
        <v>31066</v>
      </c>
      <c r="OK27" s="141">
        <v>84669</v>
      </c>
      <c r="OL27" s="118">
        <v>0</v>
      </c>
      <c r="OM27" s="119">
        <v>1956268</v>
      </c>
      <c r="ON27" s="119">
        <v>1212040</v>
      </c>
      <c r="OO27" s="119">
        <v>1726604</v>
      </c>
      <c r="OP27" s="119">
        <v>2173441</v>
      </c>
      <c r="OQ27" s="119">
        <v>1890717</v>
      </c>
      <c r="OR27" s="120">
        <v>8959070</v>
      </c>
      <c r="OS27" s="143">
        <v>9043739</v>
      </c>
    </row>
    <row r="28" spans="2:409" ht="20.25" customHeight="1" x14ac:dyDescent="0.2">
      <c r="B28" s="126" t="s">
        <v>23</v>
      </c>
      <c r="C28" s="110">
        <v>74988</v>
      </c>
      <c r="D28" s="114">
        <v>259757</v>
      </c>
      <c r="E28" s="113">
        <v>334745</v>
      </c>
      <c r="F28" s="109">
        <v>0</v>
      </c>
      <c r="G28" s="114">
        <v>1468193</v>
      </c>
      <c r="H28" s="114">
        <v>2142892</v>
      </c>
      <c r="I28" s="114">
        <v>2127174</v>
      </c>
      <c r="J28" s="114">
        <v>3033198</v>
      </c>
      <c r="K28" s="114">
        <v>801295</v>
      </c>
      <c r="L28" s="173">
        <v>9572752</v>
      </c>
      <c r="M28" s="116">
        <v>9907497</v>
      </c>
      <c r="N28" s="110">
        <v>65104</v>
      </c>
      <c r="O28" s="114">
        <v>42951</v>
      </c>
      <c r="P28" s="113">
        <v>108055</v>
      </c>
      <c r="Q28" s="110">
        <v>0</v>
      </c>
      <c r="R28" s="114">
        <v>172065</v>
      </c>
      <c r="S28" s="114">
        <v>671821</v>
      </c>
      <c r="T28" s="114">
        <v>723531</v>
      </c>
      <c r="U28" s="114">
        <v>404070</v>
      </c>
      <c r="V28" s="114">
        <v>28161</v>
      </c>
      <c r="W28" s="113">
        <v>1999648</v>
      </c>
      <c r="X28" s="116">
        <v>2107703</v>
      </c>
      <c r="Y28" s="110">
        <v>0</v>
      </c>
      <c r="Z28" s="114">
        <v>0</v>
      </c>
      <c r="AA28" s="113">
        <v>0</v>
      </c>
      <c r="AB28" s="110">
        <v>0</v>
      </c>
      <c r="AC28" s="114">
        <v>6312</v>
      </c>
      <c r="AD28" s="114">
        <v>219675</v>
      </c>
      <c r="AE28" s="114">
        <v>338832</v>
      </c>
      <c r="AF28" s="114">
        <v>42954</v>
      </c>
      <c r="AG28" s="114">
        <v>0</v>
      </c>
      <c r="AH28" s="113">
        <v>607773</v>
      </c>
      <c r="AI28" s="116">
        <v>607773</v>
      </c>
      <c r="AJ28" s="110">
        <v>0</v>
      </c>
      <c r="AK28" s="114">
        <v>0</v>
      </c>
      <c r="AL28" s="113">
        <v>0</v>
      </c>
      <c r="AM28" s="110">
        <v>0</v>
      </c>
      <c r="AN28" s="114">
        <v>0</v>
      </c>
      <c r="AO28" s="114">
        <v>0</v>
      </c>
      <c r="AP28" s="114">
        <v>89864</v>
      </c>
      <c r="AQ28" s="114">
        <v>70712</v>
      </c>
      <c r="AR28" s="114">
        <v>0</v>
      </c>
      <c r="AS28" s="113">
        <v>160576</v>
      </c>
      <c r="AT28" s="116">
        <v>160576</v>
      </c>
      <c r="AU28" s="110">
        <v>50299</v>
      </c>
      <c r="AV28" s="114">
        <v>16657</v>
      </c>
      <c r="AW28" s="113">
        <v>66956</v>
      </c>
      <c r="AX28" s="110">
        <v>0</v>
      </c>
      <c r="AY28" s="114">
        <v>122017</v>
      </c>
      <c r="AZ28" s="114">
        <v>156934</v>
      </c>
      <c r="BA28" s="114">
        <v>204418</v>
      </c>
      <c r="BB28" s="114">
        <v>154576</v>
      </c>
      <c r="BC28" s="114">
        <v>0</v>
      </c>
      <c r="BD28" s="113">
        <v>637945</v>
      </c>
      <c r="BE28" s="116">
        <v>704901</v>
      </c>
      <c r="BF28" s="110">
        <v>0</v>
      </c>
      <c r="BG28" s="114">
        <v>20281</v>
      </c>
      <c r="BH28" s="112">
        <v>20281</v>
      </c>
      <c r="BI28" s="111">
        <v>0</v>
      </c>
      <c r="BJ28" s="114">
        <v>0</v>
      </c>
      <c r="BK28" s="114">
        <v>215188</v>
      </c>
      <c r="BL28" s="114">
        <v>15699</v>
      </c>
      <c r="BM28" s="114">
        <v>0</v>
      </c>
      <c r="BN28" s="114">
        <v>0</v>
      </c>
      <c r="BO28" s="113">
        <v>230887</v>
      </c>
      <c r="BP28" s="116">
        <v>251168</v>
      </c>
      <c r="BQ28" s="110">
        <v>14805</v>
      </c>
      <c r="BR28" s="114">
        <v>6013</v>
      </c>
      <c r="BS28" s="113">
        <v>20818</v>
      </c>
      <c r="BT28" s="110">
        <v>0</v>
      </c>
      <c r="BU28" s="114">
        <v>43736</v>
      </c>
      <c r="BV28" s="114">
        <v>80024</v>
      </c>
      <c r="BW28" s="114">
        <v>74718</v>
      </c>
      <c r="BX28" s="114">
        <v>135828</v>
      </c>
      <c r="BY28" s="114">
        <v>28161</v>
      </c>
      <c r="BZ28" s="113">
        <v>362467</v>
      </c>
      <c r="CA28" s="116">
        <v>383285</v>
      </c>
      <c r="CB28" s="110">
        <v>0</v>
      </c>
      <c r="CC28" s="114">
        <v>0</v>
      </c>
      <c r="CD28" s="113">
        <v>0</v>
      </c>
      <c r="CE28" s="110">
        <v>0</v>
      </c>
      <c r="CF28" s="114">
        <v>473101</v>
      </c>
      <c r="CG28" s="114">
        <v>918505</v>
      </c>
      <c r="CH28" s="114">
        <v>604629</v>
      </c>
      <c r="CI28" s="114">
        <v>803815</v>
      </c>
      <c r="CJ28" s="114">
        <v>0</v>
      </c>
      <c r="CK28" s="113">
        <v>2800050</v>
      </c>
      <c r="CL28" s="116">
        <v>2800050</v>
      </c>
      <c r="CM28" s="110">
        <v>0</v>
      </c>
      <c r="CN28" s="114">
        <v>0</v>
      </c>
      <c r="CO28" s="113">
        <v>0</v>
      </c>
      <c r="CP28" s="111">
        <v>0</v>
      </c>
      <c r="CQ28" s="114">
        <v>357697</v>
      </c>
      <c r="CR28" s="114">
        <v>821478</v>
      </c>
      <c r="CS28" s="114">
        <v>98259</v>
      </c>
      <c r="CT28" s="114">
        <v>510639</v>
      </c>
      <c r="CU28" s="114">
        <v>0</v>
      </c>
      <c r="CV28" s="113">
        <v>1788073</v>
      </c>
      <c r="CW28" s="116">
        <v>1788073</v>
      </c>
      <c r="CX28" s="110">
        <v>0</v>
      </c>
      <c r="CY28" s="114">
        <v>0</v>
      </c>
      <c r="CZ28" s="113">
        <v>0</v>
      </c>
      <c r="DA28" s="110">
        <v>0</v>
      </c>
      <c r="DB28" s="114">
        <v>115404</v>
      </c>
      <c r="DC28" s="114">
        <v>97027</v>
      </c>
      <c r="DD28" s="114">
        <v>506370</v>
      </c>
      <c r="DE28" s="114">
        <v>293176</v>
      </c>
      <c r="DF28" s="114">
        <v>0</v>
      </c>
      <c r="DG28" s="113">
        <v>1011977</v>
      </c>
      <c r="DH28" s="116">
        <v>1011977</v>
      </c>
      <c r="DI28" s="110">
        <v>0</v>
      </c>
      <c r="DJ28" s="114">
        <v>0</v>
      </c>
      <c r="DK28" s="112">
        <v>0</v>
      </c>
      <c r="DL28" s="111">
        <v>0</v>
      </c>
      <c r="DM28" s="114">
        <v>51324</v>
      </c>
      <c r="DN28" s="114">
        <v>34553</v>
      </c>
      <c r="DO28" s="114">
        <v>321252</v>
      </c>
      <c r="DP28" s="114">
        <v>100530</v>
      </c>
      <c r="DQ28" s="114">
        <v>136430</v>
      </c>
      <c r="DR28" s="113">
        <v>644089</v>
      </c>
      <c r="DS28" s="116">
        <v>644089</v>
      </c>
      <c r="DT28" s="110">
        <v>0</v>
      </c>
      <c r="DU28" s="114">
        <v>0</v>
      </c>
      <c r="DV28" s="113">
        <v>0</v>
      </c>
      <c r="DW28" s="110">
        <v>0</v>
      </c>
      <c r="DX28" s="114">
        <v>51324</v>
      </c>
      <c r="DY28" s="114">
        <v>34553</v>
      </c>
      <c r="DZ28" s="114">
        <v>321252</v>
      </c>
      <c r="EA28" s="114">
        <v>100530</v>
      </c>
      <c r="EB28" s="114">
        <v>136430</v>
      </c>
      <c r="EC28" s="113">
        <v>644089</v>
      </c>
      <c r="ED28" s="116">
        <v>644089</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9884</v>
      </c>
      <c r="FM28" s="114">
        <v>142604</v>
      </c>
      <c r="FN28" s="113">
        <v>152488</v>
      </c>
      <c r="FO28" s="110">
        <v>0</v>
      </c>
      <c r="FP28" s="114">
        <v>215502</v>
      </c>
      <c r="FQ28" s="114">
        <v>204589</v>
      </c>
      <c r="FR28" s="114">
        <v>113722</v>
      </c>
      <c r="FS28" s="114">
        <v>205366</v>
      </c>
      <c r="FT28" s="114">
        <v>24262</v>
      </c>
      <c r="FU28" s="113">
        <v>763441</v>
      </c>
      <c r="FV28" s="116">
        <v>915929</v>
      </c>
      <c r="FW28" s="115">
        <v>9884</v>
      </c>
      <c r="FX28" s="114">
        <v>21014</v>
      </c>
      <c r="FY28" s="112">
        <v>30898</v>
      </c>
      <c r="FZ28" s="111">
        <v>0</v>
      </c>
      <c r="GA28" s="114">
        <v>75502</v>
      </c>
      <c r="GB28" s="114">
        <v>204589</v>
      </c>
      <c r="GC28" s="114">
        <v>113722</v>
      </c>
      <c r="GD28" s="114">
        <v>159866</v>
      </c>
      <c r="GE28" s="114">
        <v>24262</v>
      </c>
      <c r="GF28" s="113">
        <v>577941</v>
      </c>
      <c r="GG28" s="318">
        <v>608839</v>
      </c>
      <c r="GH28" s="115">
        <v>0</v>
      </c>
      <c r="GI28" s="114">
        <v>0</v>
      </c>
      <c r="GJ28" s="112">
        <v>0</v>
      </c>
      <c r="GK28" s="111">
        <v>0</v>
      </c>
      <c r="GL28" s="114">
        <v>0</v>
      </c>
      <c r="GM28" s="114">
        <v>0</v>
      </c>
      <c r="GN28" s="114">
        <v>0</v>
      </c>
      <c r="GO28" s="114">
        <v>45500</v>
      </c>
      <c r="GP28" s="114">
        <v>0</v>
      </c>
      <c r="GQ28" s="113">
        <v>45500</v>
      </c>
      <c r="GR28" s="116">
        <v>45500</v>
      </c>
      <c r="GS28" s="110">
        <v>0</v>
      </c>
      <c r="GT28" s="114">
        <v>121590</v>
      </c>
      <c r="GU28" s="113">
        <v>121590</v>
      </c>
      <c r="GV28" s="110">
        <v>0</v>
      </c>
      <c r="GW28" s="114">
        <v>140000</v>
      </c>
      <c r="GX28" s="114">
        <v>0</v>
      </c>
      <c r="GY28" s="114">
        <v>0</v>
      </c>
      <c r="GZ28" s="114">
        <v>0</v>
      </c>
      <c r="HA28" s="114">
        <v>0</v>
      </c>
      <c r="HB28" s="112">
        <v>140000</v>
      </c>
      <c r="HC28" s="116">
        <v>261590</v>
      </c>
      <c r="HD28" s="110">
        <v>0</v>
      </c>
      <c r="HE28" s="114">
        <v>74202</v>
      </c>
      <c r="HF28" s="112">
        <v>74202</v>
      </c>
      <c r="HG28" s="111">
        <v>0</v>
      </c>
      <c r="HH28" s="114">
        <v>556201</v>
      </c>
      <c r="HI28" s="114">
        <v>313424</v>
      </c>
      <c r="HJ28" s="114">
        <v>364040</v>
      </c>
      <c r="HK28" s="114">
        <v>1519417</v>
      </c>
      <c r="HL28" s="114">
        <v>612442</v>
      </c>
      <c r="HM28" s="113">
        <v>3365524</v>
      </c>
      <c r="HN28" s="109">
        <v>3439726</v>
      </c>
      <c r="HO28" s="328"/>
      <c r="HP28" s="329"/>
      <c r="HQ28" s="330"/>
      <c r="HR28" s="331"/>
      <c r="HS28" s="329"/>
      <c r="HT28" s="329"/>
      <c r="HU28" s="329"/>
      <c r="HV28" s="329"/>
      <c r="HW28" s="329"/>
      <c r="HX28" s="332"/>
      <c r="HY28" s="333"/>
      <c r="HZ28" s="150">
        <v>0</v>
      </c>
      <c r="IA28" s="135">
        <v>0</v>
      </c>
      <c r="IB28" s="150">
        <v>0</v>
      </c>
      <c r="IC28" s="134">
        <v>0</v>
      </c>
      <c r="ID28" s="135">
        <v>254757</v>
      </c>
      <c r="IE28" s="136">
        <v>144564</v>
      </c>
      <c r="IF28" s="137">
        <v>488697</v>
      </c>
      <c r="IG28" s="135">
        <v>0</v>
      </c>
      <c r="IH28" s="137">
        <v>222726</v>
      </c>
      <c r="II28" s="138">
        <v>1110744</v>
      </c>
      <c r="IJ28" s="150">
        <v>1110744</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47816</v>
      </c>
      <c r="JL28" s="119">
        <v>144564</v>
      </c>
      <c r="JM28" s="119">
        <v>46405</v>
      </c>
      <c r="JN28" s="119">
        <v>0</v>
      </c>
      <c r="JO28" s="119">
        <v>222726</v>
      </c>
      <c r="JP28" s="120">
        <v>461511</v>
      </c>
      <c r="JQ28" s="320">
        <v>461511</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206941</v>
      </c>
      <c r="KS28" s="119">
        <v>0</v>
      </c>
      <c r="KT28" s="119">
        <v>442292</v>
      </c>
      <c r="KU28" s="119">
        <v>0</v>
      </c>
      <c r="KV28" s="119">
        <v>0</v>
      </c>
      <c r="KW28" s="120">
        <v>649233</v>
      </c>
      <c r="KX28" s="320">
        <v>649233</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0</v>
      </c>
      <c r="ML28" s="119">
        <v>450814</v>
      </c>
      <c r="MM28" s="119">
        <v>1700332</v>
      </c>
      <c r="MN28" s="119">
        <v>1264640</v>
      </c>
      <c r="MO28" s="120">
        <v>3415786</v>
      </c>
      <c r="MP28" s="143">
        <v>3415786</v>
      </c>
      <c r="MQ28" s="142">
        <v>0</v>
      </c>
      <c r="MR28" s="119">
        <v>0</v>
      </c>
      <c r="MS28" s="120">
        <v>0</v>
      </c>
      <c r="MT28" s="145"/>
      <c r="MU28" s="119">
        <v>0</v>
      </c>
      <c r="MV28" s="119">
        <v>0</v>
      </c>
      <c r="MW28" s="119">
        <v>214058</v>
      </c>
      <c r="MX28" s="119">
        <v>1159528</v>
      </c>
      <c r="MY28" s="119">
        <v>138623</v>
      </c>
      <c r="MZ28" s="120">
        <v>1512209</v>
      </c>
      <c r="NA28" s="143">
        <v>1512209</v>
      </c>
      <c r="NB28" s="142">
        <v>0</v>
      </c>
      <c r="NC28" s="119">
        <v>0</v>
      </c>
      <c r="ND28" s="120">
        <v>0</v>
      </c>
      <c r="NE28" s="145"/>
      <c r="NF28" s="119">
        <v>0</v>
      </c>
      <c r="NG28" s="119">
        <v>0</v>
      </c>
      <c r="NH28" s="119">
        <v>236756</v>
      </c>
      <c r="NI28" s="119">
        <v>540804</v>
      </c>
      <c r="NJ28" s="119">
        <v>802997</v>
      </c>
      <c r="NK28" s="120">
        <v>1580557</v>
      </c>
      <c r="NL28" s="320">
        <v>1580557</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323020</v>
      </c>
      <c r="OG28" s="120">
        <v>323020</v>
      </c>
      <c r="OH28" s="121">
        <v>323020</v>
      </c>
      <c r="OI28" s="142">
        <v>74988</v>
      </c>
      <c r="OJ28" s="119">
        <v>259757</v>
      </c>
      <c r="OK28" s="141">
        <v>334745</v>
      </c>
      <c r="OL28" s="118">
        <v>0</v>
      </c>
      <c r="OM28" s="119">
        <v>1722950</v>
      </c>
      <c r="ON28" s="119">
        <v>2287456</v>
      </c>
      <c r="OO28" s="119">
        <v>3066685</v>
      </c>
      <c r="OP28" s="119">
        <v>4733530</v>
      </c>
      <c r="OQ28" s="119">
        <v>2288661</v>
      </c>
      <c r="OR28" s="120">
        <v>14099282</v>
      </c>
      <c r="OS28" s="143">
        <v>14434027</v>
      </c>
    </row>
    <row r="29" spans="2:409" ht="20.25" customHeight="1" x14ac:dyDescent="0.2">
      <c r="B29" s="126" t="s">
        <v>24</v>
      </c>
      <c r="C29" s="110">
        <v>157152</v>
      </c>
      <c r="D29" s="114">
        <v>355554</v>
      </c>
      <c r="E29" s="113">
        <v>512706</v>
      </c>
      <c r="F29" s="109">
        <v>0</v>
      </c>
      <c r="G29" s="114">
        <v>1859002</v>
      </c>
      <c r="H29" s="114">
        <v>2318559</v>
      </c>
      <c r="I29" s="114">
        <v>1109511</v>
      </c>
      <c r="J29" s="114">
        <v>1928028</v>
      </c>
      <c r="K29" s="114">
        <v>1958578</v>
      </c>
      <c r="L29" s="173">
        <v>9173678</v>
      </c>
      <c r="M29" s="116">
        <v>9686384</v>
      </c>
      <c r="N29" s="110">
        <v>17339</v>
      </c>
      <c r="O29" s="114">
        <v>69596</v>
      </c>
      <c r="P29" s="113">
        <v>86935</v>
      </c>
      <c r="Q29" s="110">
        <v>0</v>
      </c>
      <c r="R29" s="114">
        <v>547640</v>
      </c>
      <c r="S29" s="114">
        <v>472283</v>
      </c>
      <c r="T29" s="114">
        <v>418380</v>
      </c>
      <c r="U29" s="114">
        <v>923597</v>
      </c>
      <c r="V29" s="114">
        <v>1247156</v>
      </c>
      <c r="W29" s="113">
        <v>3609056</v>
      </c>
      <c r="X29" s="116">
        <v>3695991</v>
      </c>
      <c r="Y29" s="110">
        <v>0</v>
      </c>
      <c r="Z29" s="114">
        <v>0</v>
      </c>
      <c r="AA29" s="113">
        <v>0</v>
      </c>
      <c r="AB29" s="110">
        <v>0</v>
      </c>
      <c r="AC29" s="114">
        <v>189958</v>
      </c>
      <c r="AD29" s="114">
        <v>202725</v>
      </c>
      <c r="AE29" s="114">
        <v>131500</v>
      </c>
      <c r="AF29" s="114">
        <v>644679</v>
      </c>
      <c r="AG29" s="114">
        <v>704128</v>
      </c>
      <c r="AH29" s="113">
        <v>1872990</v>
      </c>
      <c r="AI29" s="116">
        <v>1872990</v>
      </c>
      <c r="AJ29" s="110">
        <v>0</v>
      </c>
      <c r="AK29" s="114">
        <v>0</v>
      </c>
      <c r="AL29" s="113">
        <v>0</v>
      </c>
      <c r="AM29" s="110">
        <v>0</v>
      </c>
      <c r="AN29" s="114">
        <v>0</v>
      </c>
      <c r="AO29" s="114">
        <v>0</v>
      </c>
      <c r="AP29" s="114">
        <v>0</v>
      </c>
      <c r="AQ29" s="114">
        <v>0</v>
      </c>
      <c r="AR29" s="114">
        <v>173288</v>
      </c>
      <c r="AS29" s="113">
        <v>173288</v>
      </c>
      <c r="AT29" s="116">
        <v>173288</v>
      </c>
      <c r="AU29" s="110">
        <v>0</v>
      </c>
      <c r="AV29" s="114">
        <v>52796</v>
      </c>
      <c r="AW29" s="113">
        <v>52796</v>
      </c>
      <c r="AX29" s="110">
        <v>0</v>
      </c>
      <c r="AY29" s="114">
        <v>249637</v>
      </c>
      <c r="AZ29" s="114">
        <v>130440</v>
      </c>
      <c r="BA29" s="114">
        <v>228682</v>
      </c>
      <c r="BB29" s="114">
        <v>114159</v>
      </c>
      <c r="BC29" s="114">
        <v>187003</v>
      </c>
      <c r="BD29" s="113">
        <v>909921</v>
      </c>
      <c r="BE29" s="116">
        <v>962717</v>
      </c>
      <c r="BF29" s="110">
        <v>0</v>
      </c>
      <c r="BG29" s="114">
        <v>0</v>
      </c>
      <c r="BH29" s="112">
        <v>0</v>
      </c>
      <c r="BI29" s="111">
        <v>0</v>
      </c>
      <c r="BJ29" s="114">
        <v>0</v>
      </c>
      <c r="BK29" s="114">
        <v>0</v>
      </c>
      <c r="BL29" s="114">
        <v>0</v>
      </c>
      <c r="BM29" s="114">
        <v>0</v>
      </c>
      <c r="BN29" s="114">
        <v>33238</v>
      </c>
      <c r="BO29" s="113">
        <v>33238</v>
      </c>
      <c r="BP29" s="116">
        <v>33238</v>
      </c>
      <c r="BQ29" s="110">
        <v>17339</v>
      </c>
      <c r="BR29" s="114">
        <v>16800</v>
      </c>
      <c r="BS29" s="113">
        <v>34139</v>
      </c>
      <c r="BT29" s="110">
        <v>0</v>
      </c>
      <c r="BU29" s="114">
        <v>108045</v>
      </c>
      <c r="BV29" s="114">
        <v>139118</v>
      </c>
      <c r="BW29" s="114">
        <v>58198</v>
      </c>
      <c r="BX29" s="114">
        <v>164759</v>
      </c>
      <c r="BY29" s="114">
        <v>149499</v>
      </c>
      <c r="BZ29" s="113">
        <v>619619</v>
      </c>
      <c r="CA29" s="116">
        <v>653758</v>
      </c>
      <c r="CB29" s="110">
        <v>17708</v>
      </c>
      <c r="CC29" s="114">
        <v>0</v>
      </c>
      <c r="CD29" s="113">
        <v>17708</v>
      </c>
      <c r="CE29" s="110">
        <v>0</v>
      </c>
      <c r="CF29" s="114">
        <v>446132</v>
      </c>
      <c r="CG29" s="114">
        <v>605781</v>
      </c>
      <c r="CH29" s="114">
        <v>54923</v>
      </c>
      <c r="CI29" s="114">
        <v>127073</v>
      </c>
      <c r="CJ29" s="114">
        <v>212521</v>
      </c>
      <c r="CK29" s="113">
        <v>1446430</v>
      </c>
      <c r="CL29" s="116">
        <v>1464138</v>
      </c>
      <c r="CM29" s="110">
        <v>0</v>
      </c>
      <c r="CN29" s="114">
        <v>0</v>
      </c>
      <c r="CO29" s="113">
        <v>0</v>
      </c>
      <c r="CP29" s="111">
        <v>0</v>
      </c>
      <c r="CQ29" s="114">
        <v>225725</v>
      </c>
      <c r="CR29" s="114">
        <v>376640</v>
      </c>
      <c r="CS29" s="114">
        <v>54923</v>
      </c>
      <c r="CT29" s="114">
        <v>50596</v>
      </c>
      <c r="CU29" s="114">
        <v>83428</v>
      </c>
      <c r="CV29" s="113">
        <v>791312</v>
      </c>
      <c r="CW29" s="116">
        <v>791312</v>
      </c>
      <c r="CX29" s="110">
        <v>17708</v>
      </c>
      <c r="CY29" s="114">
        <v>0</v>
      </c>
      <c r="CZ29" s="113">
        <v>17708</v>
      </c>
      <c r="DA29" s="110">
        <v>0</v>
      </c>
      <c r="DB29" s="114">
        <v>220407</v>
      </c>
      <c r="DC29" s="114">
        <v>229141</v>
      </c>
      <c r="DD29" s="114">
        <v>0</v>
      </c>
      <c r="DE29" s="114">
        <v>76477</v>
      </c>
      <c r="DF29" s="114">
        <v>129093</v>
      </c>
      <c r="DG29" s="113">
        <v>655118</v>
      </c>
      <c r="DH29" s="116">
        <v>672826</v>
      </c>
      <c r="DI29" s="110">
        <v>0</v>
      </c>
      <c r="DJ29" s="114">
        <v>0</v>
      </c>
      <c r="DK29" s="112">
        <v>0</v>
      </c>
      <c r="DL29" s="111">
        <v>0</v>
      </c>
      <c r="DM29" s="114">
        <v>0</v>
      </c>
      <c r="DN29" s="114">
        <v>0</v>
      </c>
      <c r="DO29" s="114">
        <v>15257</v>
      </c>
      <c r="DP29" s="114">
        <v>7368</v>
      </c>
      <c r="DQ29" s="114">
        <v>58925</v>
      </c>
      <c r="DR29" s="113">
        <v>81550</v>
      </c>
      <c r="DS29" s="116">
        <v>81550</v>
      </c>
      <c r="DT29" s="110">
        <v>0</v>
      </c>
      <c r="DU29" s="114">
        <v>0</v>
      </c>
      <c r="DV29" s="113">
        <v>0</v>
      </c>
      <c r="DW29" s="110">
        <v>0</v>
      </c>
      <c r="DX29" s="114">
        <v>0</v>
      </c>
      <c r="DY29" s="114">
        <v>0</v>
      </c>
      <c r="DZ29" s="114">
        <v>15257</v>
      </c>
      <c r="EA29" s="114">
        <v>7368</v>
      </c>
      <c r="EB29" s="114">
        <v>58925</v>
      </c>
      <c r="EC29" s="113">
        <v>81550</v>
      </c>
      <c r="ED29" s="116">
        <v>81550</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28700</v>
      </c>
      <c r="FM29" s="114">
        <v>53676</v>
      </c>
      <c r="FN29" s="113">
        <v>82376</v>
      </c>
      <c r="FO29" s="110">
        <v>0</v>
      </c>
      <c r="FP29" s="114">
        <v>115220</v>
      </c>
      <c r="FQ29" s="114">
        <v>114107</v>
      </c>
      <c r="FR29" s="114">
        <v>87451</v>
      </c>
      <c r="FS29" s="114">
        <v>120323</v>
      </c>
      <c r="FT29" s="114">
        <v>197274</v>
      </c>
      <c r="FU29" s="113">
        <v>634375</v>
      </c>
      <c r="FV29" s="116">
        <v>716751</v>
      </c>
      <c r="FW29" s="115">
        <v>28700</v>
      </c>
      <c r="FX29" s="114">
        <v>25340</v>
      </c>
      <c r="FY29" s="112">
        <v>54040</v>
      </c>
      <c r="FZ29" s="111">
        <v>0</v>
      </c>
      <c r="GA29" s="114">
        <v>57120</v>
      </c>
      <c r="GB29" s="114">
        <v>114107</v>
      </c>
      <c r="GC29" s="114">
        <v>87451</v>
      </c>
      <c r="GD29" s="114">
        <v>120323</v>
      </c>
      <c r="GE29" s="114">
        <v>197274</v>
      </c>
      <c r="GF29" s="113">
        <v>576275</v>
      </c>
      <c r="GG29" s="318">
        <v>630315</v>
      </c>
      <c r="GH29" s="115">
        <v>0</v>
      </c>
      <c r="GI29" s="114">
        <v>28336</v>
      </c>
      <c r="GJ29" s="112">
        <v>28336</v>
      </c>
      <c r="GK29" s="111">
        <v>0</v>
      </c>
      <c r="GL29" s="114">
        <v>0</v>
      </c>
      <c r="GM29" s="114">
        <v>0</v>
      </c>
      <c r="GN29" s="114">
        <v>0</v>
      </c>
      <c r="GO29" s="114">
        <v>0</v>
      </c>
      <c r="GP29" s="114">
        <v>0</v>
      </c>
      <c r="GQ29" s="113">
        <v>0</v>
      </c>
      <c r="GR29" s="116">
        <v>28336</v>
      </c>
      <c r="GS29" s="110">
        <v>0</v>
      </c>
      <c r="GT29" s="114">
        <v>0</v>
      </c>
      <c r="GU29" s="113">
        <v>0</v>
      </c>
      <c r="GV29" s="110">
        <v>0</v>
      </c>
      <c r="GW29" s="114">
        <v>58100</v>
      </c>
      <c r="GX29" s="114">
        <v>0</v>
      </c>
      <c r="GY29" s="114">
        <v>0</v>
      </c>
      <c r="GZ29" s="114">
        <v>0</v>
      </c>
      <c r="HA29" s="114">
        <v>0</v>
      </c>
      <c r="HB29" s="112">
        <v>58100</v>
      </c>
      <c r="HC29" s="116">
        <v>58100</v>
      </c>
      <c r="HD29" s="110">
        <v>93405</v>
      </c>
      <c r="HE29" s="114">
        <v>232282</v>
      </c>
      <c r="HF29" s="112">
        <v>325687</v>
      </c>
      <c r="HG29" s="111">
        <v>0</v>
      </c>
      <c r="HH29" s="114">
        <v>750010</v>
      </c>
      <c r="HI29" s="114">
        <v>1126388</v>
      </c>
      <c r="HJ29" s="114">
        <v>533500</v>
      </c>
      <c r="HK29" s="114">
        <v>749667</v>
      </c>
      <c r="HL29" s="114">
        <v>242702</v>
      </c>
      <c r="HM29" s="113">
        <v>3402267</v>
      </c>
      <c r="HN29" s="109">
        <v>3727954</v>
      </c>
      <c r="HO29" s="328"/>
      <c r="HP29" s="329"/>
      <c r="HQ29" s="330"/>
      <c r="HR29" s="331"/>
      <c r="HS29" s="329"/>
      <c r="HT29" s="329"/>
      <c r="HU29" s="329"/>
      <c r="HV29" s="329"/>
      <c r="HW29" s="329"/>
      <c r="HX29" s="332"/>
      <c r="HY29" s="333"/>
      <c r="HZ29" s="131">
        <v>0</v>
      </c>
      <c r="IA29" s="132">
        <v>0</v>
      </c>
      <c r="IB29" s="133">
        <v>0</v>
      </c>
      <c r="IC29" s="146">
        <v>0</v>
      </c>
      <c r="ID29" s="132">
        <v>267883</v>
      </c>
      <c r="IE29" s="147">
        <v>79034</v>
      </c>
      <c r="IF29" s="133">
        <v>609706</v>
      </c>
      <c r="IG29" s="132">
        <v>605549</v>
      </c>
      <c r="IH29" s="133">
        <v>670431</v>
      </c>
      <c r="II29" s="148">
        <v>2232603</v>
      </c>
      <c r="IJ29" s="139">
        <v>2232603</v>
      </c>
      <c r="IK29" s="232">
        <v>0</v>
      </c>
      <c r="IL29" s="236">
        <v>0</v>
      </c>
      <c r="IM29" s="237">
        <v>0</v>
      </c>
      <c r="IN29" s="140"/>
      <c r="IO29" s="119">
        <v>0</v>
      </c>
      <c r="IP29" s="119">
        <v>0</v>
      </c>
      <c r="IQ29" s="119">
        <v>0</v>
      </c>
      <c r="IR29" s="119">
        <v>185413</v>
      </c>
      <c r="IS29" s="119">
        <v>0</v>
      </c>
      <c r="IT29" s="141">
        <v>185413</v>
      </c>
      <c r="IU29" s="320">
        <v>185413</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0</v>
      </c>
      <c r="JM29" s="119">
        <v>41804</v>
      </c>
      <c r="JN29" s="119">
        <v>209370</v>
      </c>
      <c r="JO29" s="119">
        <v>0</v>
      </c>
      <c r="JP29" s="120">
        <v>251174</v>
      </c>
      <c r="JQ29" s="320">
        <v>251174</v>
      </c>
      <c r="JR29" s="142">
        <v>0</v>
      </c>
      <c r="JS29" s="119">
        <v>0</v>
      </c>
      <c r="JT29" s="141">
        <v>0</v>
      </c>
      <c r="JU29" s="118">
        <v>0</v>
      </c>
      <c r="JV29" s="119">
        <v>0</v>
      </c>
      <c r="JW29" s="119">
        <v>79034</v>
      </c>
      <c r="JX29" s="119">
        <v>0</v>
      </c>
      <c r="JY29" s="119">
        <v>0</v>
      </c>
      <c r="JZ29" s="119">
        <v>218860</v>
      </c>
      <c r="KA29" s="120">
        <v>297894</v>
      </c>
      <c r="KB29" s="320">
        <v>297894</v>
      </c>
      <c r="KC29" s="234">
        <v>0</v>
      </c>
      <c r="KD29" s="230">
        <v>0</v>
      </c>
      <c r="KE29" s="120">
        <v>0</v>
      </c>
      <c r="KF29" s="118">
        <v>0</v>
      </c>
      <c r="KG29" s="119">
        <v>267883</v>
      </c>
      <c r="KH29" s="119">
        <v>0</v>
      </c>
      <c r="KI29" s="119">
        <v>358150</v>
      </c>
      <c r="KJ29" s="119">
        <v>0</v>
      </c>
      <c r="KK29" s="119">
        <v>235751</v>
      </c>
      <c r="KL29" s="120">
        <v>861784</v>
      </c>
      <c r="KM29" s="143">
        <v>861784</v>
      </c>
      <c r="KN29" s="232">
        <v>0</v>
      </c>
      <c r="KO29" s="236">
        <v>0</v>
      </c>
      <c r="KP29" s="237">
        <v>0</v>
      </c>
      <c r="KQ29" s="140"/>
      <c r="KR29" s="119">
        <v>0</v>
      </c>
      <c r="KS29" s="119">
        <v>0</v>
      </c>
      <c r="KT29" s="119">
        <v>209752</v>
      </c>
      <c r="KU29" s="119">
        <v>210766</v>
      </c>
      <c r="KV29" s="119">
        <v>215820</v>
      </c>
      <c r="KW29" s="120">
        <v>636338</v>
      </c>
      <c r="KX29" s="320">
        <v>636338</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440763</v>
      </c>
      <c r="MM29" s="119">
        <v>958776</v>
      </c>
      <c r="MN29" s="119">
        <v>740629</v>
      </c>
      <c r="MO29" s="120">
        <v>2140168</v>
      </c>
      <c r="MP29" s="143">
        <v>2140168</v>
      </c>
      <c r="MQ29" s="142">
        <v>0</v>
      </c>
      <c r="MR29" s="119">
        <v>0</v>
      </c>
      <c r="MS29" s="120">
        <v>0</v>
      </c>
      <c r="MT29" s="145"/>
      <c r="MU29" s="119">
        <v>0</v>
      </c>
      <c r="MV29" s="119">
        <v>0</v>
      </c>
      <c r="MW29" s="119">
        <v>214224</v>
      </c>
      <c r="MX29" s="119">
        <v>678555</v>
      </c>
      <c r="MY29" s="119">
        <v>488081</v>
      </c>
      <c r="MZ29" s="120">
        <v>1380860</v>
      </c>
      <c r="NA29" s="143">
        <v>1380860</v>
      </c>
      <c r="NB29" s="142">
        <v>0</v>
      </c>
      <c r="NC29" s="119">
        <v>0</v>
      </c>
      <c r="ND29" s="120">
        <v>0</v>
      </c>
      <c r="NE29" s="145"/>
      <c r="NF29" s="119">
        <v>0</v>
      </c>
      <c r="NG29" s="119">
        <v>0</v>
      </c>
      <c r="NH29" s="119">
        <v>226539</v>
      </c>
      <c r="NI29" s="119">
        <v>280221</v>
      </c>
      <c r="NJ29" s="119">
        <v>252548</v>
      </c>
      <c r="NK29" s="120">
        <v>759308</v>
      </c>
      <c r="NL29" s="320">
        <v>759308</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157152</v>
      </c>
      <c r="OJ29" s="119">
        <v>355554</v>
      </c>
      <c r="OK29" s="141">
        <v>512706</v>
      </c>
      <c r="OL29" s="118">
        <v>0</v>
      </c>
      <c r="OM29" s="119">
        <v>2126885</v>
      </c>
      <c r="ON29" s="119">
        <v>2397593</v>
      </c>
      <c r="OO29" s="119">
        <v>2159980</v>
      </c>
      <c r="OP29" s="119">
        <v>3492353</v>
      </c>
      <c r="OQ29" s="119">
        <v>3369638</v>
      </c>
      <c r="OR29" s="120">
        <v>13546449</v>
      </c>
      <c r="OS29" s="143">
        <v>14059155</v>
      </c>
    </row>
    <row r="30" spans="2:409" ht="20.25" customHeight="1" x14ac:dyDescent="0.2">
      <c r="B30" s="126" t="s">
        <v>25</v>
      </c>
      <c r="C30" s="110">
        <v>40247</v>
      </c>
      <c r="D30" s="114">
        <v>91608</v>
      </c>
      <c r="E30" s="113">
        <v>131855</v>
      </c>
      <c r="F30" s="109">
        <v>0</v>
      </c>
      <c r="G30" s="114">
        <v>978537</v>
      </c>
      <c r="H30" s="114">
        <v>1096731</v>
      </c>
      <c r="I30" s="114">
        <v>568928</v>
      </c>
      <c r="J30" s="114">
        <v>622183</v>
      </c>
      <c r="K30" s="114">
        <v>1100310</v>
      </c>
      <c r="L30" s="173">
        <v>4366689</v>
      </c>
      <c r="M30" s="116">
        <v>4498544</v>
      </c>
      <c r="N30" s="110">
        <v>32659</v>
      </c>
      <c r="O30" s="114">
        <v>24567</v>
      </c>
      <c r="P30" s="113">
        <v>57226</v>
      </c>
      <c r="Q30" s="110">
        <v>0</v>
      </c>
      <c r="R30" s="114">
        <v>324541</v>
      </c>
      <c r="S30" s="114">
        <v>146325</v>
      </c>
      <c r="T30" s="114">
        <v>187293</v>
      </c>
      <c r="U30" s="114">
        <v>128407</v>
      </c>
      <c r="V30" s="114">
        <v>568221</v>
      </c>
      <c r="W30" s="113">
        <v>1354787</v>
      </c>
      <c r="X30" s="116">
        <v>1412013</v>
      </c>
      <c r="Y30" s="110">
        <v>0</v>
      </c>
      <c r="Z30" s="114">
        <v>0</v>
      </c>
      <c r="AA30" s="113">
        <v>0</v>
      </c>
      <c r="AB30" s="110">
        <v>0</v>
      </c>
      <c r="AC30" s="114">
        <v>116556</v>
      </c>
      <c r="AD30" s="114">
        <v>23016</v>
      </c>
      <c r="AE30" s="114">
        <v>53746</v>
      </c>
      <c r="AF30" s="114">
        <v>0</v>
      </c>
      <c r="AG30" s="114">
        <v>28251</v>
      </c>
      <c r="AH30" s="113">
        <v>221569</v>
      </c>
      <c r="AI30" s="116">
        <v>221569</v>
      </c>
      <c r="AJ30" s="110">
        <v>0</v>
      </c>
      <c r="AK30" s="114">
        <v>0</v>
      </c>
      <c r="AL30" s="113">
        <v>0</v>
      </c>
      <c r="AM30" s="110">
        <v>0</v>
      </c>
      <c r="AN30" s="114">
        <v>0</v>
      </c>
      <c r="AO30" s="114">
        <v>0</v>
      </c>
      <c r="AP30" s="114">
        <v>0</v>
      </c>
      <c r="AQ30" s="114">
        <v>91444</v>
      </c>
      <c r="AR30" s="114">
        <v>384082</v>
      </c>
      <c r="AS30" s="113">
        <v>475526</v>
      </c>
      <c r="AT30" s="116">
        <v>475526</v>
      </c>
      <c r="AU30" s="110">
        <v>23713</v>
      </c>
      <c r="AV30" s="114">
        <v>24567</v>
      </c>
      <c r="AW30" s="113">
        <v>48280</v>
      </c>
      <c r="AX30" s="110">
        <v>0</v>
      </c>
      <c r="AY30" s="114">
        <v>151551</v>
      </c>
      <c r="AZ30" s="114">
        <v>101616</v>
      </c>
      <c r="BA30" s="114">
        <v>95292</v>
      </c>
      <c r="BB30" s="114">
        <v>22746</v>
      </c>
      <c r="BC30" s="114">
        <v>115764</v>
      </c>
      <c r="BD30" s="113">
        <v>486969</v>
      </c>
      <c r="BE30" s="116">
        <v>535249</v>
      </c>
      <c r="BF30" s="110">
        <v>0</v>
      </c>
      <c r="BG30" s="114">
        <v>0</v>
      </c>
      <c r="BH30" s="112">
        <v>0</v>
      </c>
      <c r="BI30" s="111">
        <v>0</v>
      </c>
      <c r="BJ30" s="114">
        <v>0</v>
      </c>
      <c r="BK30" s="114">
        <v>0</v>
      </c>
      <c r="BL30" s="114">
        <v>0</v>
      </c>
      <c r="BM30" s="114">
        <v>0</v>
      </c>
      <c r="BN30" s="114">
        <v>0</v>
      </c>
      <c r="BO30" s="113">
        <v>0</v>
      </c>
      <c r="BP30" s="116">
        <v>0</v>
      </c>
      <c r="BQ30" s="110">
        <v>8946</v>
      </c>
      <c r="BR30" s="114">
        <v>0</v>
      </c>
      <c r="BS30" s="113">
        <v>8946</v>
      </c>
      <c r="BT30" s="110">
        <v>0</v>
      </c>
      <c r="BU30" s="114">
        <v>56434</v>
      </c>
      <c r="BV30" s="114">
        <v>21693</v>
      </c>
      <c r="BW30" s="114">
        <v>38255</v>
      </c>
      <c r="BX30" s="114">
        <v>14217</v>
      </c>
      <c r="BY30" s="114">
        <v>40124</v>
      </c>
      <c r="BZ30" s="113">
        <v>170723</v>
      </c>
      <c r="CA30" s="116">
        <v>179669</v>
      </c>
      <c r="CB30" s="110">
        <v>0</v>
      </c>
      <c r="CC30" s="114">
        <v>31579</v>
      </c>
      <c r="CD30" s="113">
        <v>31579</v>
      </c>
      <c r="CE30" s="110">
        <v>0</v>
      </c>
      <c r="CF30" s="114">
        <v>430015</v>
      </c>
      <c r="CG30" s="114">
        <v>494447</v>
      </c>
      <c r="CH30" s="114">
        <v>218539</v>
      </c>
      <c r="CI30" s="114">
        <v>89527</v>
      </c>
      <c r="CJ30" s="114">
        <v>159909</v>
      </c>
      <c r="CK30" s="113">
        <v>1392437</v>
      </c>
      <c r="CL30" s="116">
        <v>1424016</v>
      </c>
      <c r="CM30" s="110">
        <v>0</v>
      </c>
      <c r="CN30" s="114">
        <v>0</v>
      </c>
      <c r="CO30" s="113">
        <v>0</v>
      </c>
      <c r="CP30" s="111">
        <v>0</v>
      </c>
      <c r="CQ30" s="114">
        <v>359489</v>
      </c>
      <c r="CR30" s="114">
        <v>197891</v>
      </c>
      <c r="CS30" s="114">
        <v>148331</v>
      </c>
      <c r="CT30" s="114">
        <v>0</v>
      </c>
      <c r="CU30" s="114">
        <v>0</v>
      </c>
      <c r="CV30" s="113">
        <v>705711</v>
      </c>
      <c r="CW30" s="116">
        <v>705711</v>
      </c>
      <c r="CX30" s="110">
        <v>0</v>
      </c>
      <c r="CY30" s="114">
        <v>31579</v>
      </c>
      <c r="CZ30" s="113">
        <v>31579</v>
      </c>
      <c r="DA30" s="110">
        <v>0</v>
      </c>
      <c r="DB30" s="114">
        <v>70526</v>
      </c>
      <c r="DC30" s="114">
        <v>296556</v>
      </c>
      <c r="DD30" s="114">
        <v>70208</v>
      </c>
      <c r="DE30" s="114">
        <v>89527</v>
      </c>
      <c r="DF30" s="114">
        <v>159909</v>
      </c>
      <c r="DG30" s="113">
        <v>686726</v>
      </c>
      <c r="DH30" s="116">
        <v>718305</v>
      </c>
      <c r="DI30" s="110">
        <v>0</v>
      </c>
      <c r="DJ30" s="114">
        <v>0</v>
      </c>
      <c r="DK30" s="112">
        <v>0</v>
      </c>
      <c r="DL30" s="111">
        <v>0</v>
      </c>
      <c r="DM30" s="114">
        <v>76491</v>
      </c>
      <c r="DN30" s="114">
        <v>11173</v>
      </c>
      <c r="DO30" s="114">
        <v>87811</v>
      </c>
      <c r="DP30" s="114">
        <v>0</v>
      </c>
      <c r="DQ30" s="114">
        <v>0</v>
      </c>
      <c r="DR30" s="113">
        <v>175475</v>
      </c>
      <c r="DS30" s="116">
        <v>175475</v>
      </c>
      <c r="DT30" s="110">
        <v>0</v>
      </c>
      <c r="DU30" s="114">
        <v>0</v>
      </c>
      <c r="DV30" s="113">
        <v>0</v>
      </c>
      <c r="DW30" s="110">
        <v>0</v>
      </c>
      <c r="DX30" s="114">
        <v>44752</v>
      </c>
      <c r="DY30" s="114">
        <v>11173</v>
      </c>
      <c r="DZ30" s="114">
        <v>87811</v>
      </c>
      <c r="EA30" s="114">
        <v>0</v>
      </c>
      <c r="EB30" s="114">
        <v>0</v>
      </c>
      <c r="EC30" s="113">
        <v>143736</v>
      </c>
      <c r="ED30" s="116">
        <v>143736</v>
      </c>
      <c r="EE30" s="110">
        <v>0</v>
      </c>
      <c r="EF30" s="112">
        <v>0</v>
      </c>
      <c r="EG30" s="113">
        <v>0</v>
      </c>
      <c r="EH30" s="110">
        <v>0</v>
      </c>
      <c r="EI30" s="114">
        <v>31739</v>
      </c>
      <c r="EJ30" s="114">
        <v>0</v>
      </c>
      <c r="EK30" s="114">
        <v>0</v>
      </c>
      <c r="EL30" s="114">
        <v>0</v>
      </c>
      <c r="EM30" s="114">
        <v>0</v>
      </c>
      <c r="EN30" s="112">
        <v>31739</v>
      </c>
      <c r="EO30" s="116">
        <v>31739</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7588</v>
      </c>
      <c r="FM30" s="114">
        <v>35462</v>
      </c>
      <c r="FN30" s="113">
        <v>43050</v>
      </c>
      <c r="FO30" s="110">
        <v>0</v>
      </c>
      <c r="FP30" s="114">
        <v>11900</v>
      </c>
      <c r="FQ30" s="114">
        <v>136479</v>
      </c>
      <c r="FR30" s="114">
        <v>75285</v>
      </c>
      <c r="FS30" s="114">
        <v>34755</v>
      </c>
      <c r="FT30" s="114">
        <v>169855</v>
      </c>
      <c r="FU30" s="113">
        <v>428274</v>
      </c>
      <c r="FV30" s="116">
        <v>471324</v>
      </c>
      <c r="FW30" s="115">
        <v>7588</v>
      </c>
      <c r="FX30" s="114">
        <v>35462</v>
      </c>
      <c r="FY30" s="112">
        <v>43050</v>
      </c>
      <c r="FZ30" s="111">
        <v>0</v>
      </c>
      <c r="GA30" s="114">
        <v>11900</v>
      </c>
      <c r="GB30" s="114">
        <v>136479</v>
      </c>
      <c r="GC30" s="114">
        <v>75285</v>
      </c>
      <c r="GD30" s="114">
        <v>34755</v>
      </c>
      <c r="GE30" s="114">
        <v>169855</v>
      </c>
      <c r="GF30" s="113">
        <v>428274</v>
      </c>
      <c r="GG30" s="318">
        <v>471324</v>
      </c>
      <c r="GH30" s="115">
        <v>0</v>
      </c>
      <c r="GI30" s="114">
        <v>0</v>
      </c>
      <c r="GJ30" s="112">
        <v>0</v>
      </c>
      <c r="GK30" s="111">
        <v>0</v>
      </c>
      <c r="GL30" s="114">
        <v>0</v>
      </c>
      <c r="GM30" s="114">
        <v>0</v>
      </c>
      <c r="GN30" s="114">
        <v>0</v>
      </c>
      <c r="GO30" s="114">
        <v>0</v>
      </c>
      <c r="GP30" s="114">
        <v>0</v>
      </c>
      <c r="GQ30" s="113">
        <v>0</v>
      </c>
      <c r="GR30" s="116">
        <v>0</v>
      </c>
      <c r="GS30" s="110">
        <v>0</v>
      </c>
      <c r="GT30" s="114">
        <v>0</v>
      </c>
      <c r="GU30" s="113">
        <v>0</v>
      </c>
      <c r="GV30" s="110">
        <v>0</v>
      </c>
      <c r="GW30" s="114">
        <v>0</v>
      </c>
      <c r="GX30" s="114">
        <v>0</v>
      </c>
      <c r="GY30" s="114">
        <v>0</v>
      </c>
      <c r="GZ30" s="114">
        <v>0</v>
      </c>
      <c r="HA30" s="114">
        <v>0</v>
      </c>
      <c r="HB30" s="112">
        <v>0</v>
      </c>
      <c r="HC30" s="116">
        <v>0</v>
      </c>
      <c r="HD30" s="110">
        <v>0</v>
      </c>
      <c r="HE30" s="114">
        <v>0</v>
      </c>
      <c r="HF30" s="112">
        <v>0</v>
      </c>
      <c r="HG30" s="111">
        <v>0</v>
      </c>
      <c r="HH30" s="114">
        <v>135590</v>
      </c>
      <c r="HI30" s="114">
        <v>308307</v>
      </c>
      <c r="HJ30" s="114">
        <v>0</v>
      </c>
      <c r="HK30" s="114">
        <v>369494</v>
      </c>
      <c r="HL30" s="114">
        <v>202325</v>
      </c>
      <c r="HM30" s="113">
        <v>1015716</v>
      </c>
      <c r="HN30" s="109">
        <v>1015716</v>
      </c>
      <c r="HO30" s="328"/>
      <c r="HP30" s="329"/>
      <c r="HQ30" s="330"/>
      <c r="HR30" s="331"/>
      <c r="HS30" s="329"/>
      <c r="HT30" s="329"/>
      <c r="HU30" s="329"/>
      <c r="HV30" s="329"/>
      <c r="HW30" s="329"/>
      <c r="HX30" s="332"/>
      <c r="HY30" s="333"/>
      <c r="HZ30" s="150">
        <v>0</v>
      </c>
      <c r="IA30" s="135">
        <v>0</v>
      </c>
      <c r="IB30" s="150">
        <v>0</v>
      </c>
      <c r="IC30" s="134">
        <v>0</v>
      </c>
      <c r="ID30" s="135">
        <v>478229</v>
      </c>
      <c r="IE30" s="136">
        <v>12837</v>
      </c>
      <c r="IF30" s="137">
        <v>253383</v>
      </c>
      <c r="IG30" s="135">
        <v>0</v>
      </c>
      <c r="IH30" s="137">
        <v>0</v>
      </c>
      <c r="II30" s="138">
        <v>744449</v>
      </c>
      <c r="IJ30" s="150">
        <v>744449</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79665</v>
      </c>
      <c r="JL30" s="119">
        <v>12837</v>
      </c>
      <c r="JM30" s="119">
        <v>34475</v>
      </c>
      <c r="JN30" s="119">
        <v>0</v>
      </c>
      <c r="JO30" s="119">
        <v>0</v>
      </c>
      <c r="JP30" s="120">
        <v>126977</v>
      </c>
      <c r="JQ30" s="320">
        <v>126977</v>
      </c>
      <c r="JR30" s="142">
        <v>0</v>
      </c>
      <c r="JS30" s="119">
        <v>0</v>
      </c>
      <c r="JT30" s="141">
        <v>0</v>
      </c>
      <c r="JU30" s="118">
        <v>0</v>
      </c>
      <c r="JV30" s="119">
        <v>0</v>
      </c>
      <c r="JW30" s="119">
        <v>0</v>
      </c>
      <c r="JX30" s="119">
        <v>0</v>
      </c>
      <c r="JY30" s="119">
        <v>0</v>
      </c>
      <c r="JZ30" s="119">
        <v>0</v>
      </c>
      <c r="KA30" s="120">
        <v>0</v>
      </c>
      <c r="KB30" s="320">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398564</v>
      </c>
      <c r="KS30" s="119">
        <v>0</v>
      </c>
      <c r="KT30" s="119">
        <v>218908</v>
      </c>
      <c r="KU30" s="119">
        <v>0</v>
      </c>
      <c r="KV30" s="119">
        <v>0</v>
      </c>
      <c r="KW30" s="120">
        <v>617472</v>
      </c>
      <c r="KX30" s="320">
        <v>617472</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200277</v>
      </c>
      <c r="MM30" s="119">
        <v>462018</v>
      </c>
      <c r="MN30" s="119">
        <v>50019</v>
      </c>
      <c r="MO30" s="120">
        <v>712314</v>
      </c>
      <c r="MP30" s="143">
        <v>712314</v>
      </c>
      <c r="MQ30" s="142">
        <v>0</v>
      </c>
      <c r="MR30" s="119">
        <v>0</v>
      </c>
      <c r="MS30" s="120">
        <v>0</v>
      </c>
      <c r="MT30" s="145"/>
      <c r="MU30" s="119">
        <v>0</v>
      </c>
      <c r="MV30" s="119">
        <v>0</v>
      </c>
      <c r="MW30" s="119">
        <v>200277</v>
      </c>
      <c r="MX30" s="119">
        <v>217394</v>
      </c>
      <c r="MY30" s="119">
        <v>50019</v>
      </c>
      <c r="MZ30" s="120">
        <v>467690</v>
      </c>
      <c r="NA30" s="143">
        <v>467690</v>
      </c>
      <c r="NB30" s="142">
        <v>0</v>
      </c>
      <c r="NC30" s="119">
        <v>0</v>
      </c>
      <c r="ND30" s="120">
        <v>0</v>
      </c>
      <c r="NE30" s="145"/>
      <c r="NF30" s="119">
        <v>0</v>
      </c>
      <c r="NG30" s="119">
        <v>0</v>
      </c>
      <c r="NH30" s="119">
        <v>0</v>
      </c>
      <c r="NI30" s="119">
        <v>244624</v>
      </c>
      <c r="NJ30" s="119">
        <v>0</v>
      </c>
      <c r="NK30" s="120">
        <v>244624</v>
      </c>
      <c r="NL30" s="320">
        <v>244624</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40247</v>
      </c>
      <c r="OJ30" s="119">
        <v>91608</v>
      </c>
      <c r="OK30" s="141">
        <v>131855</v>
      </c>
      <c r="OL30" s="118">
        <v>0</v>
      </c>
      <c r="OM30" s="119">
        <v>1456766</v>
      </c>
      <c r="ON30" s="119">
        <v>1109568</v>
      </c>
      <c r="OO30" s="119">
        <v>1022588</v>
      </c>
      <c r="OP30" s="119">
        <v>1084201</v>
      </c>
      <c r="OQ30" s="119">
        <v>1150329</v>
      </c>
      <c r="OR30" s="120">
        <v>5823452</v>
      </c>
      <c r="OS30" s="143">
        <v>5955307</v>
      </c>
    </row>
    <row r="31" spans="2:409" ht="20.25" customHeight="1" x14ac:dyDescent="0.2">
      <c r="B31" s="126" t="s">
        <v>26</v>
      </c>
      <c r="C31" s="110">
        <v>185927</v>
      </c>
      <c r="D31" s="114">
        <v>109534</v>
      </c>
      <c r="E31" s="113">
        <v>295461</v>
      </c>
      <c r="F31" s="109">
        <v>0</v>
      </c>
      <c r="G31" s="114">
        <v>1045728</v>
      </c>
      <c r="H31" s="114">
        <v>2091062</v>
      </c>
      <c r="I31" s="114">
        <v>624150</v>
      </c>
      <c r="J31" s="114">
        <v>840175</v>
      </c>
      <c r="K31" s="114">
        <v>520041</v>
      </c>
      <c r="L31" s="173">
        <v>5121156</v>
      </c>
      <c r="M31" s="116">
        <v>5416617</v>
      </c>
      <c r="N31" s="110">
        <v>33579</v>
      </c>
      <c r="O31" s="114">
        <v>53870</v>
      </c>
      <c r="P31" s="113">
        <v>87449</v>
      </c>
      <c r="Q31" s="110">
        <v>0</v>
      </c>
      <c r="R31" s="114">
        <v>125545</v>
      </c>
      <c r="S31" s="114">
        <v>271615</v>
      </c>
      <c r="T31" s="114">
        <v>363814</v>
      </c>
      <c r="U31" s="114">
        <v>398583</v>
      </c>
      <c r="V31" s="114">
        <v>463411</v>
      </c>
      <c r="W31" s="113">
        <v>1622968</v>
      </c>
      <c r="X31" s="116">
        <v>1710417</v>
      </c>
      <c r="Y31" s="110">
        <v>0</v>
      </c>
      <c r="Z31" s="114">
        <v>0</v>
      </c>
      <c r="AA31" s="113">
        <v>0</v>
      </c>
      <c r="AB31" s="110">
        <v>0</v>
      </c>
      <c r="AC31" s="114">
        <v>40476</v>
      </c>
      <c r="AD31" s="114">
        <v>19080</v>
      </c>
      <c r="AE31" s="114">
        <v>144882</v>
      </c>
      <c r="AF31" s="114">
        <v>260194</v>
      </c>
      <c r="AG31" s="114">
        <v>233534</v>
      </c>
      <c r="AH31" s="113">
        <v>698166</v>
      </c>
      <c r="AI31" s="116">
        <v>698166</v>
      </c>
      <c r="AJ31" s="110">
        <v>0</v>
      </c>
      <c r="AK31" s="114">
        <v>0</v>
      </c>
      <c r="AL31" s="113">
        <v>0</v>
      </c>
      <c r="AM31" s="110">
        <v>0</v>
      </c>
      <c r="AN31" s="114">
        <v>0</v>
      </c>
      <c r="AO31" s="114">
        <v>0</v>
      </c>
      <c r="AP31" s="114">
        <v>40887</v>
      </c>
      <c r="AQ31" s="114">
        <v>0</v>
      </c>
      <c r="AR31" s="114">
        <v>51351</v>
      </c>
      <c r="AS31" s="113">
        <v>92238</v>
      </c>
      <c r="AT31" s="116">
        <v>92238</v>
      </c>
      <c r="AU31" s="110">
        <v>0</v>
      </c>
      <c r="AV31" s="114">
        <v>53870</v>
      </c>
      <c r="AW31" s="113">
        <v>53870</v>
      </c>
      <c r="AX31" s="110">
        <v>0</v>
      </c>
      <c r="AY31" s="114">
        <v>61668</v>
      </c>
      <c r="AZ31" s="114">
        <v>166687</v>
      </c>
      <c r="BA31" s="114">
        <v>100857</v>
      </c>
      <c r="BB31" s="114">
        <v>74514</v>
      </c>
      <c r="BC31" s="114">
        <v>138052</v>
      </c>
      <c r="BD31" s="113">
        <v>541778</v>
      </c>
      <c r="BE31" s="116">
        <v>595648</v>
      </c>
      <c r="BF31" s="110">
        <v>0</v>
      </c>
      <c r="BG31" s="114">
        <v>0</v>
      </c>
      <c r="BH31" s="112">
        <v>0</v>
      </c>
      <c r="BI31" s="111">
        <v>0</v>
      </c>
      <c r="BJ31" s="114">
        <v>0</v>
      </c>
      <c r="BK31" s="114">
        <v>0</v>
      </c>
      <c r="BL31" s="114">
        <v>62215</v>
      </c>
      <c r="BM31" s="114">
        <v>0</v>
      </c>
      <c r="BN31" s="114">
        <v>0</v>
      </c>
      <c r="BO31" s="113">
        <v>62215</v>
      </c>
      <c r="BP31" s="116">
        <v>62215</v>
      </c>
      <c r="BQ31" s="110">
        <v>33579</v>
      </c>
      <c r="BR31" s="114">
        <v>0</v>
      </c>
      <c r="BS31" s="113">
        <v>33579</v>
      </c>
      <c r="BT31" s="110">
        <v>0</v>
      </c>
      <c r="BU31" s="114">
        <v>23401</v>
      </c>
      <c r="BV31" s="114">
        <v>85848</v>
      </c>
      <c r="BW31" s="114">
        <v>14973</v>
      </c>
      <c r="BX31" s="114">
        <v>63875</v>
      </c>
      <c r="BY31" s="114">
        <v>40474</v>
      </c>
      <c r="BZ31" s="113">
        <v>228571</v>
      </c>
      <c r="CA31" s="116">
        <v>262150</v>
      </c>
      <c r="CB31" s="110">
        <v>0</v>
      </c>
      <c r="CC31" s="114">
        <v>0</v>
      </c>
      <c r="CD31" s="113">
        <v>0</v>
      </c>
      <c r="CE31" s="110">
        <v>0</v>
      </c>
      <c r="CF31" s="114">
        <v>434917</v>
      </c>
      <c r="CG31" s="114">
        <v>325047</v>
      </c>
      <c r="CH31" s="114">
        <v>95628</v>
      </c>
      <c r="CI31" s="114">
        <v>0</v>
      </c>
      <c r="CJ31" s="114">
        <v>0</v>
      </c>
      <c r="CK31" s="113">
        <v>855592</v>
      </c>
      <c r="CL31" s="116">
        <v>855592</v>
      </c>
      <c r="CM31" s="110">
        <v>0</v>
      </c>
      <c r="CN31" s="114">
        <v>0</v>
      </c>
      <c r="CO31" s="113">
        <v>0</v>
      </c>
      <c r="CP31" s="111">
        <v>0</v>
      </c>
      <c r="CQ31" s="114">
        <v>309062</v>
      </c>
      <c r="CR31" s="114">
        <v>70318</v>
      </c>
      <c r="CS31" s="114">
        <v>46748</v>
      </c>
      <c r="CT31" s="114">
        <v>0</v>
      </c>
      <c r="CU31" s="114">
        <v>0</v>
      </c>
      <c r="CV31" s="113">
        <v>426128</v>
      </c>
      <c r="CW31" s="116">
        <v>426128</v>
      </c>
      <c r="CX31" s="110">
        <v>0</v>
      </c>
      <c r="CY31" s="114">
        <v>0</v>
      </c>
      <c r="CZ31" s="113">
        <v>0</v>
      </c>
      <c r="DA31" s="110">
        <v>0</v>
      </c>
      <c r="DB31" s="114">
        <v>125855</v>
      </c>
      <c r="DC31" s="114">
        <v>254729</v>
      </c>
      <c r="DD31" s="114">
        <v>48880</v>
      </c>
      <c r="DE31" s="114">
        <v>0</v>
      </c>
      <c r="DF31" s="114">
        <v>0</v>
      </c>
      <c r="DG31" s="113">
        <v>429464</v>
      </c>
      <c r="DH31" s="116">
        <v>429464</v>
      </c>
      <c r="DI31" s="110">
        <v>0</v>
      </c>
      <c r="DJ31" s="114">
        <v>0</v>
      </c>
      <c r="DK31" s="112">
        <v>0</v>
      </c>
      <c r="DL31" s="111">
        <v>0</v>
      </c>
      <c r="DM31" s="114">
        <v>0</v>
      </c>
      <c r="DN31" s="114">
        <v>0</v>
      </c>
      <c r="DO31" s="114">
        <v>92006</v>
      </c>
      <c r="DP31" s="114">
        <v>0</v>
      </c>
      <c r="DQ31" s="114">
        <v>0</v>
      </c>
      <c r="DR31" s="113">
        <v>92006</v>
      </c>
      <c r="DS31" s="116">
        <v>92006</v>
      </c>
      <c r="DT31" s="110">
        <v>0</v>
      </c>
      <c r="DU31" s="114">
        <v>0</v>
      </c>
      <c r="DV31" s="113">
        <v>0</v>
      </c>
      <c r="DW31" s="110">
        <v>0</v>
      </c>
      <c r="DX31" s="114">
        <v>0</v>
      </c>
      <c r="DY31" s="114">
        <v>0</v>
      </c>
      <c r="DZ31" s="114">
        <v>92006</v>
      </c>
      <c r="EA31" s="114">
        <v>0</v>
      </c>
      <c r="EB31" s="114">
        <v>0</v>
      </c>
      <c r="EC31" s="113">
        <v>92006</v>
      </c>
      <c r="ED31" s="116">
        <v>92006</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12600</v>
      </c>
      <c r="FM31" s="114">
        <v>55664</v>
      </c>
      <c r="FN31" s="113">
        <v>68264</v>
      </c>
      <c r="FO31" s="110">
        <v>0</v>
      </c>
      <c r="FP31" s="114">
        <v>77798</v>
      </c>
      <c r="FQ31" s="114">
        <v>70525</v>
      </c>
      <c r="FR31" s="114">
        <v>72702</v>
      </c>
      <c r="FS31" s="114">
        <v>66815</v>
      </c>
      <c r="FT31" s="114">
        <v>56630</v>
      </c>
      <c r="FU31" s="113">
        <v>344470</v>
      </c>
      <c r="FV31" s="116">
        <v>412734</v>
      </c>
      <c r="FW31" s="115">
        <v>12600</v>
      </c>
      <c r="FX31" s="114">
        <v>40880</v>
      </c>
      <c r="FY31" s="112">
        <v>53480</v>
      </c>
      <c r="FZ31" s="111">
        <v>0</v>
      </c>
      <c r="GA31" s="114">
        <v>44611</v>
      </c>
      <c r="GB31" s="114">
        <v>70525</v>
      </c>
      <c r="GC31" s="114">
        <v>72702</v>
      </c>
      <c r="GD31" s="114">
        <v>66815</v>
      </c>
      <c r="GE31" s="114">
        <v>56630</v>
      </c>
      <c r="GF31" s="113">
        <v>311283</v>
      </c>
      <c r="GG31" s="318">
        <v>364763</v>
      </c>
      <c r="GH31" s="115">
        <v>0</v>
      </c>
      <c r="GI31" s="114">
        <v>14784</v>
      </c>
      <c r="GJ31" s="112">
        <v>14784</v>
      </c>
      <c r="GK31" s="111">
        <v>0</v>
      </c>
      <c r="GL31" s="114">
        <v>0</v>
      </c>
      <c r="GM31" s="114">
        <v>0</v>
      </c>
      <c r="GN31" s="114">
        <v>0</v>
      </c>
      <c r="GO31" s="114">
        <v>0</v>
      </c>
      <c r="GP31" s="114">
        <v>0</v>
      </c>
      <c r="GQ31" s="113">
        <v>0</v>
      </c>
      <c r="GR31" s="116">
        <v>14784</v>
      </c>
      <c r="GS31" s="110">
        <v>0</v>
      </c>
      <c r="GT31" s="114">
        <v>0</v>
      </c>
      <c r="GU31" s="113">
        <v>0</v>
      </c>
      <c r="GV31" s="110">
        <v>0</v>
      </c>
      <c r="GW31" s="114">
        <v>33187</v>
      </c>
      <c r="GX31" s="114">
        <v>0</v>
      </c>
      <c r="GY31" s="114">
        <v>0</v>
      </c>
      <c r="GZ31" s="114">
        <v>0</v>
      </c>
      <c r="HA31" s="114">
        <v>0</v>
      </c>
      <c r="HB31" s="112">
        <v>33187</v>
      </c>
      <c r="HC31" s="116">
        <v>33187</v>
      </c>
      <c r="HD31" s="110">
        <v>139748</v>
      </c>
      <c r="HE31" s="114">
        <v>0</v>
      </c>
      <c r="HF31" s="112">
        <v>139748</v>
      </c>
      <c r="HG31" s="111">
        <v>0</v>
      </c>
      <c r="HH31" s="114">
        <v>407468</v>
      </c>
      <c r="HI31" s="114">
        <v>1423875</v>
      </c>
      <c r="HJ31" s="114">
        <v>0</v>
      </c>
      <c r="HK31" s="114">
        <v>374777</v>
      </c>
      <c r="HL31" s="114">
        <v>0</v>
      </c>
      <c r="HM31" s="113">
        <v>2206120</v>
      </c>
      <c r="HN31" s="109">
        <v>2345868</v>
      </c>
      <c r="HO31" s="328"/>
      <c r="HP31" s="329"/>
      <c r="HQ31" s="330"/>
      <c r="HR31" s="331"/>
      <c r="HS31" s="329"/>
      <c r="HT31" s="329"/>
      <c r="HU31" s="329"/>
      <c r="HV31" s="329"/>
      <c r="HW31" s="329"/>
      <c r="HX31" s="332"/>
      <c r="HY31" s="333"/>
      <c r="HZ31" s="131">
        <v>0</v>
      </c>
      <c r="IA31" s="132">
        <v>0</v>
      </c>
      <c r="IB31" s="133">
        <v>0</v>
      </c>
      <c r="IC31" s="146">
        <v>0</v>
      </c>
      <c r="ID31" s="132">
        <v>212579</v>
      </c>
      <c r="IE31" s="147">
        <v>0</v>
      </c>
      <c r="IF31" s="133">
        <v>406263</v>
      </c>
      <c r="IG31" s="132">
        <v>216647</v>
      </c>
      <c r="IH31" s="133">
        <v>441704</v>
      </c>
      <c r="II31" s="148">
        <v>1277193</v>
      </c>
      <c r="IJ31" s="139">
        <v>1277193</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06176</v>
      </c>
      <c r="JL31" s="119">
        <v>0</v>
      </c>
      <c r="JM31" s="119">
        <v>191125</v>
      </c>
      <c r="JN31" s="119">
        <v>0</v>
      </c>
      <c r="JO31" s="119">
        <v>0</v>
      </c>
      <c r="JP31" s="120">
        <v>297301</v>
      </c>
      <c r="JQ31" s="320">
        <v>297301</v>
      </c>
      <c r="JR31" s="142">
        <v>0</v>
      </c>
      <c r="JS31" s="119">
        <v>0</v>
      </c>
      <c r="JT31" s="141">
        <v>0</v>
      </c>
      <c r="JU31" s="118">
        <v>0</v>
      </c>
      <c r="JV31" s="119">
        <v>0</v>
      </c>
      <c r="JW31" s="119">
        <v>0</v>
      </c>
      <c r="JX31" s="119">
        <v>0</v>
      </c>
      <c r="JY31" s="119">
        <v>0</v>
      </c>
      <c r="JZ31" s="119">
        <v>0</v>
      </c>
      <c r="KA31" s="120">
        <v>0</v>
      </c>
      <c r="KB31" s="320">
        <v>0</v>
      </c>
      <c r="KC31" s="234">
        <v>0</v>
      </c>
      <c r="KD31" s="230">
        <v>0</v>
      </c>
      <c r="KE31" s="120">
        <v>0</v>
      </c>
      <c r="KF31" s="118">
        <v>0</v>
      </c>
      <c r="KG31" s="119">
        <v>106403</v>
      </c>
      <c r="KH31" s="119">
        <v>0</v>
      </c>
      <c r="KI31" s="119">
        <v>0</v>
      </c>
      <c r="KJ31" s="119">
        <v>0</v>
      </c>
      <c r="KK31" s="119">
        <v>0</v>
      </c>
      <c r="KL31" s="120">
        <v>106403</v>
      </c>
      <c r="KM31" s="143">
        <v>106403</v>
      </c>
      <c r="KN31" s="232">
        <v>0</v>
      </c>
      <c r="KO31" s="236">
        <v>0</v>
      </c>
      <c r="KP31" s="237">
        <v>0</v>
      </c>
      <c r="KQ31" s="140"/>
      <c r="KR31" s="119">
        <v>0</v>
      </c>
      <c r="KS31" s="119">
        <v>0</v>
      </c>
      <c r="KT31" s="119">
        <v>215138</v>
      </c>
      <c r="KU31" s="119">
        <v>216647</v>
      </c>
      <c r="KV31" s="119">
        <v>441704</v>
      </c>
      <c r="KW31" s="120">
        <v>873489</v>
      </c>
      <c r="KX31" s="320">
        <v>873489</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197929</v>
      </c>
      <c r="MK31" s="119">
        <v>0</v>
      </c>
      <c r="ML31" s="119">
        <v>0</v>
      </c>
      <c r="MM31" s="119">
        <v>195384</v>
      </c>
      <c r="MN31" s="119">
        <v>-249</v>
      </c>
      <c r="MO31" s="120">
        <v>393064</v>
      </c>
      <c r="MP31" s="143">
        <v>393064</v>
      </c>
      <c r="MQ31" s="142">
        <v>0</v>
      </c>
      <c r="MR31" s="119">
        <v>0</v>
      </c>
      <c r="MS31" s="120">
        <v>0</v>
      </c>
      <c r="MT31" s="145"/>
      <c r="MU31" s="119">
        <v>0</v>
      </c>
      <c r="MV31" s="119">
        <v>0</v>
      </c>
      <c r="MW31" s="119">
        <v>0</v>
      </c>
      <c r="MX31" s="119">
        <v>195384</v>
      </c>
      <c r="MY31" s="119">
        <v>-249</v>
      </c>
      <c r="MZ31" s="120">
        <v>195135</v>
      </c>
      <c r="NA31" s="143">
        <v>195135</v>
      </c>
      <c r="NB31" s="142">
        <v>0</v>
      </c>
      <c r="NC31" s="119">
        <v>0</v>
      </c>
      <c r="ND31" s="120">
        <v>0</v>
      </c>
      <c r="NE31" s="145"/>
      <c r="NF31" s="119">
        <v>197929</v>
      </c>
      <c r="NG31" s="119">
        <v>0</v>
      </c>
      <c r="NH31" s="119">
        <v>0</v>
      </c>
      <c r="NI31" s="119">
        <v>0</v>
      </c>
      <c r="NJ31" s="119">
        <v>0</v>
      </c>
      <c r="NK31" s="120">
        <v>197929</v>
      </c>
      <c r="NL31" s="320">
        <v>197929</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85927</v>
      </c>
      <c r="OJ31" s="119">
        <v>109534</v>
      </c>
      <c r="OK31" s="141">
        <v>295461</v>
      </c>
      <c r="OL31" s="118">
        <v>0</v>
      </c>
      <c r="OM31" s="119">
        <v>1456236</v>
      </c>
      <c r="ON31" s="119">
        <v>2091062</v>
      </c>
      <c r="OO31" s="119">
        <v>1030413</v>
      </c>
      <c r="OP31" s="119">
        <v>1252206</v>
      </c>
      <c r="OQ31" s="119">
        <v>961496</v>
      </c>
      <c r="OR31" s="120">
        <v>6791413</v>
      </c>
      <c r="OS31" s="143">
        <v>7086874</v>
      </c>
    </row>
    <row r="32" spans="2:409" ht="20.25" customHeight="1" x14ac:dyDescent="0.2">
      <c r="B32" s="126" t="s">
        <v>27</v>
      </c>
      <c r="C32" s="110">
        <v>29196</v>
      </c>
      <c r="D32" s="114">
        <v>216340</v>
      </c>
      <c r="E32" s="113">
        <v>245536</v>
      </c>
      <c r="F32" s="109">
        <v>0</v>
      </c>
      <c r="G32" s="114">
        <v>741395</v>
      </c>
      <c r="H32" s="114">
        <v>1059671</v>
      </c>
      <c r="I32" s="114">
        <v>1696067</v>
      </c>
      <c r="J32" s="114">
        <v>984089</v>
      </c>
      <c r="K32" s="114">
        <v>644217</v>
      </c>
      <c r="L32" s="173">
        <v>5125439</v>
      </c>
      <c r="M32" s="116">
        <v>5370975</v>
      </c>
      <c r="N32" s="110">
        <v>61420</v>
      </c>
      <c r="O32" s="114">
        <v>44289</v>
      </c>
      <c r="P32" s="113">
        <v>105709</v>
      </c>
      <c r="Q32" s="110">
        <v>0</v>
      </c>
      <c r="R32" s="114">
        <v>113982</v>
      </c>
      <c r="S32" s="114">
        <v>451676</v>
      </c>
      <c r="T32" s="114">
        <v>182056</v>
      </c>
      <c r="U32" s="114">
        <v>79051</v>
      </c>
      <c r="V32" s="114">
        <v>481731</v>
      </c>
      <c r="W32" s="113">
        <v>1308496</v>
      </c>
      <c r="X32" s="116">
        <v>1414205</v>
      </c>
      <c r="Y32" s="110">
        <v>0</v>
      </c>
      <c r="Z32" s="114">
        <v>0</v>
      </c>
      <c r="AA32" s="113">
        <v>0</v>
      </c>
      <c r="AB32" s="110">
        <v>0</v>
      </c>
      <c r="AC32" s="114">
        <v>36549</v>
      </c>
      <c r="AD32" s="114">
        <v>284022</v>
      </c>
      <c r="AE32" s="114">
        <v>52516</v>
      </c>
      <c r="AF32" s="114">
        <v>0</v>
      </c>
      <c r="AG32" s="114">
        <v>415056</v>
      </c>
      <c r="AH32" s="113">
        <v>788143</v>
      </c>
      <c r="AI32" s="116">
        <v>788143</v>
      </c>
      <c r="AJ32" s="110">
        <v>0</v>
      </c>
      <c r="AK32" s="114">
        <v>0</v>
      </c>
      <c r="AL32" s="113">
        <v>0</v>
      </c>
      <c r="AM32" s="110">
        <v>0</v>
      </c>
      <c r="AN32" s="114">
        <v>0</v>
      </c>
      <c r="AO32" s="114">
        <v>0</v>
      </c>
      <c r="AP32" s="114">
        <v>0</v>
      </c>
      <c r="AQ32" s="114">
        <v>0</v>
      </c>
      <c r="AR32" s="114">
        <v>0</v>
      </c>
      <c r="AS32" s="113">
        <v>0</v>
      </c>
      <c r="AT32" s="116">
        <v>0</v>
      </c>
      <c r="AU32" s="110">
        <v>61420</v>
      </c>
      <c r="AV32" s="114">
        <v>31115</v>
      </c>
      <c r="AW32" s="113">
        <v>92535</v>
      </c>
      <c r="AX32" s="110">
        <v>0</v>
      </c>
      <c r="AY32" s="114">
        <v>54375</v>
      </c>
      <c r="AZ32" s="114">
        <v>139612</v>
      </c>
      <c r="BA32" s="114">
        <v>61815</v>
      </c>
      <c r="BB32" s="114">
        <v>19446</v>
      </c>
      <c r="BC32" s="114">
        <v>39165</v>
      </c>
      <c r="BD32" s="113">
        <v>314413</v>
      </c>
      <c r="BE32" s="116">
        <v>406948</v>
      </c>
      <c r="BF32" s="110">
        <v>0</v>
      </c>
      <c r="BG32" s="114">
        <v>0</v>
      </c>
      <c r="BH32" s="112">
        <v>0</v>
      </c>
      <c r="BI32" s="111">
        <v>0</v>
      </c>
      <c r="BJ32" s="114">
        <v>0</v>
      </c>
      <c r="BK32" s="114">
        <v>0</v>
      </c>
      <c r="BL32" s="114">
        <v>0</v>
      </c>
      <c r="BM32" s="114">
        <v>0</v>
      </c>
      <c r="BN32" s="114">
        <v>0</v>
      </c>
      <c r="BO32" s="113">
        <v>0</v>
      </c>
      <c r="BP32" s="116">
        <v>0</v>
      </c>
      <c r="BQ32" s="110">
        <v>0</v>
      </c>
      <c r="BR32" s="114">
        <v>13174</v>
      </c>
      <c r="BS32" s="113">
        <v>13174</v>
      </c>
      <c r="BT32" s="110">
        <v>0</v>
      </c>
      <c r="BU32" s="114">
        <v>23058</v>
      </c>
      <c r="BV32" s="114">
        <v>28042</v>
      </c>
      <c r="BW32" s="114">
        <v>67725</v>
      </c>
      <c r="BX32" s="114">
        <v>59605</v>
      </c>
      <c r="BY32" s="114">
        <v>27510</v>
      </c>
      <c r="BZ32" s="113">
        <v>205940</v>
      </c>
      <c r="CA32" s="116">
        <v>219114</v>
      </c>
      <c r="CB32" s="110">
        <v>36348</v>
      </c>
      <c r="CC32" s="114">
        <v>33638</v>
      </c>
      <c r="CD32" s="113">
        <v>69986</v>
      </c>
      <c r="CE32" s="110">
        <v>0</v>
      </c>
      <c r="CF32" s="114">
        <v>8785</v>
      </c>
      <c r="CG32" s="114">
        <v>82308</v>
      </c>
      <c r="CH32" s="114">
        <v>331578</v>
      </c>
      <c r="CI32" s="114">
        <v>75599</v>
      </c>
      <c r="CJ32" s="114">
        <v>0</v>
      </c>
      <c r="CK32" s="113">
        <v>498270</v>
      </c>
      <c r="CL32" s="116">
        <v>568256</v>
      </c>
      <c r="CM32" s="110">
        <v>0</v>
      </c>
      <c r="CN32" s="114">
        <v>0</v>
      </c>
      <c r="CO32" s="113">
        <v>0</v>
      </c>
      <c r="CP32" s="111">
        <v>0</v>
      </c>
      <c r="CQ32" s="114">
        <v>0</v>
      </c>
      <c r="CR32" s="114">
        <v>61867</v>
      </c>
      <c r="CS32" s="114">
        <v>210815</v>
      </c>
      <c r="CT32" s="114">
        <v>75599</v>
      </c>
      <c r="CU32" s="114">
        <v>0</v>
      </c>
      <c r="CV32" s="113">
        <v>348281</v>
      </c>
      <c r="CW32" s="116">
        <v>348281</v>
      </c>
      <c r="CX32" s="110">
        <v>36348</v>
      </c>
      <c r="CY32" s="114">
        <v>33638</v>
      </c>
      <c r="CZ32" s="113">
        <v>69986</v>
      </c>
      <c r="DA32" s="110">
        <v>0</v>
      </c>
      <c r="DB32" s="114">
        <v>8785</v>
      </c>
      <c r="DC32" s="114">
        <v>20441</v>
      </c>
      <c r="DD32" s="114">
        <v>120763</v>
      </c>
      <c r="DE32" s="114">
        <v>0</v>
      </c>
      <c r="DF32" s="114">
        <v>0</v>
      </c>
      <c r="DG32" s="113">
        <v>149989</v>
      </c>
      <c r="DH32" s="116">
        <v>219975</v>
      </c>
      <c r="DI32" s="110">
        <v>0</v>
      </c>
      <c r="DJ32" s="114">
        <v>0</v>
      </c>
      <c r="DK32" s="112">
        <v>0</v>
      </c>
      <c r="DL32" s="111">
        <v>0</v>
      </c>
      <c r="DM32" s="114">
        <v>0</v>
      </c>
      <c r="DN32" s="114">
        <v>0</v>
      </c>
      <c r="DO32" s="114">
        <v>81384</v>
      </c>
      <c r="DP32" s="114">
        <v>0</v>
      </c>
      <c r="DQ32" s="114">
        <v>0</v>
      </c>
      <c r="DR32" s="113">
        <v>81384</v>
      </c>
      <c r="DS32" s="116">
        <v>81384</v>
      </c>
      <c r="DT32" s="110">
        <v>0</v>
      </c>
      <c r="DU32" s="114">
        <v>0</v>
      </c>
      <c r="DV32" s="113">
        <v>0</v>
      </c>
      <c r="DW32" s="110">
        <v>0</v>
      </c>
      <c r="DX32" s="114">
        <v>0</v>
      </c>
      <c r="DY32" s="114">
        <v>0</v>
      </c>
      <c r="DZ32" s="114">
        <v>81384</v>
      </c>
      <c r="EA32" s="114">
        <v>0</v>
      </c>
      <c r="EB32" s="114">
        <v>0</v>
      </c>
      <c r="EC32" s="113">
        <v>81384</v>
      </c>
      <c r="ED32" s="116">
        <v>81384</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68572</v>
      </c>
      <c r="FM32" s="114">
        <v>52290</v>
      </c>
      <c r="FN32" s="113">
        <v>-16282</v>
      </c>
      <c r="FO32" s="110">
        <v>0</v>
      </c>
      <c r="FP32" s="114">
        <v>22050</v>
      </c>
      <c r="FQ32" s="114">
        <v>72142</v>
      </c>
      <c r="FR32" s="114">
        <v>91686</v>
      </c>
      <c r="FS32" s="114">
        <v>30926</v>
      </c>
      <c r="FT32" s="114">
        <v>19950</v>
      </c>
      <c r="FU32" s="113">
        <v>236754</v>
      </c>
      <c r="FV32" s="116">
        <v>220472</v>
      </c>
      <c r="FW32" s="115">
        <v>-68572</v>
      </c>
      <c r="FX32" s="114">
        <v>52290</v>
      </c>
      <c r="FY32" s="112">
        <v>-16282</v>
      </c>
      <c r="FZ32" s="111">
        <v>0</v>
      </c>
      <c r="GA32" s="114">
        <v>22050</v>
      </c>
      <c r="GB32" s="114">
        <v>72142</v>
      </c>
      <c r="GC32" s="114">
        <v>91686</v>
      </c>
      <c r="GD32" s="114">
        <v>16450</v>
      </c>
      <c r="GE32" s="114">
        <v>19950</v>
      </c>
      <c r="GF32" s="113">
        <v>222278</v>
      </c>
      <c r="GG32" s="318">
        <v>205996</v>
      </c>
      <c r="GH32" s="115">
        <v>0</v>
      </c>
      <c r="GI32" s="114">
        <v>0</v>
      </c>
      <c r="GJ32" s="112">
        <v>0</v>
      </c>
      <c r="GK32" s="111">
        <v>0</v>
      </c>
      <c r="GL32" s="114">
        <v>0</v>
      </c>
      <c r="GM32" s="114">
        <v>0</v>
      </c>
      <c r="GN32" s="114">
        <v>0</v>
      </c>
      <c r="GO32" s="114">
        <v>14476</v>
      </c>
      <c r="GP32" s="114">
        <v>0</v>
      </c>
      <c r="GQ32" s="113">
        <v>14476</v>
      </c>
      <c r="GR32" s="116">
        <v>14476</v>
      </c>
      <c r="GS32" s="110">
        <v>0</v>
      </c>
      <c r="GT32" s="114">
        <v>0</v>
      </c>
      <c r="GU32" s="113">
        <v>0</v>
      </c>
      <c r="GV32" s="110">
        <v>0</v>
      </c>
      <c r="GW32" s="114">
        <v>0</v>
      </c>
      <c r="GX32" s="114">
        <v>0</v>
      </c>
      <c r="GY32" s="114">
        <v>0</v>
      </c>
      <c r="GZ32" s="114">
        <v>0</v>
      </c>
      <c r="HA32" s="114">
        <v>0</v>
      </c>
      <c r="HB32" s="112">
        <v>0</v>
      </c>
      <c r="HC32" s="116">
        <v>0</v>
      </c>
      <c r="HD32" s="110">
        <v>0</v>
      </c>
      <c r="HE32" s="114">
        <v>86123</v>
      </c>
      <c r="HF32" s="112">
        <v>86123</v>
      </c>
      <c r="HG32" s="111">
        <v>0</v>
      </c>
      <c r="HH32" s="114">
        <v>596578</v>
      </c>
      <c r="HI32" s="114">
        <v>453545</v>
      </c>
      <c r="HJ32" s="114">
        <v>1009363</v>
      </c>
      <c r="HK32" s="114">
        <v>798513</v>
      </c>
      <c r="HL32" s="114">
        <v>142536</v>
      </c>
      <c r="HM32" s="113">
        <v>3000535</v>
      </c>
      <c r="HN32" s="109">
        <v>3086658</v>
      </c>
      <c r="HO32" s="328"/>
      <c r="HP32" s="329"/>
      <c r="HQ32" s="330"/>
      <c r="HR32" s="331"/>
      <c r="HS32" s="329"/>
      <c r="HT32" s="329"/>
      <c r="HU32" s="329"/>
      <c r="HV32" s="329"/>
      <c r="HW32" s="329"/>
      <c r="HX32" s="332"/>
      <c r="HY32" s="333"/>
      <c r="HZ32" s="150">
        <v>0</v>
      </c>
      <c r="IA32" s="135">
        <v>0</v>
      </c>
      <c r="IB32" s="150">
        <v>0</v>
      </c>
      <c r="IC32" s="134">
        <v>0</v>
      </c>
      <c r="ID32" s="135">
        <v>48833</v>
      </c>
      <c r="IE32" s="136">
        <v>51096</v>
      </c>
      <c r="IF32" s="137">
        <v>90811</v>
      </c>
      <c r="IG32" s="135">
        <v>0</v>
      </c>
      <c r="IH32" s="137">
        <v>0</v>
      </c>
      <c r="II32" s="138">
        <v>190740</v>
      </c>
      <c r="IJ32" s="150">
        <v>190740</v>
      </c>
      <c r="IK32" s="232">
        <v>0</v>
      </c>
      <c r="IL32" s="236">
        <v>0</v>
      </c>
      <c r="IM32" s="237">
        <v>0</v>
      </c>
      <c r="IN32" s="140"/>
      <c r="IO32" s="119">
        <v>0</v>
      </c>
      <c r="IP32" s="119">
        <v>0</v>
      </c>
      <c r="IQ32" s="119">
        <v>0</v>
      </c>
      <c r="IR32" s="119">
        <v>0</v>
      </c>
      <c r="IS32" s="119">
        <v>0</v>
      </c>
      <c r="IT32" s="141">
        <v>0</v>
      </c>
      <c r="IU32" s="320">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48833</v>
      </c>
      <c r="JL32" s="119">
        <v>4938</v>
      </c>
      <c r="JM32" s="119">
        <v>0</v>
      </c>
      <c r="JN32" s="119">
        <v>0</v>
      </c>
      <c r="JO32" s="119">
        <v>0</v>
      </c>
      <c r="JP32" s="120">
        <v>53771</v>
      </c>
      <c r="JQ32" s="320">
        <v>53771</v>
      </c>
      <c r="JR32" s="142">
        <v>0</v>
      </c>
      <c r="JS32" s="119">
        <v>0</v>
      </c>
      <c r="JT32" s="141">
        <v>0</v>
      </c>
      <c r="JU32" s="118">
        <v>0</v>
      </c>
      <c r="JV32" s="119">
        <v>0</v>
      </c>
      <c r="JW32" s="119">
        <v>46158</v>
      </c>
      <c r="JX32" s="119">
        <v>90811</v>
      </c>
      <c r="JY32" s="119">
        <v>0</v>
      </c>
      <c r="JZ32" s="119">
        <v>0</v>
      </c>
      <c r="KA32" s="120">
        <v>136969</v>
      </c>
      <c r="KB32" s="320">
        <v>136969</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20">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20">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0</v>
      </c>
      <c r="ML32" s="119">
        <v>195677</v>
      </c>
      <c r="MM32" s="119">
        <v>295308</v>
      </c>
      <c r="MN32" s="119">
        <v>170566</v>
      </c>
      <c r="MO32" s="120">
        <v>661551</v>
      </c>
      <c r="MP32" s="143">
        <v>661551</v>
      </c>
      <c r="MQ32" s="142">
        <v>0</v>
      </c>
      <c r="MR32" s="119">
        <v>0</v>
      </c>
      <c r="MS32" s="120">
        <v>0</v>
      </c>
      <c r="MT32" s="145"/>
      <c r="MU32" s="119">
        <v>0</v>
      </c>
      <c r="MV32" s="119">
        <v>0</v>
      </c>
      <c r="MW32" s="119">
        <v>195677</v>
      </c>
      <c r="MX32" s="119">
        <v>295308</v>
      </c>
      <c r="MY32" s="119">
        <v>170566</v>
      </c>
      <c r="MZ32" s="120">
        <v>661551</v>
      </c>
      <c r="NA32" s="143">
        <v>661551</v>
      </c>
      <c r="NB32" s="142">
        <v>0</v>
      </c>
      <c r="NC32" s="119">
        <v>0</v>
      </c>
      <c r="ND32" s="120">
        <v>0</v>
      </c>
      <c r="NE32" s="145"/>
      <c r="NF32" s="119">
        <v>0</v>
      </c>
      <c r="NG32" s="119">
        <v>0</v>
      </c>
      <c r="NH32" s="119">
        <v>0</v>
      </c>
      <c r="NI32" s="119">
        <v>0</v>
      </c>
      <c r="NJ32" s="119">
        <v>0</v>
      </c>
      <c r="NK32" s="120">
        <v>0</v>
      </c>
      <c r="NL32" s="320">
        <v>0</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29196</v>
      </c>
      <c r="OJ32" s="119">
        <v>216340</v>
      </c>
      <c r="OK32" s="141">
        <v>245536</v>
      </c>
      <c r="OL32" s="118">
        <v>0</v>
      </c>
      <c r="OM32" s="119">
        <v>790228</v>
      </c>
      <c r="ON32" s="119">
        <v>1110767</v>
      </c>
      <c r="OO32" s="119">
        <v>1982555</v>
      </c>
      <c r="OP32" s="119">
        <v>1279397</v>
      </c>
      <c r="OQ32" s="119">
        <v>814783</v>
      </c>
      <c r="OR32" s="120">
        <v>5977730</v>
      </c>
      <c r="OS32" s="143">
        <v>6223266</v>
      </c>
    </row>
    <row r="33" spans="2:409" ht="20.25" customHeight="1" x14ac:dyDescent="0.2">
      <c r="B33" s="126" t="s">
        <v>28</v>
      </c>
      <c r="C33" s="110">
        <v>1610</v>
      </c>
      <c r="D33" s="114">
        <v>7700</v>
      </c>
      <c r="E33" s="113">
        <v>9310</v>
      </c>
      <c r="F33" s="109">
        <v>0</v>
      </c>
      <c r="G33" s="114">
        <v>227354</v>
      </c>
      <c r="H33" s="114">
        <v>189698</v>
      </c>
      <c r="I33" s="114">
        <v>207905</v>
      </c>
      <c r="J33" s="114">
        <v>265125</v>
      </c>
      <c r="K33" s="114">
        <v>228082</v>
      </c>
      <c r="L33" s="173">
        <v>1118164</v>
      </c>
      <c r="M33" s="116">
        <v>1127474</v>
      </c>
      <c r="N33" s="110">
        <v>0</v>
      </c>
      <c r="O33" s="114">
        <v>0</v>
      </c>
      <c r="P33" s="113">
        <v>0</v>
      </c>
      <c r="Q33" s="110">
        <v>0</v>
      </c>
      <c r="R33" s="114">
        <v>99446</v>
      </c>
      <c r="S33" s="114">
        <v>105460</v>
      </c>
      <c r="T33" s="114">
        <v>32844</v>
      </c>
      <c r="U33" s="114">
        <v>8400</v>
      </c>
      <c r="V33" s="114">
        <v>82076</v>
      </c>
      <c r="W33" s="113">
        <v>328226</v>
      </c>
      <c r="X33" s="116">
        <v>328226</v>
      </c>
      <c r="Y33" s="110">
        <v>0</v>
      </c>
      <c r="Z33" s="114">
        <v>0</v>
      </c>
      <c r="AA33" s="113">
        <v>0</v>
      </c>
      <c r="AB33" s="110">
        <v>0</v>
      </c>
      <c r="AC33" s="114">
        <v>19080</v>
      </c>
      <c r="AD33" s="114">
        <v>43617</v>
      </c>
      <c r="AE33" s="114">
        <v>0</v>
      </c>
      <c r="AF33" s="114">
        <v>0</v>
      </c>
      <c r="AG33" s="114">
        <v>74838</v>
      </c>
      <c r="AH33" s="113">
        <v>137535</v>
      </c>
      <c r="AI33" s="116">
        <v>137535</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14532</v>
      </c>
      <c r="AZ33" s="114">
        <v>43223</v>
      </c>
      <c r="BA33" s="114">
        <v>14532</v>
      </c>
      <c r="BB33" s="114">
        <v>0</v>
      </c>
      <c r="BC33" s="114">
        <v>0</v>
      </c>
      <c r="BD33" s="113">
        <v>72287</v>
      </c>
      <c r="BE33" s="116">
        <v>72287</v>
      </c>
      <c r="BF33" s="110">
        <v>0</v>
      </c>
      <c r="BG33" s="114">
        <v>0</v>
      </c>
      <c r="BH33" s="112">
        <v>0</v>
      </c>
      <c r="BI33" s="111">
        <v>0</v>
      </c>
      <c r="BJ33" s="114">
        <v>62215</v>
      </c>
      <c r="BK33" s="114">
        <v>0</v>
      </c>
      <c r="BL33" s="114">
        <v>0</v>
      </c>
      <c r="BM33" s="114">
        <v>0</v>
      </c>
      <c r="BN33" s="114">
        <v>0</v>
      </c>
      <c r="BO33" s="113">
        <v>62215</v>
      </c>
      <c r="BP33" s="116">
        <v>62215</v>
      </c>
      <c r="BQ33" s="110">
        <v>0</v>
      </c>
      <c r="BR33" s="114">
        <v>0</v>
      </c>
      <c r="BS33" s="113">
        <v>0</v>
      </c>
      <c r="BT33" s="110">
        <v>0</v>
      </c>
      <c r="BU33" s="114">
        <v>3619</v>
      </c>
      <c r="BV33" s="114">
        <v>18620</v>
      </c>
      <c r="BW33" s="114">
        <v>18312</v>
      </c>
      <c r="BX33" s="114">
        <v>8400</v>
      </c>
      <c r="BY33" s="114">
        <v>7238</v>
      </c>
      <c r="BZ33" s="113">
        <v>56189</v>
      </c>
      <c r="CA33" s="116">
        <v>56189</v>
      </c>
      <c r="CB33" s="110">
        <v>0</v>
      </c>
      <c r="CC33" s="114">
        <v>0</v>
      </c>
      <c r="CD33" s="113">
        <v>0</v>
      </c>
      <c r="CE33" s="110">
        <v>0</v>
      </c>
      <c r="CF33" s="114">
        <v>98858</v>
      </c>
      <c r="CG33" s="114">
        <v>46662</v>
      </c>
      <c r="CH33" s="114">
        <v>0</v>
      </c>
      <c r="CI33" s="114">
        <v>68789</v>
      </c>
      <c r="CJ33" s="114">
        <v>74949</v>
      </c>
      <c r="CK33" s="113">
        <v>289258</v>
      </c>
      <c r="CL33" s="116">
        <v>289258</v>
      </c>
      <c r="CM33" s="110">
        <v>0</v>
      </c>
      <c r="CN33" s="114">
        <v>0</v>
      </c>
      <c r="CO33" s="113">
        <v>0</v>
      </c>
      <c r="CP33" s="111">
        <v>0</v>
      </c>
      <c r="CQ33" s="114">
        <v>45899</v>
      </c>
      <c r="CR33" s="114">
        <v>27146</v>
      </c>
      <c r="CS33" s="114">
        <v>0</v>
      </c>
      <c r="CT33" s="114">
        <v>68789</v>
      </c>
      <c r="CU33" s="114">
        <v>0</v>
      </c>
      <c r="CV33" s="113">
        <v>141834</v>
      </c>
      <c r="CW33" s="116">
        <v>141834</v>
      </c>
      <c r="CX33" s="110">
        <v>0</v>
      </c>
      <c r="CY33" s="114">
        <v>0</v>
      </c>
      <c r="CZ33" s="113">
        <v>0</v>
      </c>
      <c r="DA33" s="110">
        <v>0</v>
      </c>
      <c r="DB33" s="114">
        <v>52959</v>
      </c>
      <c r="DC33" s="114">
        <v>19516</v>
      </c>
      <c r="DD33" s="114">
        <v>0</v>
      </c>
      <c r="DE33" s="114">
        <v>0</v>
      </c>
      <c r="DF33" s="114">
        <v>74949</v>
      </c>
      <c r="DG33" s="113">
        <v>147424</v>
      </c>
      <c r="DH33" s="116">
        <v>147424</v>
      </c>
      <c r="DI33" s="110">
        <v>0</v>
      </c>
      <c r="DJ33" s="114">
        <v>0</v>
      </c>
      <c r="DK33" s="112">
        <v>0</v>
      </c>
      <c r="DL33" s="111">
        <v>0</v>
      </c>
      <c r="DM33" s="114">
        <v>0</v>
      </c>
      <c r="DN33" s="114">
        <v>0</v>
      </c>
      <c r="DO33" s="114">
        <v>0</v>
      </c>
      <c r="DP33" s="114">
        <v>0</v>
      </c>
      <c r="DQ33" s="114">
        <v>0</v>
      </c>
      <c r="DR33" s="113">
        <v>0</v>
      </c>
      <c r="DS33" s="116">
        <v>0</v>
      </c>
      <c r="DT33" s="110">
        <v>0</v>
      </c>
      <c r="DU33" s="114">
        <v>0</v>
      </c>
      <c r="DV33" s="113">
        <v>0</v>
      </c>
      <c r="DW33" s="110">
        <v>0</v>
      </c>
      <c r="DX33" s="114">
        <v>0</v>
      </c>
      <c r="DY33" s="114">
        <v>0</v>
      </c>
      <c r="DZ33" s="114">
        <v>0</v>
      </c>
      <c r="EA33" s="114">
        <v>0</v>
      </c>
      <c r="EB33" s="114">
        <v>0</v>
      </c>
      <c r="EC33" s="113">
        <v>0</v>
      </c>
      <c r="ED33" s="116">
        <v>0</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1610</v>
      </c>
      <c r="FM33" s="114">
        <v>7700</v>
      </c>
      <c r="FN33" s="113">
        <v>9310</v>
      </c>
      <c r="FO33" s="110">
        <v>0</v>
      </c>
      <c r="FP33" s="114">
        <v>29050</v>
      </c>
      <c r="FQ33" s="114">
        <v>37576</v>
      </c>
      <c r="FR33" s="114">
        <v>7350</v>
      </c>
      <c r="FS33" s="114">
        <v>0</v>
      </c>
      <c r="FT33" s="114">
        <v>71057</v>
      </c>
      <c r="FU33" s="113">
        <v>145033</v>
      </c>
      <c r="FV33" s="116">
        <v>154343</v>
      </c>
      <c r="FW33" s="115">
        <v>1610</v>
      </c>
      <c r="FX33" s="114">
        <v>7700</v>
      </c>
      <c r="FY33" s="112">
        <v>9310</v>
      </c>
      <c r="FZ33" s="111">
        <v>0</v>
      </c>
      <c r="GA33" s="114">
        <v>29050</v>
      </c>
      <c r="GB33" s="114">
        <v>37576</v>
      </c>
      <c r="GC33" s="114">
        <v>7350</v>
      </c>
      <c r="GD33" s="114">
        <v>0</v>
      </c>
      <c r="GE33" s="114">
        <v>71057</v>
      </c>
      <c r="GF33" s="113">
        <v>145033</v>
      </c>
      <c r="GG33" s="318">
        <v>154343</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0</v>
      </c>
      <c r="HI33" s="114">
        <v>0</v>
      </c>
      <c r="HJ33" s="114">
        <v>167711</v>
      </c>
      <c r="HK33" s="114">
        <v>187936</v>
      </c>
      <c r="HL33" s="114">
        <v>0</v>
      </c>
      <c r="HM33" s="113">
        <v>355647</v>
      </c>
      <c r="HN33" s="109">
        <v>355647</v>
      </c>
      <c r="HO33" s="328"/>
      <c r="HP33" s="329"/>
      <c r="HQ33" s="330"/>
      <c r="HR33" s="331"/>
      <c r="HS33" s="329"/>
      <c r="HT33" s="329"/>
      <c r="HU33" s="329"/>
      <c r="HV33" s="329"/>
      <c r="HW33" s="329"/>
      <c r="HX33" s="332"/>
      <c r="HY33" s="333"/>
      <c r="HZ33" s="131">
        <v>0</v>
      </c>
      <c r="IA33" s="132">
        <v>0</v>
      </c>
      <c r="IB33" s="133">
        <v>0</v>
      </c>
      <c r="IC33" s="146">
        <v>0</v>
      </c>
      <c r="ID33" s="132">
        <v>122500</v>
      </c>
      <c r="IE33" s="147">
        <v>35917</v>
      </c>
      <c r="IF33" s="133">
        <v>0</v>
      </c>
      <c r="IG33" s="132">
        <v>0</v>
      </c>
      <c r="IH33" s="133">
        <v>0</v>
      </c>
      <c r="II33" s="148">
        <v>158417</v>
      </c>
      <c r="IJ33" s="139">
        <v>158417</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22500</v>
      </c>
      <c r="JL33" s="119">
        <v>35917</v>
      </c>
      <c r="JM33" s="119">
        <v>0</v>
      </c>
      <c r="JN33" s="119">
        <v>0</v>
      </c>
      <c r="JO33" s="119">
        <v>0</v>
      </c>
      <c r="JP33" s="120">
        <v>158417</v>
      </c>
      <c r="JQ33" s="320">
        <v>158417</v>
      </c>
      <c r="JR33" s="142">
        <v>0</v>
      </c>
      <c r="JS33" s="119">
        <v>0</v>
      </c>
      <c r="JT33" s="141">
        <v>0</v>
      </c>
      <c r="JU33" s="118">
        <v>0</v>
      </c>
      <c r="JV33" s="119">
        <v>0</v>
      </c>
      <c r="JW33" s="119">
        <v>0</v>
      </c>
      <c r="JX33" s="119">
        <v>0</v>
      </c>
      <c r="JY33" s="119">
        <v>0</v>
      </c>
      <c r="JZ33" s="119">
        <v>0</v>
      </c>
      <c r="KA33" s="120">
        <v>0</v>
      </c>
      <c r="KB33" s="320">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20">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0</v>
      </c>
      <c r="MM33" s="119">
        <v>216675</v>
      </c>
      <c r="MN33" s="119">
        <v>257257</v>
      </c>
      <c r="MO33" s="120">
        <v>473932</v>
      </c>
      <c r="MP33" s="143">
        <v>473932</v>
      </c>
      <c r="MQ33" s="142">
        <v>0</v>
      </c>
      <c r="MR33" s="119">
        <v>0</v>
      </c>
      <c r="MS33" s="120">
        <v>0</v>
      </c>
      <c r="MT33" s="145"/>
      <c r="MU33" s="119">
        <v>0</v>
      </c>
      <c r="MV33" s="119">
        <v>0</v>
      </c>
      <c r="MW33" s="119">
        <v>0</v>
      </c>
      <c r="MX33" s="119">
        <v>216675</v>
      </c>
      <c r="MY33" s="119">
        <v>0</v>
      </c>
      <c r="MZ33" s="120">
        <v>216675</v>
      </c>
      <c r="NA33" s="143">
        <v>216675</v>
      </c>
      <c r="NB33" s="142">
        <v>0</v>
      </c>
      <c r="NC33" s="119">
        <v>0</v>
      </c>
      <c r="ND33" s="120">
        <v>0</v>
      </c>
      <c r="NE33" s="145"/>
      <c r="NF33" s="119">
        <v>0</v>
      </c>
      <c r="NG33" s="119">
        <v>0</v>
      </c>
      <c r="NH33" s="119">
        <v>0</v>
      </c>
      <c r="NI33" s="119">
        <v>0</v>
      </c>
      <c r="NJ33" s="119">
        <v>257257</v>
      </c>
      <c r="NK33" s="120">
        <v>257257</v>
      </c>
      <c r="NL33" s="320">
        <v>257257</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10</v>
      </c>
      <c r="OJ33" s="119">
        <v>7700</v>
      </c>
      <c r="OK33" s="141">
        <v>9310</v>
      </c>
      <c r="OL33" s="118">
        <v>0</v>
      </c>
      <c r="OM33" s="119">
        <v>349854</v>
      </c>
      <c r="ON33" s="119">
        <v>225615</v>
      </c>
      <c r="OO33" s="119">
        <v>207905</v>
      </c>
      <c r="OP33" s="119">
        <v>481800</v>
      </c>
      <c r="OQ33" s="119">
        <v>485339</v>
      </c>
      <c r="OR33" s="120">
        <v>1750513</v>
      </c>
      <c r="OS33" s="143">
        <v>1759823</v>
      </c>
    </row>
    <row r="34" spans="2:409" ht="20.25" customHeight="1" x14ac:dyDescent="0.2">
      <c r="B34" s="126" t="s">
        <v>29</v>
      </c>
      <c r="C34" s="110">
        <v>3500</v>
      </c>
      <c r="D34" s="114">
        <v>2100</v>
      </c>
      <c r="E34" s="113">
        <v>5600</v>
      </c>
      <c r="F34" s="109">
        <v>0</v>
      </c>
      <c r="G34" s="114">
        <v>271134</v>
      </c>
      <c r="H34" s="114">
        <v>157297</v>
      </c>
      <c r="I34" s="114">
        <v>381619</v>
      </c>
      <c r="J34" s="114">
        <v>738435</v>
      </c>
      <c r="K34" s="114">
        <v>350</v>
      </c>
      <c r="L34" s="173">
        <v>1548835</v>
      </c>
      <c r="M34" s="116">
        <v>1554435</v>
      </c>
      <c r="N34" s="110">
        <v>0</v>
      </c>
      <c r="O34" s="114">
        <v>0</v>
      </c>
      <c r="P34" s="113">
        <v>0</v>
      </c>
      <c r="Q34" s="110">
        <v>0</v>
      </c>
      <c r="R34" s="114">
        <v>29463</v>
      </c>
      <c r="S34" s="114">
        <v>94696</v>
      </c>
      <c r="T34" s="114">
        <v>234955</v>
      </c>
      <c r="U34" s="114">
        <v>168784</v>
      </c>
      <c r="V34" s="114">
        <v>0</v>
      </c>
      <c r="W34" s="113">
        <v>527898</v>
      </c>
      <c r="X34" s="116">
        <v>527898</v>
      </c>
      <c r="Y34" s="110">
        <v>0</v>
      </c>
      <c r="Z34" s="114">
        <v>0</v>
      </c>
      <c r="AA34" s="113">
        <v>0</v>
      </c>
      <c r="AB34" s="110">
        <v>0</v>
      </c>
      <c r="AC34" s="114">
        <v>22876</v>
      </c>
      <c r="AD34" s="114">
        <v>36624</v>
      </c>
      <c r="AE34" s="114">
        <v>0</v>
      </c>
      <c r="AF34" s="114">
        <v>136556</v>
      </c>
      <c r="AG34" s="114">
        <v>0</v>
      </c>
      <c r="AH34" s="113">
        <v>196056</v>
      </c>
      <c r="AI34" s="116">
        <v>196056</v>
      </c>
      <c r="AJ34" s="110">
        <v>0</v>
      </c>
      <c r="AK34" s="114">
        <v>0</v>
      </c>
      <c r="AL34" s="113">
        <v>0</v>
      </c>
      <c r="AM34" s="110">
        <v>0</v>
      </c>
      <c r="AN34" s="114">
        <v>0</v>
      </c>
      <c r="AO34" s="114">
        <v>0</v>
      </c>
      <c r="AP34" s="114">
        <v>18928</v>
      </c>
      <c r="AQ34" s="114">
        <v>0</v>
      </c>
      <c r="AR34" s="114">
        <v>0</v>
      </c>
      <c r="AS34" s="113">
        <v>18928</v>
      </c>
      <c r="AT34" s="116">
        <v>18928</v>
      </c>
      <c r="AU34" s="110">
        <v>0</v>
      </c>
      <c r="AV34" s="114">
        <v>0</v>
      </c>
      <c r="AW34" s="113">
        <v>0</v>
      </c>
      <c r="AX34" s="110">
        <v>0</v>
      </c>
      <c r="AY34" s="114">
        <v>0</v>
      </c>
      <c r="AZ34" s="114">
        <v>24612</v>
      </c>
      <c r="BA34" s="114">
        <v>144935</v>
      </c>
      <c r="BB34" s="114">
        <v>0</v>
      </c>
      <c r="BC34" s="114">
        <v>0</v>
      </c>
      <c r="BD34" s="113">
        <v>169547</v>
      </c>
      <c r="BE34" s="116">
        <v>169547</v>
      </c>
      <c r="BF34" s="110">
        <v>0</v>
      </c>
      <c r="BG34" s="114">
        <v>0</v>
      </c>
      <c r="BH34" s="112">
        <v>0</v>
      </c>
      <c r="BI34" s="111">
        <v>0</v>
      </c>
      <c r="BJ34" s="114">
        <v>0</v>
      </c>
      <c r="BK34" s="114">
        <v>33460</v>
      </c>
      <c r="BL34" s="114">
        <v>66920</v>
      </c>
      <c r="BM34" s="114">
        <v>0</v>
      </c>
      <c r="BN34" s="114">
        <v>0</v>
      </c>
      <c r="BO34" s="113">
        <v>100380</v>
      </c>
      <c r="BP34" s="116">
        <v>100380</v>
      </c>
      <c r="BQ34" s="110">
        <v>0</v>
      </c>
      <c r="BR34" s="114">
        <v>0</v>
      </c>
      <c r="BS34" s="113">
        <v>0</v>
      </c>
      <c r="BT34" s="110">
        <v>0</v>
      </c>
      <c r="BU34" s="114">
        <v>6587</v>
      </c>
      <c r="BV34" s="114">
        <v>0</v>
      </c>
      <c r="BW34" s="114">
        <v>4172</v>
      </c>
      <c r="BX34" s="114">
        <v>32228</v>
      </c>
      <c r="BY34" s="114">
        <v>0</v>
      </c>
      <c r="BZ34" s="113">
        <v>42987</v>
      </c>
      <c r="CA34" s="116">
        <v>42987</v>
      </c>
      <c r="CB34" s="110">
        <v>0</v>
      </c>
      <c r="CC34" s="114">
        <v>0</v>
      </c>
      <c r="CD34" s="113">
        <v>0</v>
      </c>
      <c r="CE34" s="110">
        <v>0</v>
      </c>
      <c r="CF34" s="114">
        <v>75302</v>
      </c>
      <c r="CG34" s="114">
        <v>45017</v>
      </c>
      <c r="CH34" s="114">
        <v>54439</v>
      </c>
      <c r="CI34" s="114">
        <v>79555</v>
      </c>
      <c r="CJ34" s="114">
        <v>0</v>
      </c>
      <c r="CK34" s="113">
        <v>254313</v>
      </c>
      <c r="CL34" s="116">
        <v>254313</v>
      </c>
      <c r="CM34" s="110">
        <v>0</v>
      </c>
      <c r="CN34" s="114">
        <v>0</v>
      </c>
      <c r="CO34" s="113">
        <v>0</v>
      </c>
      <c r="CP34" s="111">
        <v>0</v>
      </c>
      <c r="CQ34" s="114">
        <v>61404</v>
      </c>
      <c r="CR34" s="114">
        <v>0</v>
      </c>
      <c r="CS34" s="114">
        <v>31129</v>
      </c>
      <c r="CT34" s="114">
        <v>0</v>
      </c>
      <c r="CU34" s="114">
        <v>0</v>
      </c>
      <c r="CV34" s="113">
        <v>92533</v>
      </c>
      <c r="CW34" s="116">
        <v>92533</v>
      </c>
      <c r="CX34" s="110">
        <v>0</v>
      </c>
      <c r="CY34" s="114">
        <v>0</v>
      </c>
      <c r="CZ34" s="113">
        <v>0</v>
      </c>
      <c r="DA34" s="110">
        <v>0</v>
      </c>
      <c r="DB34" s="114">
        <v>13898</v>
      </c>
      <c r="DC34" s="114">
        <v>45017</v>
      </c>
      <c r="DD34" s="114">
        <v>23310</v>
      </c>
      <c r="DE34" s="114">
        <v>79555</v>
      </c>
      <c r="DF34" s="114">
        <v>0</v>
      </c>
      <c r="DG34" s="113">
        <v>161780</v>
      </c>
      <c r="DH34" s="116">
        <v>161780</v>
      </c>
      <c r="DI34" s="110">
        <v>0</v>
      </c>
      <c r="DJ34" s="114">
        <v>0</v>
      </c>
      <c r="DK34" s="112">
        <v>0</v>
      </c>
      <c r="DL34" s="111">
        <v>0</v>
      </c>
      <c r="DM34" s="114">
        <v>0</v>
      </c>
      <c r="DN34" s="114">
        <v>15484</v>
      </c>
      <c r="DO34" s="114">
        <v>0</v>
      </c>
      <c r="DP34" s="114">
        <v>0</v>
      </c>
      <c r="DQ34" s="114">
        <v>0</v>
      </c>
      <c r="DR34" s="113">
        <v>15484</v>
      </c>
      <c r="DS34" s="116">
        <v>15484</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0</v>
      </c>
      <c r="EJ34" s="114">
        <v>15484</v>
      </c>
      <c r="EK34" s="114">
        <v>0</v>
      </c>
      <c r="EL34" s="114">
        <v>0</v>
      </c>
      <c r="EM34" s="114">
        <v>0</v>
      </c>
      <c r="EN34" s="112">
        <v>15484</v>
      </c>
      <c r="EO34" s="116">
        <v>15484</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3500</v>
      </c>
      <c r="FM34" s="114">
        <v>2100</v>
      </c>
      <c r="FN34" s="113">
        <v>5600</v>
      </c>
      <c r="FO34" s="110">
        <v>0</v>
      </c>
      <c r="FP34" s="114">
        <v>32900</v>
      </c>
      <c r="FQ34" s="114">
        <v>2100</v>
      </c>
      <c r="FR34" s="114">
        <v>92225</v>
      </c>
      <c r="FS34" s="114">
        <v>0</v>
      </c>
      <c r="FT34" s="114">
        <v>350</v>
      </c>
      <c r="FU34" s="113">
        <v>127575</v>
      </c>
      <c r="FV34" s="116">
        <v>133175</v>
      </c>
      <c r="FW34" s="115">
        <v>3500</v>
      </c>
      <c r="FX34" s="114">
        <v>2100</v>
      </c>
      <c r="FY34" s="112">
        <v>5600</v>
      </c>
      <c r="FZ34" s="111">
        <v>0</v>
      </c>
      <c r="GA34" s="114">
        <v>32900</v>
      </c>
      <c r="GB34" s="114">
        <v>2100</v>
      </c>
      <c r="GC34" s="114">
        <v>92225</v>
      </c>
      <c r="GD34" s="114">
        <v>0</v>
      </c>
      <c r="GE34" s="114">
        <v>350</v>
      </c>
      <c r="GF34" s="113">
        <v>127575</v>
      </c>
      <c r="GG34" s="318">
        <v>133175</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133469</v>
      </c>
      <c r="HI34" s="114">
        <v>0</v>
      </c>
      <c r="HJ34" s="114">
        <v>0</v>
      </c>
      <c r="HK34" s="114">
        <v>490096</v>
      </c>
      <c r="HL34" s="114">
        <v>0</v>
      </c>
      <c r="HM34" s="113">
        <v>623565</v>
      </c>
      <c r="HN34" s="109">
        <v>623565</v>
      </c>
      <c r="HO34" s="328"/>
      <c r="HP34" s="329"/>
      <c r="HQ34" s="330"/>
      <c r="HR34" s="331"/>
      <c r="HS34" s="329"/>
      <c r="HT34" s="329"/>
      <c r="HU34" s="329"/>
      <c r="HV34" s="329"/>
      <c r="HW34" s="329"/>
      <c r="HX34" s="332"/>
      <c r="HY34" s="333"/>
      <c r="HZ34" s="150">
        <v>0</v>
      </c>
      <c r="IA34" s="135">
        <v>0</v>
      </c>
      <c r="IB34" s="150">
        <v>0</v>
      </c>
      <c r="IC34" s="134">
        <v>0</v>
      </c>
      <c r="ID34" s="135">
        <v>340979</v>
      </c>
      <c r="IE34" s="136">
        <v>16487</v>
      </c>
      <c r="IF34" s="137">
        <v>300307</v>
      </c>
      <c r="IG34" s="135">
        <v>224070</v>
      </c>
      <c r="IH34" s="137">
        <v>0</v>
      </c>
      <c r="II34" s="138">
        <v>881843</v>
      </c>
      <c r="IJ34" s="150">
        <v>881843</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943</v>
      </c>
      <c r="JL34" s="119">
        <v>16487</v>
      </c>
      <c r="JM34" s="119">
        <v>0</v>
      </c>
      <c r="JN34" s="119">
        <v>0</v>
      </c>
      <c r="JO34" s="119">
        <v>0</v>
      </c>
      <c r="JP34" s="120">
        <v>27430</v>
      </c>
      <c r="JQ34" s="320">
        <v>27430</v>
      </c>
      <c r="JR34" s="142">
        <v>0</v>
      </c>
      <c r="JS34" s="119">
        <v>0</v>
      </c>
      <c r="JT34" s="141">
        <v>0</v>
      </c>
      <c r="JU34" s="118">
        <v>0</v>
      </c>
      <c r="JV34" s="119">
        <v>0</v>
      </c>
      <c r="JW34" s="119">
        <v>0</v>
      </c>
      <c r="JX34" s="119">
        <v>90811</v>
      </c>
      <c r="JY34" s="119">
        <v>0</v>
      </c>
      <c r="JZ34" s="119">
        <v>0</v>
      </c>
      <c r="KA34" s="120">
        <v>90811</v>
      </c>
      <c r="KB34" s="320">
        <v>90811</v>
      </c>
      <c r="KC34" s="234">
        <v>0</v>
      </c>
      <c r="KD34" s="230">
        <v>0</v>
      </c>
      <c r="KE34" s="120">
        <v>0</v>
      </c>
      <c r="KF34" s="118">
        <v>0</v>
      </c>
      <c r="KG34" s="119">
        <v>330036</v>
      </c>
      <c r="KH34" s="119">
        <v>0</v>
      </c>
      <c r="KI34" s="119">
        <v>209496</v>
      </c>
      <c r="KJ34" s="119">
        <v>0</v>
      </c>
      <c r="KK34" s="119">
        <v>0</v>
      </c>
      <c r="KL34" s="120">
        <v>539532</v>
      </c>
      <c r="KM34" s="143">
        <v>539532</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24070</v>
      </c>
      <c r="LR34" s="119">
        <v>0</v>
      </c>
      <c r="LS34" s="120">
        <v>224070</v>
      </c>
      <c r="LT34" s="320">
        <v>224070</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426807</v>
      </c>
      <c r="MM34" s="119">
        <v>247401</v>
      </c>
      <c r="MN34" s="119">
        <v>0</v>
      </c>
      <c r="MO34" s="120">
        <v>674208</v>
      </c>
      <c r="MP34" s="143">
        <v>674208</v>
      </c>
      <c r="MQ34" s="142">
        <v>0</v>
      </c>
      <c r="MR34" s="119">
        <v>0</v>
      </c>
      <c r="MS34" s="120">
        <v>0</v>
      </c>
      <c r="MT34" s="145"/>
      <c r="MU34" s="119">
        <v>0</v>
      </c>
      <c r="MV34" s="119">
        <v>0</v>
      </c>
      <c r="MW34" s="119">
        <v>210525</v>
      </c>
      <c r="MX34" s="119">
        <v>0</v>
      </c>
      <c r="MY34" s="119">
        <v>0</v>
      </c>
      <c r="MZ34" s="120">
        <v>210525</v>
      </c>
      <c r="NA34" s="143">
        <v>210525</v>
      </c>
      <c r="NB34" s="142">
        <v>0</v>
      </c>
      <c r="NC34" s="119">
        <v>0</v>
      </c>
      <c r="ND34" s="120">
        <v>0</v>
      </c>
      <c r="NE34" s="145"/>
      <c r="NF34" s="119">
        <v>0</v>
      </c>
      <c r="NG34" s="119">
        <v>0</v>
      </c>
      <c r="NH34" s="119">
        <v>216282</v>
      </c>
      <c r="NI34" s="119">
        <v>247401</v>
      </c>
      <c r="NJ34" s="119">
        <v>0</v>
      </c>
      <c r="NK34" s="120">
        <v>463683</v>
      </c>
      <c r="NL34" s="320">
        <v>463683</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3500</v>
      </c>
      <c r="OJ34" s="119">
        <v>2100</v>
      </c>
      <c r="OK34" s="141">
        <v>5600</v>
      </c>
      <c r="OL34" s="118">
        <v>0</v>
      </c>
      <c r="OM34" s="119">
        <v>612113</v>
      </c>
      <c r="ON34" s="119">
        <v>173784</v>
      </c>
      <c r="OO34" s="119">
        <v>1108733</v>
      </c>
      <c r="OP34" s="119">
        <v>1209906</v>
      </c>
      <c r="OQ34" s="119">
        <v>350</v>
      </c>
      <c r="OR34" s="120">
        <v>3104886</v>
      </c>
      <c r="OS34" s="143">
        <v>3110486</v>
      </c>
    </row>
    <row r="35" spans="2:409" ht="20.25" customHeight="1" x14ac:dyDescent="0.2">
      <c r="B35" s="126" t="s">
        <v>30</v>
      </c>
      <c r="C35" s="110">
        <v>0</v>
      </c>
      <c r="D35" s="114">
        <v>0</v>
      </c>
      <c r="E35" s="174">
        <v>0</v>
      </c>
      <c r="F35" s="175">
        <v>0</v>
      </c>
      <c r="G35" s="176">
        <v>486445</v>
      </c>
      <c r="H35" s="176">
        <v>208724</v>
      </c>
      <c r="I35" s="176">
        <v>211749</v>
      </c>
      <c r="J35" s="176">
        <v>246715</v>
      </c>
      <c r="K35" s="176">
        <v>0</v>
      </c>
      <c r="L35" s="177">
        <v>1153633</v>
      </c>
      <c r="M35" s="116">
        <v>1153633</v>
      </c>
      <c r="N35" s="110">
        <v>0</v>
      </c>
      <c r="O35" s="114">
        <v>0</v>
      </c>
      <c r="P35" s="113">
        <v>0</v>
      </c>
      <c r="Q35" s="110">
        <v>0</v>
      </c>
      <c r="R35" s="114">
        <v>94808</v>
      </c>
      <c r="S35" s="114">
        <v>2086</v>
      </c>
      <c r="T35" s="114">
        <v>204539</v>
      </c>
      <c r="U35" s="114">
        <v>95774</v>
      </c>
      <c r="V35" s="114">
        <v>0</v>
      </c>
      <c r="W35" s="113">
        <v>397207</v>
      </c>
      <c r="X35" s="116">
        <v>397207</v>
      </c>
      <c r="Y35" s="110">
        <v>0</v>
      </c>
      <c r="Z35" s="114">
        <v>0</v>
      </c>
      <c r="AA35" s="113">
        <v>0</v>
      </c>
      <c r="AB35" s="110">
        <v>0</v>
      </c>
      <c r="AC35" s="114">
        <v>33026</v>
      </c>
      <c r="AD35" s="114">
        <v>0</v>
      </c>
      <c r="AE35" s="114">
        <v>184785</v>
      </c>
      <c r="AF35" s="114">
        <v>0</v>
      </c>
      <c r="AG35" s="114">
        <v>0</v>
      </c>
      <c r="AH35" s="113">
        <v>217811</v>
      </c>
      <c r="AI35" s="116">
        <v>217811</v>
      </c>
      <c r="AJ35" s="110">
        <v>0</v>
      </c>
      <c r="AK35" s="114">
        <v>0</v>
      </c>
      <c r="AL35" s="113">
        <v>0</v>
      </c>
      <c r="AM35" s="110">
        <v>0</v>
      </c>
      <c r="AN35" s="114">
        <v>0</v>
      </c>
      <c r="AO35" s="114">
        <v>0</v>
      </c>
      <c r="AP35" s="114">
        <v>0</v>
      </c>
      <c r="AQ35" s="114">
        <v>47320</v>
      </c>
      <c r="AR35" s="114">
        <v>0</v>
      </c>
      <c r="AS35" s="113">
        <v>47320</v>
      </c>
      <c r="AT35" s="116">
        <v>47320</v>
      </c>
      <c r="AU35" s="110">
        <v>0</v>
      </c>
      <c r="AV35" s="114">
        <v>0</v>
      </c>
      <c r="AW35" s="113">
        <v>0</v>
      </c>
      <c r="AX35" s="110">
        <v>0</v>
      </c>
      <c r="AY35" s="114">
        <v>17346</v>
      </c>
      <c r="AZ35" s="114">
        <v>0</v>
      </c>
      <c r="BA35" s="114">
        <v>0</v>
      </c>
      <c r="BB35" s="114">
        <v>42063</v>
      </c>
      <c r="BC35" s="114">
        <v>0</v>
      </c>
      <c r="BD35" s="113">
        <v>59409</v>
      </c>
      <c r="BE35" s="116">
        <v>59409</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44436</v>
      </c>
      <c r="BV35" s="114">
        <v>2086</v>
      </c>
      <c r="BW35" s="114">
        <v>19754</v>
      </c>
      <c r="BX35" s="114">
        <v>6391</v>
      </c>
      <c r="BY35" s="114">
        <v>0</v>
      </c>
      <c r="BZ35" s="113">
        <v>72667</v>
      </c>
      <c r="CA35" s="116">
        <v>72667</v>
      </c>
      <c r="CB35" s="110">
        <v>0</v>
      </c>
      <c r="CC35" s="114">
        <v>0</v>
      </c>
      <c r="CD35" s="113">
        <v>0</v>
      </c>
      <c r="CE35" s="110">
        <v>0</v>
      </c>
      <c r="CF35" s="114">
        <v>42552</v>
      </c>
      <c r="CG35" s="114">
        <v>168894</v>
      </c>
      <c r="CH35" s="114">
        <v>0</v>
      </c>
      <c r="CI35" s="114">
        <v>0</v>
      </c>
      <c r="CJ35" s="114">
        <v>0</v>
      </c>
      <c r="CK35" s="113">
        <v>211446</v>
      </c>
      <c r="CL35" s="116">
        <v>211446</v>
      </c>
      <c r="CM35" s="110">
        <v>0</v>
      </c>
      <c r="CN35" s="114">
        <v>0</v>
      </c>
      <c r="CO35" s="113">
        <v>0</v>
      </c>
      <c r="CP35" s="111">
        <v>0</v>
      </c>
      <c r="CQ35" s="114">
        <v>42552</v>
      </c>
      <c r="CR35" s="114">
        <v>55239</v>
      </c>
      <c r="CS35" s="114">
        <v>0</v>
      </c>
      <c r="CT35" s="114">
        <v>0</v>
      </c>
      <c r="CU35" s="114">
        <v>0</v>
      </c>
      <c r="CV35" s="113">
        <v>97791</v>
      </c>
      <c r="CW35" s="116">
        <v>97791</v>
      </c>
      <c r="CX35" s="110">
        <v>0</v>
      </c>
      <c r="CY35" s="114">
        <v>0</v>
      </c>
      <c r="CZ35" s="113">
        <v>0</v>
      </c>
      <c r="DA35" s="110">
        <v>0</v>
      </c>
      <c r="DB35" s="114">
        <v>0</v>
      </c>
      <c r="DC35" s="114">
        <v>113655</v>
      </c>
      <c r="DD35" s="114">
        <v>0</v>
      </c>
      <c r="DE35" s="114">
        <v>0</v>
      </c>
      <c r="DF35" s="114">
        <v>0</v>
      </c>
      <c r="DG35" s="113">
        <v>113655</v>
      </c>
      <c r="DH35" s="116">
        <v>113655</v>
      </c>
      <c r="DI35" s="110">
        <v>0</v>
      </c>
      <c r="DJ35" s="114">
        <v>0</v>
      </c>
      <c r="DK35" s="112">
        <v>0</v>
      </c>
      <c r="DL35" s="111">
        <v>0</v>
      </c>
      <c r="DM35" s="114">
        <v>39111</v>
      </c>
      <c r="DN35" s="114">
        <v>0</v>
      </c>
      <c r="DO35" s="114">
        <v>0</v>
      </c>
      <c r="DP35" s="114">
        <v>0</v>
      </c>
      <c r="DQ35" s="114">
        <v>0</v>
      </c>
      <c r="DR35" s="113">
        <v>39111</v>
      </c>
      <c r="DS35" s="116">
        <v>39111</v>
      </c>
      <c r="DT35" s="110">
        <v>0</v>
      </c>
      <c r="DU35" s="114">
        <v>0</v>
      </c>
      <c r="DV35" s="113">
        <v>0</v>
      </c>
      <c r="DW35" s="110">
        <v>0</v>
      </c>
      <c r="DX35" s="114">
        <v>39111</v>
      </c>
      <c r="DY35" s="114">
        <v>0</v>
      </c>
      <c r="DZ35" s="114">
        <v>0</v>
      </c>
      <c r="EA35" s="114">
        <v>0</v>
      </c>
      <c r="EB35" s="114">
        <v>0</v>
      </c>
      <c r="EC35" s="113">
        <v>39111</v>
      </c>
      <c r="ED35" s="116">
        <v>39111</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0</v>
      </c>
      <c r="FM35" s="114">
        <v>0</v>
      </c>
      <c r="FN35" s="113">
        <v>0</v>
      </c>
      <c r="FO35" s="110">
        <v>0</v>
      </c>
      <c r="FP35" s="114">
        <v>0</v>
      </c>
      <c r="FQ35" s="114">
        <v>37744</v>
      </c>
      <c r="FR35" s="114">
        <v>7210</v>
      </c>
      <c r="FS35" s="114">
        <v>38290</v>
      </c>
      <c r="FT35" s="114">
        <v>0</v>
      </c>
      <c r="FU35" s="113">
        <v>83244</v>
      </c>
      <c r="FV35" s="116">
        <v>83244</v>
      </c>
      <c r="FW35" s="115">
        <v>0</v>
      </c>
      <c r="FX35" s="114">
        <v>0</v>
      </c>
      <c r="FY35" s="112">
        <v>0</v>
      </c>
      <c r="FZ35" s="111">
        <v>0</v>
      </c>
      <c r="GA35" s="114">
        <v>0</v>
      </c>
      <c r="GB35" s="114">
        <v>37744</v>
      </c>
      <c r="GC35" s="114">
        <v>7210</v>
      </c>
      <c r="GD35" s="114">
        <v>38290</v>
      </c>
      <c r="GE35" s="114">
        <v>0</v>
      </c>
      <c r="GF35" s="113">
        <v>83244</v>
      </c>
      <c r="GG35" s="318">
        <v>83244</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309974</v>
      </c>
      <c r="HI35" s="114">
        <v>0</v>
      </c>
      <c r="HJ35" s="114">
        <v>0</v>
      </c>
      <c r="HK35" s="114">
        <v>112651</v>
      </c>
      <c r="HL35" s="114">
        <v>0</v>
      </c>
      <c r="HM35" s="113">
        <v>422625</v>
      </c>
      <c r="HN35" s="109">
        <v>422625</v>
      </c>
      <c r="HO35" s="328"/>
      <c r="HP35" s="329"/>
      <c r="HQ35" s="330"/>
      <c r="HR35" s="331"/>
      <c r="HS35" s="329"/>
      <c r="HT35" s="329"/>
      <c r="HU35" s="329"/>
      <c r="HV35" s="329"/>
      <c r="HW35" s="329"/>
      <c r="HX35" s="332"/>
      <c r="HY35" s="333"/>
      <c r="HZ35" s="131">
        <v>0</v>
      </c>
      <c r="IA35" s="132">
        <v>0</v>
      </c>
      <c r="IB35" s="133">
        <v>0</v>
      </c>
      <c r="IC35" s="146">
        <v>0</v>
      </c>
      <c r="ID35" s="132">
        <v>56021</v>
      </c>
      <c r="IE35" s="147">
        <v>27699</v>
      </c>
      <c r="IF35" s="133">
        <v>0</v>
      </c>
      <c r="IG35" s="132">
        <v>53487</v>
      </c>
      <c r="IH35" s="133">
        <v>0</v>
      </c>
      <c r="II35" s="148">
        <v>137207</v>
      </c>
      <c r="IJ35" s="139">
        <v>137207</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56021</v>
      </c>
      <c r="JL35" s="119">
        <v>0</v>
      </c>
      <c r="JM35" s="119">
        <v>0</v>
      </c>
      <c r="JN35" s="119">
        <v>53487</v>
      </c>
      <c r="JO35" s="119">
        <v>0</v>
      </c>
      <c r="JP35" s="120">
        <v>109508</v>
      </c>
      <c r="JQ35" s="320">
        <v>109508</v>
      </c>
      <c r="JR35" s="142">
        <v>0</v>
      </c>
      <c r="JS35" s="119">
        <v>0</v>
      </c>
      <c r="JT35" s="141">
        <v>0</v>
      </c>
      <c r="JU35" s="118">
        <v>0</v>
      </c>
      <c r="JV35" s="119">
        <v>0</v>
      </c>
      <c r="JW35" s="119">
        <v>27699</v>
      </c>
      <c r="JX35" s="119">
        <v>0</v>
      </c>
      <c r="JY35" s="119">
        <v>0</v>
      </c>
      <c r="JZ35" s="119">
        <v>0</v>
      </c>
      <c r="KA35" s="120">
        <v>27699</v>
      </c>
      <c r="KB35" s="320">
        <v>27699</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0</v>
      </c>
      <c r="KV35" s="119">
        <v>0</v>
      </c>
      <c r="KW35" s="120">
        <v>0</v>
      </c>
      <c r="KX35" s="320">
        <v>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8577</v>
      </c>
      <c r="MK35" s="119">
        <v>0</v>
      </c>
      <c r="ML35" s="119">
        <v>210525</v>
      </c>
      <c r="MM35" s="119">
        <v>444781</v>
      </c>
      <c r="MN35" s="119">
        <v>255512</v>
      </c>
      <c r="MO35" s="120">
        <v>1089395</v>
      </c>
      <c r="MP35" s="143">
        <v>1089395</v>
      </c>
      <c r="MQ35" s="142">
        <v>0</v>
      </c>
      <c r="MR35" s="119">
        <v>0</v>
      </c>
      <c r="MS35" s="120">
        <v>0</v>
      </c>
      <c r="MT35" s="145"/>
      <c r="MU35" s="119">
        <v>0</v>
      </c>
      <c r="MV35" s="119">
        <v>0</v>
      </c>
      <c r="MW35" s="119">
        <v>210525</v>
      </c>
      <c r="MX35" s="119">
        <v>206423</v>
      </c>
      <c r="MY35" s="119">
        <v>0</v>
      </c>
      <c r="MZ35" s="120">
        <v>416948</v>
      </c>
      <c r="NA35" s="143">
        <v>416948</v>
      </c>
      <c r="NB35" s="142">
        <v>0</v>
      </c>
      <c r="NC35" s="119">
        <v>0</v>
      </c>
      <c r="ND35" s="120">
        <v>0</v>
      </c>
      <c r="NE35" s="145"/>
      <c r="NF35" s="119">
        <v>178577</v>
      </c>
      <c r="NG35" s="119">
        <v>0</v>
      </c>
      <c r="NH35" s="119">
        <v>0</v>
      </c>
      <c r="NI35" s="119">
        <v>238358</v>
      </c>
      <c r="NJ35" s="119">
        <v>255512</v>
      </c>
      <c r="NK35" s="120">
        <v>672447</v>
      </c>
      <c r="NL35" s="320">
        <v>672447</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0</v>
      </c>
      <c r="OJ35" s="119">
        <v>0</v>
      </c>
      <c r="OK35" s="141">
        <v>0</v>
      </c>
      <c r="OL35" s="118">
        <v>0</v>
      </c>
      <c r="OM35" s="119">
        <v>721043</v>
      </c>
      <c r="ON35" s="119">
        <v>236423</v>
      </c>
      <c r="OO35" s="119">
        <v>422274</v>
      </c>
      <c r="OP35" s="119">
        <v>744983</v>
      </c>
      <c r="OQ35" s="119">
        <v>255512</v>
      </c>
      <c r="OR35" s="120">
        <v>2380235</v>
      </c>
      <c r="OS35" s="143">
        <v>2380235</v>
      </c>
    </row>
    <row r="36" spans="2:409" ht="20.25" customHeight="1" x14ac:dyDescent="0.2">
      <c r="B36" s="126" t="s">
        <v>31</v>
      </c>
      <c r="C36" s="110">
        <v>8400</v>
      </c>
      <c r="D36" s="114">
        <v>0</v>
      </c>
      <c r="E36" s="113">
        <v>8400</v>
      </c>
      <c r="F36" s="109">
        <v>0</v>
      </c>
      <c r="G36" s="114">
        <v>170678</v>
      </c>
      <c r="H36" s="114">
        <v>120496</v>
      </c>
      <c r="I36" s="114">
        <v>266869</v>
      </c>
      <c r="J36" s="114">
        <v>285671</v>
      </c>
      <c r="K36" s="114">
        <v>358743</v>
      </c>
      <c r="L36" s="173">
        <v>1202457</v>
      </c>
      <c r="M36" s="116">
        <v>1210857</v>
      </c>
      <c r="N36" s="110">
        <v>0</v>
      </c>
      <c r="O36" s="114">
        <v>0</v>
      </c>
      <c r="P36" s="113">
        <v>0</v>
      </c>
      <c r="Q36" s="110">
        <v>0</v>
      </c>
      <c r="R36" s="114">
        <v>6013</v>
      </c>
      <c r="S36" s="114">
        <v>49860</v>
      </c>
      <c r="T36" s="114">
        <v>47278</v>
      </c>
      <c r="U36" s="114">
        <v>19446</v>
      </c>
      <c r="V36" s="114">
        <v>118629</v>
      </c>
      <c r="W36" s="113">
        <v>241226</v>
      </c>
      <c r="X36" s="116">
        <v>241226</v>
      </c>
      <c r="Y36" s="110">
        <v>0</v>
      </c>
      <c r="Z36" s="114">
        <v>0</v>
      </c>
      <c r="AA36" s="113">
        <v>0</v>
      </c>
      <c r="AB36" s="110">
        <v>0</v>
      </c>
      <c r="AC36" s="114">
        <v>0</v>
      </c>
      <c r="AD36" s="114">
        <v>0</v>
      </c>
      <c r="AE36" s="114">
        <v>0</v>
      </c>
      <c r="AF36" s="114">
        <v>0</v>
      </c>
      <c r="AG36" s="114">
        <v>0</v>
      </c>
      <c r="AH36" s="113">
        <v>0</v>
      </c>
      <c r="AI36" s="116">
        <v>0</v>
      </c>
      <c r="AJ36" s="110">
        <v>0</v>
      </c>
      <c r="AK36" s="114">
        <v>0</v>
      </c>
      <c r="AL36" s="113">
        <v>0</v>
      </c>
      <c r="AM36" s="110">
        <v>0</v>
      </c>
      <c r="AN36" s="114">
        <v>0</v>
      </c>
      <c r="AO36" s="114">
        <v>0</v>
      </c>
      <c r="AP36" s="114">
        <v>0</v>
      </c>
      <c r="AQ36" s="114">
        <v>0</v>
      </c>
      <c r="AR36" s="114">
        <v>56777</v>
      </c>
      <c r="AS36" s="113">
        <v>56777</v>
      </c>
      <c r="AT36" s="116">
        <v>56777</v>
      </c>
      <c r="AU36" s="110">
        <v>0</v>
      </c>
      <c r="AV36" s="114">
        <v>0</v>
      </c>
      <c r="AW36" s="113">
        <v>0</v>
      </c>
      <c r="AX36" s="110">
        <v>0</v>
      </c>
      <c r="AY36" s="114">
        <v>0</v>
      </c>
      <c r="AZ36" s="114">
        <v>41460</v>
      </c>
      <c r="BA36" s="114">
        <v>0</v>
      </c>
      <c r="BB36" s="114">
        <v>19446</v>
      </c>
      <c r="BC36" s="114">
        <v>49616</v>
      </c>
      <c r="BD36" s="113">
        <v>110522</v>
      </c>
      <c r="BE36" s="116">
        <v>110522</v>
      </c>
      <c r="BF36" s="110">
        <v>0</v>
      </c>
      <c r="BG36" s="114">
        <v>0</v>
      </c>
      <c r="BH36" s="112">
        <v>0</v>
      </c>
      <c r="BI36" s="111">
        <v>0</v>
      </c>
      <c r="BJ36" s="114">
        <v>0</v>
      </c>
      <c r="BK36" s="114">
        <v>0</v>
      </c>
      <c r="BL36" s="114">
        <v>47278</v>
      </c>
      <c r="BM36" s="114">
        <v>0</v>
      </c>
      <c r="BN36" s="114">
        <v>0</v>
      </c>
      <c r="BO36" s="113">
        <v>47278</v>
      </c>
      <c r="BP36" s="116">
        <v>47278</v>
      </c>
      <c r="BQ36" s="110">
        <v>0</v>
      </c>
      <c r="BR36" s="114">
        <v>0</v>
      </c>
      <c r="BS36" s="113">
        <v>0</v>
      </c>
      <c r="BT36" s="110">
        <v>0</v>
      </c>
      <c r="BU36" s="114">
        <v>6013</v>
      </c>
      <c r="BV36" s="114">
        <v>8400</v>
      </c>
      <c r="BW36" s="114">
        <v>0</v>
      </c>
      <c r="BX36" s="114">
        <v>0</v>
      </c>
      <c r="BY36" s="114">
        <v>12236</v>
      </c>
      <c r="BZ36" s="113">
        <v>26649</v>
      </c>
      <c r="CA36" s="116">
        <v>26649</v>
      </c>
      <c r="CB36" s="110">
        <v>0</v>
      </c>
      <c r="CC36" s="114">
        <v>0</v>
      </c>
      <c r="CD36" s="113">
        <v>0</v>
      </c>
      <c r="CE36" s="110">
        <v>0</v>
      </c>
      <c r="CF36" s="114">
        <v>21791</v>
      </c>
      <c r="CG36" s="114">
        <v>24717</v>
      </c>
      <c r="CH36" s="114">
        <v>192116</v>
      </c>
      <c r="CI36" s="114">
        <v>90931</v>
      </c>
      <c r="CJ36" s="114">
        <v>0</v>
      </c>
      <c r="CK36" s="113">
        <v>329555</v>
      </c>
      <c r="CL36" s="116">
        <v>329555</v>
      </c>
      <c r="CM36" s="110">
        <v>0</v>
      </c>
      <c r="CN36" s="114">
        <v>0</v>
      </c>
      <c r="CO36" s="113">
        <v>0</v>
      </c>
      <c r="CP36" s="111">
        <v>0</v>
      </c>
      <c r="CQ36" s="114">
        <v>21791</v>
      </c>
      <c r="CR36" s="114">
        <v>24717</v>
      </c>
      <c r="CS36" s="114">
        <v>192116</v>
      </c>
      <c r="CT36" s="114">
        <v>90931</v>
      </c>
      <c r="CU36" s="114">
        <v>0</v>
      </c>
      <c r="CV36" s="113">
        <v>329555</v>
      </c>
      <c r="CW36" s="116">
        <v>329555</v>
      </c>
      <c r="CX36" s="110">
        <v>0</v>
      </c>
      <c r="CY36" s="114">
        <v>0</v>
      </c>
      <c r="CZ36" s="113">
        <v>0</v>
      </c>
      <c r="DA36" s="110">
        <v>0</v>
      </c>
      <c r="DB36" s="114">
        <v>0</v>
      </c>
      <c r="DC36" s="114">
        <v>0</v>
      </c>
      <c r="DD36" s="114">
        <v>0</v>
      </c>
      <c r="DE36" s="114">
        <v>0</v>
      </c>
      <c r="DF36" s="114">
        <v>0</v>
      </c>
      <c r="DG36" s="113">
        <v>0</v>
      </c>
      <c r="DH36" s="116">
        <v>0</v>
      </c>
      <c r="DI36" s="110">
        <v>0</v>
      </c>
      <c r="DJ36" s="114">
        <v>0</v>
      </c>
      <c r="DK36" s="112">
        <v>0</v>
      </c>
      <c r="DL36" s="111">
        <v>0</v>
      </c>
      <c r="DM36" s="114">
        <v>0</v>
      </c>
      <c r="DN36" s="114">
        <v>0</v>
      </c>
      <c r="DO36" s="114">
        <v>0</v>
      </c>
      <c r="DP36" s="114">
        <v>134659</v>
      </c>
      <c r="DQ36" s="114">
        <v>0</v>
      </c>
      <c r="DR36" s="113">
        <v>134659</v>
      </c>
      <c r="DS36" s="116">
        <v>134659</v>
      </c>
      <c r="DT36" s="110">
        <v>0</v>
      </c>
      <c r="DU36" s="114">
        <v>0</v>
      </c>
      <c r="DV36" s="113">
        <v>0</v>
      </c>
      <c r="DW36" s="110">
        <v>0</v>
      </c>
      <c r="DX36" s="114">
        <v>0</v>
      </c>
      <c r="DY36" s="114">
        <v>0</v>
      </c>
      <c r="DZ36" s="114">
        <v>0</v>
      </c>
      <c r="EA36" s="114">
        <v>43190</v>
      </c>
      <c r="EB36" s="114">
        <v>0</v>
      </c>
      <c r="EC36" s="113">
        <v>43190</v>
      </c>
      <c r="ED36" s="116">
        <v>43190</v>
      </c>
      <c r="EE36" s="110">
        <v>0</v>
      </c>
      <c r="EF36" s="112">
        <v>0</v>
      </c>
      <c r="EG36" s="113">
        <v>0</v>
      </c>
      <c r="EH36" s="110">
        <v>0</v>
      </c>
      <c r="EI36" s="114">
        <v>0</v>
      </c>
      <c r="EJ36" s="114">
        <v>0</v>
      </c>
      <c r="EK36" s="114">
        <v>0</v>
      </c>
      <c r="EL36" s="114">
        <v>91469</v>
      </c>
      <c r="EM36" s="114">
        <v>0</v>
      </c>
      <c r="EN36" s="112">
        <v>91469</v>
      </c>
      <c r="EO36" s="116">
        <v>91469</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8400</v>
      </c>
      <c r="FM36" s="114">
        <v>0</v>
      </c>
      <c r="FN36" s="113">
        <v>8400</v>
      </c>
      <c r="FO36" s="110">
        <v>0</v>
      </c>
      <c r="FP36" s="114">
        <v>1820</v>
      </c>
      <c r="FQ36" s="114">
        <v>14350</v>
      </c>
      <c r="FR36" s="114">
        <v>27475</v>
      </c>
      <c r="FS36" s="114">
        <v>40635</v>
      </c>
      <c r="FT36" s="114">
        <v>31850</v>
      </c>
      <c r="FU36" s="113">
        <v>116130</v>
      </c>
      <c r="FV36" s="116">
        <v>124530</v>
      </c>
      <c r="FW36" s="115">
        <v>8400</v>
      </c>
      <c r="FX36" s="114">
        <v>0</v>
      </c>
      <c r="FY36" s="112">
        <v>8400</v>
      </c>
      <c r="FZ36" s="111">
        <v>0</v>
      </c>
      <c r="GA36" s="114">
        <v>1820</v>
      </c>
      <c r="GB36" s="114">
        <v>14350</v>
      </c>
      <c r="GC36" s="114">
        <v>27475</v>
      </c>
      <c r="GD36" s="114">
        <v>40635</v>
      </c>
      <c r="GE36" s="114">
        <v>31850</v>
      </c>
      <c r="GF36" s="113">
        <v>116130</v>
      </c>
      <c r="GG36" s="318">
        <v>124530</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141054</v>
      </c>
      <c r="HI36" s="114">
        <v>31569</v>
      </c>
      <c r="HJ36" s="114">
        <v>0</v>
      </c>
      <c r="HK36" s="114">
        <v>0</v>
      </c>
      <c r="HL36" s="114">
        <v>208264</v>
      </c>
      <c r="HM36" s="113">
        <v>380887</v>
      </c>
      <c r="HN36" s="109">
        <v>380887</v>
      </c>
      <c r="HO36" s="328"/>
      <c r="HP36" s="329"/>
      <c r="HQ36" s="330"/>
      <c r="HR36" s="331"/>
      <c r="HS36" s="329"/>
      <c r="HT36" s="329"/>
      <c r="HU36" s="329"/>
      <c r="HV36" s="329"/>
      <c r="HW36" s="329"/>
      <c r="HX36" s="332"/>
      <c r="HY36" s="333"/>
      <c r="HZ36" s="150">
        <v>0</v>
      </c>
      <c r="IA36" s="135">
        <v>0</v>
      </c>
      <c r="IB36" s="150">
        <v>0</v>
      </c>
      <c r="IC36" s="134">
        <v>0</v>
      </c>
      <c r="ID36" s="135">
        <v>28320</v>
      </c>
      <c r="IE36" s="136">
        <v>325883</v>
      </c>
      <c r="IF36" s="137">
        <v>86744</v>
      </c>
      <c r="IG36" s="135">
        <v>0</v>
      </c>
      <c r="IH36" s="137">
        <v>220648</v>
      </c>
      <c r="II36" s="138">
        <v>661595</v>
      </c>
      <c r="IJ36" s="150">
        <v>661595</v>
      </c>
      <c r="IK36" s="232">
        <v>0</v>
      </c>
      <c r="IL36" s="236">
        <v>0</v>
      </c>
      <c r="IM36" s="237">
        <v>0</v>
      </c>
      <c r="IN36" s="140"/>
      <c r="IO36" s="119">
        <v>0</v>
      </c>
      <c r="IP36" s="119">
        <v>159611</v>
      </c>
      <c r="IQ36" s="119">
        <v>0</v>
      </c>
      <c r="IR36" s="119">
        <v>0</v>
      </c>
      <c r="IS36" s="119">
        <v>0</v>
      </c>
      <c r="IT36" s="141">
        <v>159611</v>
      </c>
      <c r="IU36" s="320">
        <v>159611</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28320</v>
      </c>
      <c r="JL36" s="119">
        <v>15998</v>
      </c>
      <c r="JM36" s="119">
        <v>86744</v>
      </c>
      <c r="JN36" s="119">
        <v>0</v>
      </c>
      <c r="JO36" s="119">
        <v>0</v>
      </c>
      <c r="JP36" s="120">
        <v>131062</v>
      </c>
      <c r="JQ36" s="320">
        <v>131062</v>
      </c>
      <c r="JR36" s="142">
        <v>0</v>
      </c>
      <c r="JS36" s="119">
        <v>0</v>
      </c>
      <c r="JT36" s="141">
        <v>0</v>
      </c>
      <c r="JU36" s="118">
        <v>0</v>
      </c>
      <c r="JV36" s="119">
        <v>0</v>
      </c>
      <c r="JW36" s="119">
        <v>0</v>
      </c>
      <c r="JX36" s="119">
        <v>0</v>
      </c>
      <c r="JY36" s="119">
        <v>0</v>
      </c>
      <c r="JZ36" s="119">
        <v>0</v>
      </c>
      <c r="KA36" s="120">
        <v>0</v>
      </c>
      <c r="KB36" s="320">
        <v>0</v>
      </c>
      <c r="KC36" s="234">
        <v>0</v>
      </c>
      <c r="KD36" s="230">
        <v>0</v>
      </c>
      <c r="KE36" s="120">
        <v>0</v>
      </c>
      <c r="KF36" s="118">
        <v>0</v>
      </c>
      <c r="KG36" s="119">
        <v>0</v>
      </c>
      <c r="KH36" s="119">
        <v>150274</v>
      </c>
      <c r="KI36" s="119">
        <v>0</v>
      </c>
      <c r="KJ36" s="119">
        <v>0</v>
      </c>
      <c r="KK36" s="119">
        <v>0</v>
      </c>
      <c r="KL36" s="120">
        <v>150274</v>
      </c>
      <c r="KM36" s="143">
        <v>150274</v>
      </c>
      <c r="KN36" s="232">
        <v>0</v>
      </c>
      <c r="KO36" s="236">
        <v>0</v>
      </c>
      <c r="KP36" s="237">
        <v>0</v>
      </c>
      <c r="KQ36" s="140"/>
      <c r="KR36" s="119">
        <v>0</v>
      </c>
      <c r="KS36" s="119">
        <v>0</v>
      </c>
      <c r="KT36" s="119">
        <v>0</v>
      </c>
      <c r="KU36" s="119">
        <v>0</v>
      </c>
      <c r="KV36" s="119">
        <v>220648</v>
      </c>
      <c r="KW36" s="120">
        <v>220648</v>
      </c>
      <c r="KX36" s="320">
        <v>220648</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0</v>
      </c>
      <c r="ML36" s="119">
        <v>397513</v>
      </c>
      <c r="MM36" s="119">
        <v>200641</v>
      </c>
      <c r="MN36" s="119">
        <v>0</v>
      </c>
      <c r="MO36" s="120">
        <v>598154</v>
      </c>
      <c r="MP36" s="143">
        <v>598154</v>
      </c>
      <c r="MQ36" s="142">
        <v>0</v>
      </c>
      <c r="MR36" s="119">
        <v>0</v>
      </c>
      <c r="MS36" s="120">
        <v>0</v>
      </c>
      <c r="MT36" s="145"/>
      <c r="MU36" s="119">
        <v>0</v>
      </c>
      <c r="MV36" s="119">
        <v>0</v>
      </c>
      <c r="MW36" s="119">
        <v>397513</v>
      </c>
      <c r="MX36" s="119">
        <v>200641</v>
      </c>
      <c r="MY36" s="119">
        <v>0</v>
      </c>
      <c r="MZ36" s="120">
        <v>598154</v>
      </c>
      <c r="NA36" s="143">
        <v>598154</v>
      </c>
      <c r="NB36" s="142">
        <v>0</v>
      </c>
      <c r="NC36" s="119">
        <v>0</v>
      </c>
      <c r="ND36" s="120">
        <v>0</v>
      </c>
      <c r="NE36" s="145"/>
      <c r="NF36" s="119">
        <v>0</v>
      </c>
      <c r="NG36" s="119">
        <v>0</v>
      </c>
      <c r="NH36" s="119">
        <v>0</v>
      </c>
      <c r="NI36" s="119">
        <v>0</v>
      </c>
      <c r="NJ36" s="119">
        <v>0</v>
      </c>
      <c r="NK36" s="120">
        <v>0</v>
      </c>
      <c r="NL36" s="320">
        <v>0</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8400</v>
      </c>
      <c r="OJ36" s="119">
        <v>0</v>
      </c>
      <c r="OK36" s="141">
        <v>8400</v>
      </c>
      <c r="OL36" s="118">
        <v>0</v>
      </c>
      <c r="OM36" s="119">
        <v>198998</v>
      </c>
      <c r="ON36" s="119">
        <v>446379</v>
      </c>
      <c r="OO36" s="119">
        <v>751126</v>
      </c>
      <c r="OP36" s="119">
        <v>486312</v>
      </c>
      <c r="OQ36" s="119">
        <v>579391</v>
      </c>
      <c r="OR36" s="120">
        <v>2462206</v>
      </c>
      <c r="OS36" s="143">
        <v>2470606</v>
      </c>
    </row>
    <row r="37" spans="2:409" ht="20.25" customHeight="1" x14ac:dyDescent="0.2">
      <c r="B37" s="126" t="s">
        <v>32</v>
      </c>
      <c r="C37" s="110">
        <v>44646</v>
      </c>
      <c r="D37" s="114">
        <v>4060</v>
      </c>
      <c r="E37" s="174">
        <v>48706</v>
      </c>
      <c r="F37" s="175">
        <v>0</v>
      </c>
      <c r="G37" s="176">
        <v>339961</v>
      </c>
      <c r="H37" s="176">
        <v>394700</v>
      </c>
      <c r="I37" s="176">
        <v>90642</v>
      </c>
      <c r="J37" s="176">
        <v>733786</v>
      </c>
      <c r="K37" s="176">
        <v>209685</v>
      </c>
      <c r="L37" s="177">
        <v>1768774</v>
      </c>
      <c r="M37" s="116">
        <v>1817480</v>
      </c>
      <c r="N37" s="110">
        <v>36736</v>
      </c>
      <c r="O37" s="114">
        <v>0</v>
      </c>
      <c r="P37" s="113">
        <v>36736</v>
      </c>
      <c r="Q37" s="110">
        <v>0</v>
      </c>
      <c r="R37" s="114">
        <v>52290</v>
      </c>
      <c r="S37" s="114">
        <v>97643</v>
      </c>
      <c r="T37" s="114">
        <v>5292</v>
      </c>
      <c r="U37" s="114">
        <v>240562</v>
      </c>
      <c r="V37" s="114">
        <v>13692</v>
      </c>
      <c r="W37" s="113">
        <v>409479</v>
      </c>
      <c r="X37" s="116">
        <v>446215</v>
      </c>
      <c r="Y37" s="110">
        <v>0</v>
      </c>
      <c r="Z37" s="114">
        <v>0</v>
      </c>
      <c r="AA37" s="113">
        <v>0</v>
      </c>
      <c r="AB37" s="110">
        <v>0</v>
      </c>
      <c r="AC37" s="114">
        <v>0</v>
      </c>
      <c r="AD37" s="114">
        <v>28182</v>
      </c>
      <c r="AE37" s="114">
        <v>0</v>
      </c>
      <c r="AF37" s="114">
        <v>185066</v>
      </c>
      <c r="AG37" s="114">
        <v>0</v>
      </c>
      <c r="AH37" s="113">
        <v>213248</v>
      </c>
      <c r="AI37" s="116">
        <v>213248</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56287</v>
      </c>
      <c r="BA37" s="114">
        <v>0</v>
      </c>
      <c r="BB37" s="114">
        <v>0</v>
      </c>
      <c r="BC37" s="114">
        <v>0</v>
      </c>
      <c r="BD37" s="113">
        <v>56287</v>
      </c>
      <c r="BE37" s="116">
        <v>56287</v>
      </c>
      <c r="BF37" s="110">
        <v>36736</v>
      </c>
      <c r="BG37" s="114">
        <v>0</v>
      </c>
      <c r="BH37" s="112">
        <v>36736</v>
      </c>
      <c r="BI37" s="111">
        <v>0</v>
      </c>
      <c r="BJ37" s="114">
        <v>33460</v>
      </c>
      <c r="BK37" s="114">
        <v>0</v>
      </c>
      <c r="BL37" s="114">
        <v>0</v>
      </c>
      <c r="BM37" s="114">
        <v>20076</v>
      </c>
      <c r="BN37" s="114">
        <v>0</v>
      </c>
      <c r="BO37" s="113">
        <v>53536</v>
      </c>
      <c r="BP37" s="116">
        <v>90272</v>
      </c>
      <c r="BQ37" s="110">
        <v>0</v>
      </c>
      <c r="BR37" s="114">
        <v>0</v>
      </c>
      <c r="BS37" s="113">
        <v>0</v>
      </c>
      <c r="BT37" s="110">
        <v>0</v>
      </c>
      <c r="BU37" s="114">
        <v>18830</v>
      </c>
      <c r="BV37" s="114">
        <v>13174</v>
      </c>
      <c r="BW37" s="114">
        <v>5292</v>
      </c>
      <c r="BX37" s="114">
        <v>35420</v>
      </c>
      <c r="BY37" s="114">
        <v>13692</v>
      </c>
      <c r="BZ37" s="113">
        <v>86408</v>
      </c>
      <c r="CA37" s="116">
        <v>86408</v>
      </c>
      <c r="CB37" s="110">
        <v>0</v>
      </c>
      <c r="CC37" s="114">
        <v>0</v>
      </c>
      <c r="CD37" s="113">
        <v>0</v>
      </c>
      <c r="CE37" s="110">
        <v>0</v>
      </c>
      <c r="CF37" s="114">
        <v>141920</v>
      </c>
      <c r="CG37" s="114">
        <v>121217</v>
      </c>
      <c r="CH37" s="114">
        <v>34066</v>
      </c>
      <c r="CI37" s="114">
        <v>115584</v>
      </c>
      <c r="CJ37" s="114">
        <v>0</v>
      </c>
      <c r="CK37" s="113">
        <v>412787</v>
      </c>
      <c r="CL37" s="116">
        <v>412787</v>
      </c>
      <c r="CM37" s="110">
        <v>0</v>
      </c>
      <c r="CN37" s="114">
        <v>0</v>
      </c>
      <c r="CO37" s="113">
        <v>0</v>
      </c>
      <c r="CP37" s="111">
        <v>0</v>
      </c>
      <c r="CQ37" s="114">
        <v>141920</v>
      </c>
      <c r="CR37" s="114">
        <v>121217</v>
      </c>
      <c r="CS37" s="114">
        <v>0</v>
      </c>
      <c r="CT37" s="114">
        <v>0</v>
      </c>
      <c r="CU37" s="114">
        <v>0</v>
      </c>
      <c r="CV37" s="113">
        <v>263137</v>
      </c>
      <c r="CW37" s="116">
        <v>263137</v>
      </c>
      <c r="CX37" s="110">
        <v>0</v>
      </c>
      <c r="CY37" s="114">
        <v>0</v>
      </c>
      <c r="CZ37" s="113">
        <v>0</v>
      </c>
      <c r="DA37" s="110">
        <v>0</v>
      </c>
      <c r="DB37" s="114">
        <v>0</v>
      </c>
      <c r="DC37" s="114">
        <v>0</v>
      </c>
      <c r="DD37" s="114">
        <v>34066</v>
      </c>
      <c r="DE37" s="114">
        <v>115584</v>
      </c>
      <c r="DF37" s="114">
        <v>0</v>
      </c>
      <c r="DG37" s="113">
        <v>149650</v>
      </c>
      <c r="DH37" s="116">
        <v>149650</v>
      </c>
      <c r="DI37" s="110">
        <v>0</v>
      </c>
      <c r="DJ37" s="114">
        <v>0</v>
      </c>
      <c r="DK37" s="112">
        <v>0</v>
      </c>
      <c r="DL37" s="111">
        <v>0</v>
      </c>
      <c r="DM37" s="114">
        <v>0</v>
      </c>
      <c r="DN37" s="114">
        <v>0</v>
      </c>
      <c r="DO37" s="114">
        <v>33084</v>
      </c>
      <c r="DP37" s="114">
        <v>132591</v>
      </c>
      <c r="DQ37" s="114">
        <v>0</v>
      </c>
      <c r="DR37" s="113">
        <v>165675</v>
      </c>
      <c r="DS37" s="116">
        <v>165675</v>
      </c>
      <c r="DT37" s="110">
        <v>0</v>
      </c>
      <c r="DU37" s="114">
        <v>0</v>
      </c>
      <c r="DV37" s="113">
        <v>0</v>
      </c>
      <c r="DW37" s="110">
        <v>0</v>
      </c>
      <c r="DX37" s="114">
        <v>0</v>
      </c>
      <c r="DY37" s="114">
        <v>0</v>
      </c>
      <c r="DZ37" s="114">
        <v>33084</v>
      </c>
      <c r="EA37" s="114">
        <v>0</v>
      </c>
      <c r="EB37" s="114">
        <v>0</v>
      </c>
      <c r="EC37" s="113">
        <v>33084</v>
      </c>
      <c r="ED37" s="116">
        <v>33084</v>
      </c>
      <c r="EE37" s="110">
        <v>0</v>
      </c>
      <c r="EF37" s="112">
        <v>0</v>
      </c>
      <c r="EG37" s="113">
        <v>0</v>
      </c>
      <c r="EH37" s="110">
        <v>0</v>
      </c>
      <c r="EI37" s="114">
        <v>0</v>
      </c>
      <c r="EJ37" s="114">
        <v>0</v>
      </c>
      <c r="EK37" s="114">
        <v>0</v>
      </c>
      <c r="EL37" s="114">
        <v>132591</v>
      </c>
      <c r="EM37" s="114">
        <v>0</v>
      </c>
      <c r="EN37" s="112">
        <v>132591</v>
      </c>
      <c r="EO37" s="116">
        <v>132591</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7910</v>
      </c>
      <c r="FM37" s="114">
        <v>4060</v>
      </c>
      <c r="FN37" s="113">
        <v>11970</v>
      </c>
      <c r="FO37" s="110">
        <v>0</v>
      </c>
      <c r="FP37" s="114">
        <v>5390</v>
      </c>
      <c r="FQ37" s="114">
        <v>27510</v>
      </c>
      <c r="FR37" s="114">
        <v>18200</v>
      </c>
      <c r="FS37" s="114">
        <v>65443</v>
      </c>
      <c r="FT37" s="114">
        <v>0</v>
      </c>
      <c r="FU37" s="113">
        <v>116543</v>
      </c>
      <c r="FV37" s="116">
        <v>128513</v>
      </c>
      <c r="FW37" s="115">
        <v>7910</v>
      </c>
      <c r="FX37" s="114">
        <v>4060</v>
      </c>
      <c r="FY37" s="112">
        <v>11970</v>
      </c>
      <c r="FZ37" s="111">
        <v>0</v>
      </c>
      <c r="GA37" s="114">
        <v>5390</v>
      </c>
      <c r="GB37" s="114">
        <v>27510</v>
      </c>
      <c r="GC37" s="114">
        <v>18200</v>
      </c>
      <c r="GD37" s="114">
        <v>65443</v>
      </c>
      <c r="GE37" s="114">
        <v>0</v>
      </c>
      <c r="GF37" s="113">
        <v>116543</v>
      </c>
      <c r="GG37" s="318">
        <v>128513</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140361</v>
      </c>
      <c r="HI37" s="114">
        <v>148330</v>
      </c>
      <c r="HJ37" s="114">
        <v>0</v>
      </c>
      <c r="HK37" s="114">
        <v>179606</v>
      </c>
      <c r="HL37" s="114">
        <v>195993</v>
      </c>
      <c r="HM37" s="113">
        <v>664290</v>
      </c>
      <c r="HN37" s="109">
        <v>664290</v>
      </c>
      <c r="HO37" s="328"/>
      <c r="HP37" s="329"/>
      <c r="HQ37" s="330"/>
      <c r="HR37" s="331"/>
      <c r="HS37" s="329"/>
      <c r="HT37" s="329"/>
      <c r="HU37" s="329"/>
      <c r="HV37" s="329"/>
      <c r="HW37" s="329"/>
      <c r="HX37" s="332"/>
      <c r="HY37" s="333"/>
      <c r="HZ37" s="131">
        <v>0</v>
      </c>
      <c r="IA37" s="132">
        <v>0</v>
      </c>
      <c r="IB37" s="133">
        <v>0</v>
      </c>
      <c r="IC37" s="146">
        <v>0</v>
      </c>
      <c r="ID37" s="132">
        <v>341712</v>
      </c>
      <c r="IE37" s="147">
        <v>376040</v>
      </c>
      <c r="IF37" s="133">
        <v>232892</v>
      </c>
      <c r="IG37" s="132">
        <v>217602</v>
      </c>
      <c r="IH37" s="133">
        <v>224273</v>
      </c>
      <c r="II37" s="148">
        <v>1392519</v>
      </c>
      <c r="IJ37" s="139">
        <v>1392519</v>
      </c>
      <c r="IK37" s="232">
        <v>0</v>
      </c>
      <c r="IL37" s="236">
        <v>0</v>
      </c>
      <c r="IM37" s="237">
        <v>0</v>
      </c>
      <c r="IN37" s="140"/>
      <c r="IO37" s="119">
        <v>0</v>
      </c>
      <c r="IP37" s="119">
        <v>82957</v>
      </c>
      <c r="IQ37" s="119">
        <v>0</v>
      </c>
      <c r="IR37" s="119">
        <v>0</v>
      </c>
      <c r="IS37" s="119">
        <v>0</v>
      </c>
      <c r="IT37" s="141">
        <v>82957</v>
      </c>
      <c r="IU37" s="320">
        <v>82957</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50484</v>
      </c>
      <c r="JL37" s="119">
        <v>135408</v>
      </c>
      <c r="JM37" s="119">
        <v>16795</v>
      </c>
      <c r="JN37" s="119">
        <v>26082</v>
      </c>
      <c r="JO37" s="119">
        <v>0</v>
      </c>
      <c r="JP37" s="120">
        <v>228769</v>
      </c>
      <c r="JQ37" s="320">
        <v>228769</v>
      </c>
      <c r="JR37" s="142">
        <v>0</v>
      </c>
      <c r="JS37" s="119">
        <v>0</v>
      </c>
      <c r="JT37" s="141">
        <v>0</v>
      </c>
      <c r="JU37" s="118">
        <v>0</v>
      </c>
      <c r="JV37" s="119">
        <v>89754</v>
      </c>
      <c r="JW37" s="119">
        <v>0</v>
      </c>
      <c r="JX37" s="119">
        <v>0</v>
      </c>
      <c r="JY37" s="119">
        <v>0</v>
      </c>
      <c r="JZ37" s="119">
        <v>0</v>
      </c>
      <c r="KA37" s="120">
        <v>89754</v>
      </c>
      <c r="KB37" s="320">
        <v>89754</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201474</v>
      </c>
      <c r="KS37" s="119">
        <v>0</v>
      </c>
      <c r="KT37" s="119">
        <v>216097</v>
      </c>
      <c r="KU37" s="119">
        <v>0</v>
      </c>
      <c r="KV37" s="119">
        <v>224273</v>
      </c>
      <c r="KW37" s="120">
        <v>641844</v>
      </c>
      <c r="KX37" s="320">
        <v>641844</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157675</v>
      </c>
      <c r="LP37" s="119">
        <v>0</v>
      </c>
      <c r="LQ37" s="119">
        <v>191520</v>
      </c>
      <c r="LR37" s="119">
        <v>0</v>
      </c>
      <c r="LS37" s="120">
        <v>349195</v>
      </c>
      <c r="LT37" s="320">
        <v>349195</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236354</v>
      </c>
      <c r="MN37" s="119">
        <v>528485</v>
      </c>
      <c r="MO37" s="120">
        <v>764839</v>
      </c>
      <c r="MP37" s="143">
        <v>764839</v>
      </c>
      <c r="MQ37" s="142">
        <v>0</v>
      </c>
      <c r="MR37" s="119">
        <v>0</v>
      </c>
      <c r="MS37" s="120">
        <v>0</v>
      </c>
      <c r="MT37" s="145"/>
      <c r="MU37" s="119">
        <v>0</v>
      </c>
      <c r="MV37" s="119">
        <v>0</v>
      </c>
      <c r="MW37" s="119">
        <v>0</v>
      </c>
      <c r="MX37" s="119">
        <v>236354</v>
      </c>
      <c r="MY37" s="119">
        <v>255234</v>
      </c>
      <c r="MZ37" s="120">
        <v>491588</v>
      </c>
      <c r="NA37" s="143">
        <v>491588</v>
      </c>
      <c r="NB37" s="142">
        <v>0</v>
      </c>
      <c r="NC37" s="119">
        <v>0</v>
      </c>
      <c r="ND37" s="120">
        <v>0</v>
      </c>
      <c r="NE37" s="145"/>
      <c r="NF37" s="119">
        <v>0</v>
      </c>
      <c r="NG37" s="119">
        <v>0</v>
      </c>
      <c r="NH37" s="119">
        <v>0</v>
      </c>
      <c r="NI37" s="119">
        <v>0</v>
      </c>
      <c r="NJ37" s="119">
        <v>273251</v>
      </c>
      <c r="NK37" s="120">
        <v>273251</v>
      </c>
      <c r="NL37" s="320">
        <v>273251</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44646</v>
      </c>
      <c r="OJ37" s="119">
        <v>4060</v>
      </c>
      <c r="OK37" s="141">
        <v>48706</v>
      </c>
      <c r="OL37" s="118">
        <v>0</v>
      </c>
      <c r="OM37" s="119">
        <v>681673</v>
      </c>
      <c r="ON37" s="119">
        <v>770740</v>
      </c>
      <c r="OO37" s="119">
        <v>323534</v>
      </c>
      <c r="OP37" s="119">
        <v>1187742</v>
      </c>
      <c r="OQ37" s="119">
        <v>962443</v>
      </c>
      <c r="OR37" s="120">
        <v>3926132</v>
      </c>
      <c r="OS37" s="143">
        <v>3974838</v>
      </c>
    </row>
    <row r="38" spans="2:409" ht="20.25" customHeight="1" x14ac:dyDescent="0.2">
      <c r="B38" s="126" t="s">
        <v>33</v>
      </c>
      <c r="C38" s="110">
        <v>89954</v>
      </c>
      <c r="D38" s="114">
        <v>4900</v>
      </c>
      <c r="E38" s="113">
        <v>94854</v>
      </c>
      <c r="F38" s="109">
        <v>0</v>
      </c>
      <c r="G38" s="114">
        <v>294830</v>
      </c>
      <c r="H38" s="114">
        <v>122752</v>
      </c>
      <c r="I38" s="114">
        <v>502038</v>
      </c>
      <c r="J38" s="114">
        <v>557168</v>
      </c>
      <c r="K38" s="114">
        <v>33236</v>
      </c>
      <c r="L38" s="173">
        <v>1510024</v>
      </c>
      <c r="M38" s="116">
        <v>1604878</v>
      </c>
      <c r="N38" s="110">
        <v>41816</v>
      </c>
      <c r="O38" s="114">
        <v>0</v>
      </c>
      <c r="P38" s="113">
        <v>41816</v>
      </c>
      <c r="Q38" s="110">
        <v>0</v>
      </c>
      <c r="R38" s="114">
        <v>70084</v>
      </c>
      <c r="S38" s="114">
        <v>105952</v>
      </c>
      <c r="T38" s="114">
        <v>282654</v>
      </c>
      <c r="U38" s="114">
        <v>109689</v>
      </c>
      <c r="V38" s="114">
        <v>0</v>
      </c>
      <c r="W38" s="113">
        <v>568379</v>
      </c>
      <c r="X38" s="116">
        <v>610195</v>
      </c>
      <c r="Y38" s="110">
        <v>0</v>
      </c>
      <c r="Z38" s="114">
        <v>0</v>
      </c>
      <c r="AA38" s="113">
        <v>0</v>
      </c>
      <c r="AB38" s="110">
        <v>0</v>
      </c>
      <c r="AC38" s="114">
        <v>41142</v>
      </c>
      <c r="AD38" s="114">
        <v>0</v>
      </c>
      <c r="AE38" s="114">
        <v>103112</v>
      </c>
      <c r="AF38" s="114">
        <v>12449</v>
      </c>
      <c r="AG38" s="114">
        <v>0</v>
      </c>
      <c r="AH38" s="113">
        <v>156703</v>
      </c>
      <c r="AI38" s="116">
        <v>156703</v>
      </c>
      <c r="AJ38" s="110">
        <v>0</v>
      </c>
      <c r="AK38" s="114">
        <v>0</v>
      </c>
      <c r="AL38" s="113">
        <v>0</v>
      </c>
      <c r="AM38" s="110">
        <v>0</v>
      </c>
      <c r="AN38" s="114">
        <v>0</v>
      </c>
      <c r="AO38" s="114">
        <v>0</v>
      </c>
      <c r="AP38" s="114">
        <v>0</v>
      </c>
      <c r="AQ38" s="114">
        <v>0</v>
      </c>
      <c r="AR38" s="114">
        <v>0</v>
      </c>
      <c r="AS38" s="113">
        <v>0</v>
      </c>
      <c r="AT38" s="116">
        <v>0</v>
      </c>
      <c r="AU38" s="110">
        <v>0</v>
      </c>
      <c r="AV38" s="114">
        <v>0</v>
      </c>
      <c r="AW38" s="113">
        <v>0</v>
      </c>
      <c r="AX38" s="110">
        <v>0</v>
      </c>
      <c r="AY38" s="114">
        <v>21704</v>
      </c>
      <c r="AZ38" s="114">
        <v>33440</v>
      </c>
      <c r="BA38" s="114">
        <v>132308</v>
      </c>
      <c r="BB38" s="114">
        <v>27573</v>
      </c>
      <c r="BC38" s="114">
        <v>0</v>
      </c>
      <c r="BD38" s="113">
        <v>215025</v>
      </c>
      <c r="BE38" s="116">
        <v>215025</v>
      </c>
      <c r="BF38" s="110">
        <v>41816</v>
      </c>
      <c r="BG38" s="114">
        <v>0</v>
      </c>
      <c r="BH38" s="112">
        <v>41816</v>
      </c>
      <c r="BI38" s="111">
        <v>0</v>
      </c>
      <c r="BJ38" s="114">
        <v>0</v>
      </c>
      <c r="BK38" s="114">
        <v>72512</v>
      </c>
      <c r="BL38" s="114">
        <v>33423</v>
      </c>
      <c r="BM38" s="114">
        <v>67280</v>
      </c>
      <c r="BN38" s="114">
        <v>0</v>
      </c>
      <c r="BO38" s="113">
        <v>173215</v>
      </c>
      <c r="BP38" s="116">
        <v>215031</v>
      </c>
      <c r="BQ38" s="110">
        <v>0</v>
      </c>
      <c r="BR38" s="114">
        <v>0</v>
      </c>
      <c r="BS38" s="113">
        <v>0</v>
      </c>
      <c r="BT38" s="110">
        <v>0</v>
      </c>
      <c r="BU38" s="114">
        <v>7238</v>
      </c>
      <c r="BV38" s="114">
        <v>0</v>
      </c>
      <c r="BW38" s="114">
        <v>13811</v>
      </c>
      <c r="BX38" s="114">
        <v>2387</v>
      </c>
      <c r="BY38" s="114">
        <v>0</v>
      </c>
      <c r="BZ38" s="113">
        <v>23436</v>
      </c>
      <c r="CA38" s="116">
        <v>23436</v>
      </c>
      <c r="CB38" s="110">
        <v>0</v>
      </c>
      <c r="CC38" s="114">
        <v>0</v>
      </c>
      <c r="CD38" s="113">
        <v>0</v>
      </c>
      <c r="CE38" s="110">
        <v>0</v>
      </c>
      <c r="CF38" s="114">
        <v>85235</v>
      </c>
      <c r="CG38" s="114">
        <v>0</v>
      </c>
      <c r="CH38" s="114">
        <v>0</v>
      </c>
      <c r="CI38" s="114">
        <v>129320</v>
      </c>
      <c r="CJ38" s="114">
        <v>0</v>
      </c>
      <c r="CK38" s="113">
        <v>214555</v>
      </c>
      <c r="CL38" s="116">
        <v>214555</v>
      </c>
      <c r="CM38" s="110">
        <v>0</v>
      </c>
      <c r="CN38" s="114">
        <v>0</v>
      </c>
      <c r="CO38" s="113">
        <v>0</v>
      </c>
      <c r="CP38" s="111">
        <v>0</v>
      </c>
      <c r="CQ38" s="114">
        <v>63325</v>
      </c>
      <c r="CR38" s="114">
        <v>0</v>
      </c>
      <c r="CS38" s="114">
        <v>0</v>
      </c>
      <c r="CT38" s="114">
        <v>73472</v>
      </c>
      <c r="CU38" s="114">
        <v>0</v>
      </c>
      <c r="CV38" s="113">
        <v>136797</v>
      </c>
      <c r="CW38" s="116">
        <v>136797</v>
      </c>
      <c r="CX38" s="110">
        <v>0</v>
      </c>
      <c r="CY38" s="114">
        <v>0</v>
      </c>
      <c r="CZ38" s="113">
        <v>0</v>
      </c>
      <c r="DA38" s="110">
        <v>0</v>
      </c>
      <c r="DB38" s="114">
        <v>21910</v>
      </c>
      <c r="DC38" s="114">
        <v>0</v>
      </c>
      <c r="DD38" s="114">
        <v>0</v>
      </c>
      <c r="DE38" s="114">
        <v>55848</v>
      </c>
      <c r="DF38" s="114">
        <v>0</v>
      </c>
      <c r="DG38" s="113">
        <v>77758</v>
      </c>
      <c r="DH38" s="116">
        <v>77758</v>
      </c>
      <c r="DI38" s="110">
        <v>0</v>
      </c>
      <c r="DJ38" s="114">
        <v>0</v>
      </c>
      <c r="DK38" s="112">
        <v>0</v>
      </c>
      <c r="DL38" s="111">
        <v>0</v>
      </c>
      <c r="DM38" s="114">
        <v>0</v>
      </c>
      <c r="DN38" s="114">
        <v>0</v>
      </c>
      <c r="DO38" s="114">
        <v>21114</v>
      </c>
      <c r="DP38" s="114">
        <v>112864</v>
      </c>
      <c r="DQ38" s="114">
        <v>0</v>
      </c>
      <c r="DR38" s="113">
        <v>133978</v>
      </c>
      <c r="DS38" s="116">
        <v>133978</v>
      </c>
      <c r="DT38" s="110">
        <v>0</v>
      </c>
      <c r="DU38" s="114">
        <v>0</v>
      </c>
      <c r="DV38" s="113">
        <v>0</v>
      </c>
      <c r="DW38" s="110">
        <v>0</v>
      </c>
      <c r="DX38" s="114">
        <v>0</v>
      </c>
      <c r="DY38" s="114">
        <v>0</v>
      </c>
      <c r="DZ38" s="114">
        <v>21114</v>
      </c>
      <c r="EA38" s="114">
        <v>112864</v>
      </c>
      <c r="EB38" s="114">
        <v>0</v>
      </c>
      <c r="EC38" s="113">
        <v>133978</v>
      </c>
      <c r="ED38" s="116">
        <v>133978</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0</v>
      </c>
      <c r="FM38" s="114">
        <v>4900</v>
      </c>
      <c r="FN38" s="113">
        <v>4900</v>
      </c>
      <c r="FO38" s="110">
        <v>0</v>
      </c>
      <c r="FP38" s="114">
        <v>3500</v>
      </c>
      <c r="FQ38" s="114">
        <v>16800</v>
      </c>
      <c r="FR38" s="114">
        <v>25900</v>
      </c>
      <c r="FS38" s="114">
        <v>8778</v>
      </c>
      <c r="FT38" s="114">
        <v>33236</v>
      </c>
      <c r="FU38" s="113">
        <v>88214</v>
      </c>
      <c r="FV38" s="116">
        <v>93114</v>
      </c>
      <c r="FW38" s="115">
        <v>0</v>
      </c>
      <c r="FX38" s="114">
        <v>4900</v>
      </c>
      <c r="FY38" s="112">
        <v>4900</v>
      </c>
      <c r="FZ38" s="111">
        <v>0</v>
      </c>
      <c r="GA38" s="114">
        <v>3500</v>
      </c>
      <c r="GB38" s="114">
        <v>16800</v>
      </c>
      <c r="GC38" s="114">
        <v>25900</v>
      </c>
      <c r="GD38" s="114">
        <v>8778</v>
      </c>
      <c r="GE38" s="114">
        <v>33236</v>
      </c>
      <c r="GF38" s="113">
        <v>88214</v>
      </c>
      <c r="GG38" s="318">
        <v>9311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48138</v>
      </c>
      <c r="HE38" s="114">
        <v>0</v>
      </c>
      <c r="HF38" s="112">
        <v>48138</v>
      </c>
      <c r="HG38" s="111">
        <v>0</v>
      </c>
      <c r="HH38" s="114">
        <v>136011</v>
      </c>
      <c r="HI38" s="114">
        <v>0</v>
      </c>
      <c r="HJ38" s="114">
        <v>172370</v>
      </c>
      <c r="HK38" s="114">
        <v>196517</v>
      </c>
      <c r="HL38" s="114">
        <v>0</v>
      </c>
      <c r="HM38" s="113">
        <v>504898</v>
      </c>
      <c r="HN38" s="109">
        <v>553036</v>
      </c>
      <c r="HO38" s="328"/>
      <c r="HP38" s="329"/>
      <c r="HQ38" s="330"/>
      <c r="HR38" s="331"/>
      <c r="HS38" s="329"/>
      <c r="HT38" s="329"/>
      <c r="HU38" s="329"/>
      <c r="HV38" s="329"/>
      <c r="HW38" s="329"/>
      <c r="HX38" s="332"/>
      <c r="HY38" s="333"/>
      <c r="HZ38" s="150">
        <v>0</v>
      </c>
      <c r="IA38" s="135">
        <v>0</v>
      </c>
      <c r="IB38" s="150">
        <v>0</v>
      </c>
      <c r="IC38" s="146">
        <v>0</v>
      </c>
      <c r="ID38" s="132">
        <v>87522</v>
      </c>
      <c r="IE38" s="147">
        <v>0</v>
      </c>
      <c r="IF38" s="133">
        <v>81952</v>
      </c>
      <c r="IG38" s="132">
        <v>0</v>
      </c>
      <c r="IH38" s="133">
        <v>239532</v>
      </c>
      <c r="II38" s="148">
        <v>409006</v>
      </c>
      <c r="IJ38" s="150">
        <v>409006</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87522</v>
      </c>
      <c r="JL38" s="119">
        <v>0</v>
      </c>
      <c r="JM38" s="119">
        <v>81952</v>
      </c>
      <c r="JN38" s="119">
        <v>0</v>
      </c>
      <c r="JO38" s="119">
        <v>0</v>
      </c>
      <c r="JP38" s="120">
        <v>169474</v>
      </c>
      <c r="JQ38" s="320">
        <v>169474</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0</v>
      </c>
      <c r="LZ38" s="119">
        <v>0</v>
      </c>
      <c r="MA38" s="119">
        <v>0</v>
      </c>
      <c r="MB38" s="119">
        <v>0</v>
      </c>
      <c r="MC38" s="119">
        <v>239532</v>
      </c>
      <c r="MD38" s="120">
        <v>239532</v>
      </c>
      <c r="ME38" s="121">
        <v>239532</v>
      </c>
      <c r="MF38" s="142">
        <v>0</v>
      </c>
      <c r="MG38" s="119">
        <v>0</v>
      </c>
      <c r="MH38" s="120">
        <v>0</v>
      </c>
      <c r="MI38" s="145"/>
      <c r="MJ38" s="119">
        <v>0</v>
      </c>
      <c r="MK38" s="119">
        <v>0</v>
      </c>
      <c r="ML38" s="119">
        <v>262299</v>
      </c>
      <c r="MM38" s="119">
        <v>530847</v>
      </c>
      <c r="MN38" s="119">
        <v>644480</v>
      </c>
      <c r="MO38" s="120">
        <v>1437626</v>
      </c>
      <c r="MP38" s="143">
        <v>1437626</v>
      </c>
      <c r="MQ38" s="142">
        <v>0</v>
      </c>
      <c r="MR38" s="119">
        <v>0</v>
      </c>
      <c r="MS38" s="120">
        <v>0</v>
      </c>
      <c r="MT38" s="145"/>
      <c r="MU38" s="119">
        <v>0</v>
      </c>
      <c r="MV38" s="119">
        <v>0</v>
      </c>
      <c r="MW38" s="119">
        <v>0</v>
      </c>
      <c r="MX38" s="119">
        <v>238373</v>
      </c>
      <c r="MY38" s="119">
        <v>0</v>
      </c>
      <c r="MZ38" s="120">
        <v>238373</v>
      </c>
      <c r="NA38" s="143">
        <v>238373</v>
      </c>
      <c r="NB38" s="142">
        <v>0</v>
      </c>
      <c r="NC38" s="119">
        <v>0</v>
      </c>
      <c r="ND38" s="120">
        <v>0</v>
      </c>
      <c r="NE38" s="145"/>
      <c r="NF38" s="119">
        <v>0</v>
      </c>
      <c r="NG38" s="119">
        <v>0</v>
      </c>
      <c r="NH38" s="119">
        <v>262299</v>
      </c>
      <c r="NI38" s="119">
        <v>0</v>
      </c>
      <c r="NJ38" s="119">
        <v>0</v>
      </c>
      <c r="NK38" s="120">
        <v>262299</v>
      </c>
      <c r="NL38" s="320">
        <v>262299</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0</v>
      </c>
      <c r="OE38" s="119">
        <v>292474</v>
      </c>
      <c r="OF38" s="119">
        <v>644480</v>
      </c>
      <c r="OG38" s="120">
        <v>936954</v>
      </c>
      <c r="OH38" s="121">
        <v>936954</v>
      </c>
      <c r="OI38" s="142">
        <v>89954</v>
      </c>
      <c r="OJ38" s="119">
        <v>4900</v>
      </c>
      <c r="OK38" s="141">
        <v>94854</v>
      </c>
      <c r="OL38" s="118">
        <v>0</v>
      </c>
      <c r="OM38" s="119">
        <v>382352</v>
      </c>
      <c r="ON38" s="119">
        <v>122752</v>
      </c>
      <c r="OO38" s="119">
        <v>846289</v>
      </c>
      <c r="OP38" s="119">
        <v>1088015</v>
      </c>
      <c r="OQ38" s="119">
        <v>917248</v>
      </c>
      <c r="OR38" s="120">
        <v>3356656</v>
      </c>
      <c r="OS38" s="143">
        <v>3451510</v>
      </c>
    </row>
    <row r="39" spans="2:409" ht="20.25" customHeight="1" x14ac:dyDescent="0.2">
      <c r="B39" s="126" t="s">
        <v>34</v>
      </c>
      <c r="C39" s="110">
        <v>0</v>
      </c>
      <c r="D39" s="114">
        <v>0</v>
      </c>
      <c r="E39" s="174">
        <v>0</v>
      </c>
      <c r="F39" s="175">
        <v>0</v>
      </c>
      <c r="G39" s="176">
        <v>73059</v>
      </c>
      <c r="H39" s="176">
        <v>194537</v>
      </c>
      <c r="I39" s="176">
        <v>291816</v>
      </c>
      <c r="J39" s="176">
        <v>106995</v>
      </c>
      <c r="K39" s="176">
        <v>69309</v>
      </c>
      <c r="L39" s="177">
        <v>735716</v>
      </c>
      <c r="M39" s="116">
        <v>735716</v>
      </c>
      <c r="N39" s="110">
        <v>0</v>
      </c>
      <c r="O39" s="114">
        <v>0</v>
      </c>
      <c r="P39" s="113">
        <v>0</v>
      </c>
      <c r="Q39" s="110">
        <v>0</v>
      </c>
      <c r="R39" s="114">
        <v>33082</v>
      </c>
      <c r="S39" s="114">
        <v>6587</v>
      </c>
      <c r="T39" s="114">
        <v>91728</v>
      </c>
      <c r="U39" s="114">
        <v>0</v>
      </c>
      <c r="V39" s="114">
        <v>60671</v>
      </c>
      <c r="W39" s="113">
        <v>192068</v>
      </c>
      <c r="X39" s="116">
        <v>192068</v>
      </c>
      <c r="Y39" s="110">
        <v>0</v>
      </c>
      <c r="Z39" s="114">
        <v>0</v>
      </c>
      <c r="AA39" s="113">
        <v>0</v>
      </c>
      <c r="AB39" s="110">
        <v>0</v>
      </c>
      <c r="AC39" s="114">
        <v>19446</v>
      </c>
      <c r="AD39" s="114">
        <v>0</v>
      </c>
      <c r="AE39" s="114">
        <v>32963</v>
      </c>
      <c r="AF39" s="114">
        <v>0</v>
      </c>
      <c r="AG39" s="114">
        <v>54441</v>
      </c>
      <c r="AH39" s="113">
        <v>106850</v>
      </c>
      <c r="AI39" s="116">
        <v>106850</v>
      </c>
      <c r="AJ39" s="110">
        <v>0</v>
      </c>
      <c r="AK39" s="114">
        <v>0</v>
      </c>
      <c r="AL39" s="113">
        <v>0</v>
      </c>
      <c r="AM39" s="110">
        <v>0</v>
      </c>
      <c r="AN39" s="114">
        <v>0</v>
      </c>
      <c r="AO39" s="114">
        <v>0</v>
      </c>
      <c r="AP39" s="114">
        <v>11361</v>
      </c>
      <c r="AQ39" s="114">
        <v>0</v>
      </c>
      <c r="AR39" s="114">
        <v>0</v>
      </c>
      <c r="AS39" s="113">
        <v>11361</v>
      </c>
      <c r="AT39" s="116">
        <v>11361</v>
      </c>
      <c r="AU39" s="110">
        <v>0</v>
      </c>
      <c r="AV39" s="114">
        <v>0</v>
      </c>
      <c r="AW39" s="113">
        <v>0</v>
      </c>
      <c r="AX39" s="110">
        <v>0</v>
      </c>
      <c r="AY39" s="114">
        <v>0</v>
      </c>
      <c r="AZ39" s="114">
        <v>0</v>
      </c>
      <c r="BA39" s="114">
        <v>47404</v>
      </c>
      <c r="BB39" s="114">
        <v>0</v>
      </c>
      <c r="BC39" s="114">
        <v>0</v>
      </c>
      <c r="BD39" s="113">
        <v>47404</v>
      </c>
      <c r="BE39" s="116">
        <v>47404</v>
      </c>
      <c r="BF39" s="110">
        <v>0</v>
      </c>
      <c r="BG39" s="114">
        <v>0</v>
      </c>
      <c r="BH39" s="112">
        <v>0</v>
      </c>
      <c r="BI39" s="111">
        <v>0</v>
      </c>
      <c r="BJ39" s="114">
        <v>0</v>
      </c>
      <c r="BK39" s="114">
        <v>0</v>
      </c>
      <c r="BL39" s="114">
        <v>0</v>
      </c>
      <c r="BM39" s="114">
        <v>0</v>
      </c>
      <c r="BN39" s="114">
        <v>0</v>
      </c>
      <c r="BO39" s="113">
        <v>0</v>
      </c>
      <c r="BP39" s="116">
        <v>0</v>
      </c>
      <c r="BQ39" s="110">
        <v>0</v>
      </c>
      <c r="BR39" s="114">
        <v>0</v>
      </c>
      <c r="BS39" s="113">
        <v>0</v>
      </c>
      <c r="BT39" s="110">
        <v>0</v>
      </c>
      <c r="BU39" s="114">
        <v>13636</v>
      </c>
      <c r="BV39" s="114">
        <v>6587</v>
      </c>
      <c r="BW39" s="114">
        <v>0</v>
      </c>
      <c r="BX39" s="114">
        <v>0</v>
      </c>
      <c r="BY39" s="114">
        <v>6230</v>
      </c>
      <c r="BZ39" s="113">
        <v>26453</v>
      </c>
      <c r="CA39" s="116">
        <v>26453</v>
      </c>
      <c r="CB39" s="110">
        <v>0</v>
      </c>
      <c r="CC39" s="114">
        <v>0</v>
      </c>
      <c r="CD39" s="113">
        <v>0</v>
      </c>
      <c r="CE39" s="110">
        <v>0</v>
      </c>
      <c r="CF39" s="114">
        <v>30527</v>
      </c>
      <c r="CG39" s="114">
        <v>35287</v>
      </c>
      <c r="CH39" s="114">
        <v>175112</v>
      </c>
      <c r="CI39" s="114">
        <v>103285</v>
      </c>
      <c r="CJ39" s="114">
        <v>0</v>
      </c>
      <c r="CK39" s="113">
        <v>344211</v>
      </c>
      <c r="CL39" s="116">
        <v>344211</v>
      </c>
      <c r="CM39" s="110">
        <v>0</v>
      </c>
      <c r="CN39" s="114">
        <v>0</v>
      </c>
      <c r="CO39" s="113">
        <v>0</v>
      </c>
      <c r="CP39" s="111">
        <v>0</v>
      </c>
      <c r="CQ39" s="114">
        <v>0</v>
      </c>
      <c r="CR39" s="114">
        <v>35287</v>
      </c>
      <c r="CS39" s="114">
        <v>175112</v>
      </c>
      <c r="CT39" s="114">
        <v>103285</v>
      </c>
      <c r="CU39" s="114">
        <v>0</v>
      </c>
      <c r="CV39" s="113">
        <v>313684</v>
      </c>
      <c r="CW39" s="116">
        <v>313684</v>
      </c>
      <c r="CX39" s="110">
        <v>0</v>
      </c>
      <c r="CY39" s="114">
        <v>0</v>
      </c>
      <c r="CZ39" s="113">
        <v>0</v>
      </c>
      <c r="DA39" s="110">
        <v>0</v>
      </c>
      <c r="DB39" s="114">
        <v>30527</v>
      </c>
      <c r="DC39" s="114">
        <v>0</v>
      </c>
      <c r="DD39" s="114">
        <v>0</v>
      </c>
      <c r="DE39" s="114">
        <v>0</v>
      </c>
      <c r="DF39" s="114">
        <v>0</v>
      </c>
      <c r="DG39" s="113">
        <v>30527</v>
      </c>
      <c r="DH39" s="116">
        <v>30527</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0</v>
      </c>
      <c r="FN39" s="113">
        <v>0</v>
      </c>
      <c r="FO39" s="110">
        <v>0</v>
      </c>
      <c r="FP39" s="114">
        <v>9450</v>
      </c>
      <c r="FQ39" s="114">
        <v>5600</v>
      </c>
      <c r="FR39" s="114">
        <v>24976</v>
      </c>
      <c r="FS39" s="114">
        <v>3710</v>
      </c>
      <c r="FT39" s="114">
        <v>8638</v>
      </c>
      <c r="FU39" s="113">
        <v>52374</v>
      </c>
      <c r="FV39" s="116">
        <v>52374</v>
      </c>
      <c r="FW39" s="115">
        <v>0</v>
      </c>
      <c r="FX39" s="114">
        <v>0</v>
      </c>
      <c r="FY39" s="112">
        <v>0</v>
      </c>
      <c r="FZ39" s="111">
        <v>0</v>
      </c>
      <c r="GA39" s="114">
        <v>9450</v>
      </c>
      <c r="GB39" s="114">
        <v>5600</v>
      </c>
      <c r="GC39" s="114">
        <v>24976</v>
      </c>
      <c r="GD39" s="114">
        <v>3710</v>
      </c>
      <c r="GE39" s="114">
        <v>8638</v>
      </c>
      <c r="GF39" s="113">
        <v>52374</v>
      </c>
      <c r="GG39" s="318">
        <v>52374</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47063</v>
      </c>
      <c r="HJ39" s="114">
        <v>0</v>
      </c>
      <c r="HK39" s="114">
        <v>0</v>
      </c>
      <c r="HL39" s="114">
        <v>0</v>
      </c>
      <c r="HM39" s="113">
        <v>147063</v>
      </c>
      <c r="HN39" s="109">
        <v>147063</v>
      </c>
      <c r="HO39" s="328"/>
      <c r="HP39" s="329"/>
      <c r="HQ39" s="330"/>
      <c r="HR39" s="331"/>
      <c r="HS39" s="329"/>
      <c r="HT39" s="329"/>
      <c r="HU39" s="329"/>
      <c r="HV39" s="329"/>
      <c r="HW39" s="329"/>
      <c r="HX39" s="332"/>
      <c r="HY39" s="333"/>
      <c r="HZ39" s="131">
        <v>0</v>
      </c>
      <c r="IA39" s="132">
        <v>0</v>
      </c>
      <c r="IB39" s="133">
        <v>0</v>
      </c>
      <c r="IC39" s="146">
        <v>0</v>
      </c>
      <c r="ID39" s="132">
        <v>96873</v>
      </c>
      <c r="IE39" s="147">
        <v>156296</v>
      </c>
      <c r="IF39" s="133">
        <v>0</v>
      </c>
      <c r="IG39" s="132">
        <v>0</v>
      </c>
      <c r="IH39" s="133">
        <v>0</v>
      </c>
      <c r="II39" s="148">
        <v>253169</v>
      </c>
      <c r="IJ39" s="139">
        <v>253169</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20">
        <v>0</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96873</v>
      </c>
      <c r="KH39" s="119">
        <v>0</v>
      </c>
      <c r="KI39" s="119">
        <v>0</v>
      </c>
      <c r="KJ39" s="119">
        <v>0</v>
      </c>
      <c r="KK39" s="119">
        <v>0</v>
      </c>
      <c r="KL39" s="120">
        <v>96873</v>
      </c>
      <c r="KM39" s="143">
        <v>96873</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156296</v>
      </c>
      <c r="MA39" s="119">
        <v>0</v>
      </c>
      <c r="MB39" s="119">
        <v>0</v>
      </c>
      <c r="MC39" s="119">
        <v>0</v>
      </c>
      <c r="MD39" s="120">
        <v>156296</v>
      </c>
      <c r="ME39" s="121">
        <v>156296</v>
      </c>
      <c r="MF39" s="142">
        <v>0</v>
      </c>
      <c r="MG39" s="119">
        <v>0</v>
      </c>
      <c r="MH39" s="120">
        <v>0</v>
      </c>
      <c r="MI39" s="145"/>
      <c r="MJ39" s="119">
        <v>0</v>
      </c>
      <c r="MK39" s="119">
        <v>220801</v>
      </c>
      <c r="ML39" s="119">
        <v>0</v>
      </c>
      <c r="MM39" s="119">
        <v>0</v>
      </c>
      <c r="MN39" s="119">
        <v>0</v>
      </c>
      <c r="MO39" s="120">
        <v>220801</v>
      </c>
      <c r="MP39" s="143">
        <v>220801</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0</v>
      </c>
      <c r="NG39" s="119">
        <v>220801</v>
      </c>
      <c r="NH39" s="119">
        <v>0</v>
      </c>
      <c r="NI39" s="119">
        <v>0</v>
      </c>
      <c r="NJ39" s="119">
        <v>0</v>
      </c>
      <c r="NK39" s="120">
        <v>220801</v>
      </c>
      <c r="NL39" s="320">
        <v>220801</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169932</v>
      </c>
      <c r="ON39" s="119">
        <v>571634</v>
      </c>
      <c r="OO39" s="119">
        <v>291816</v>
      </c>
      <c r="OP39" s="119">
        <v>106995</v>
      </c>
      <c r="OQ39" s="119">
        <v>69309</v>
      </c>
      <c r="OR39" s="120">
        <v>1209686</v>
      </c>
      <c r="OS39" s="143">
        <v>1209686</v>
      </c>
    </row>
    <row r="40" spans="2:409" ht="20.25" customHeight="1" x14ac:dyDescent="0.2">
      <c r="B40" s="126" t="s">
        <v>35</v>
      </c>
      <c r="C40" s="110">
        <v>190423</v>
      </c>
      <c r="D40" s="114">
        <v>77427</v>
      </c>
      <c r="E40" s="113">
        <v>267850</v>
      </c>
      <c r="F40" s="109">
        <v>0</v>
      </c>
      <c r="G40" s="114">
        <v>915171</v>
      </c>
      <c r="H40" s="114">
        <v>652557</v>
      </c>
      <c r="I40" s="114">
        <v>866319</v>
      </c>
      <c r="J40" s="114">
        <v>1217690</v>
      </c>
      <c r="K40" s="114">
        <v>0</v>
      </c>
      <c r="L40" s="173">
        <v>3651737</v>
      </c>
      <c r="M40" s="116">
        <v>3919587</v>
      </c>
      <c r="N40" s="110">
        <v>24535</v>
      </c>
      <c r="O40" s="114">
        <v>0</v>
      </c>
      <c r="P40" s="113">
        <v>24535</v>
      </c>
      <c r="Q40" s="110">
        <v>0</v>
      </c>
      <c r="R40" s="114">
        <v>354823</v>
      </c>
      <c r="S40" s="114">
        <v>196266</v>
      </c>
      <c r="T40" s="114">
        <v>92337</v>
      </c>
      <c r="U40" s="114">
        <v>343999</v>
      </c>
      <c r="V40" s="114">
        <v>0</v>
      </c>
      <c r="W40" s="113">
        <v>987425</v>
      </c>
      <c r="X40" s="116">
        <v>1011960</v>
      </c>
      <c r="Y40" s="110">
        <v>0</v>
      </c>
      <c r="Z40" s="114">
        <v>0</v>
      </c>
      <c r="AA40" s="113">
        <v>0</v>
      </c>
      <c r="AB40" s="110">
        <v>0</v>
      </c>
      <c r="AC40" s="114">
        <v>187616</v>
      </c>
      <c r="AD40" s="114">
        <v>164528</v>
      </c>
      <c r="AE40" s="114">
        <v>68978</v>
      </c>
      <c r="AF40" s="114">
        <v>189698</v>
      </c>
      <c r="AG40" s="114">
        <v>0</v>
      </c>
      <c r="AH40" s="113">
        <v>610820</v>
      </c>
      <c r="AI40" s="116">
        <v>610820</v>
      </c>
      <c r="AJ40" s="110">
        <v>0</v>
      </c>
      <c r="AK40" s="114">
        <v>0</v>
      </c>
      <c r="AL40" s="113">
        <v>0</v>
      </c>
      <c r="AM40" s="110">
        <v>0</v>
      </c>
      <c r="AN40" s="114">
        <v>0</v>
      </c>
      <c r="AO40" s="114">
        <v>0</v>
      </c>
      <c r="AP40" s="114">
        <v>0</v>
      </c>
      <c r="AQ40" s="114">
        <v>0</v>
      </c>
      <c r="AR40" s="114">
        <v>0</v>
      </c>
      <c r="AS40" s="113">
        <v>0</v>
      </c>
      <c r="AT40" s="116">
        <v>0</v>
      </c>
      <c r="AU40" s="110">
        <v>0</v>
      </c>
      <c r="AV40" s="114">
        <v>0</v>
      </c>
      <c r="AW40" s="113">
        <v>0</v>
      </c>
      <c r="AX40" s="110">
        <v>0</v>
      </c>
      <c r="AY40" s="114">
        <v>79721</v>
      </c>
      <c r="AZ40" s="114">
        <v>0</v>
      </c>
      <c r="BA40" s="114">
        <v>11144</v>
      </c>
      <c r="BB40" s="114">
        <v>94591</v>
      </c>
      <c r="BC40" s="114">
        <v>0</v>
      </c>
      <c r="BD40" s="113">
        <v>185456</v>
      </c>
      <c r="BE40" s="116">
        <v>185456</v>
      </c>
      <c r="BF40" s="110">
        <v>0</v>
      </c>
      <c r="BG40" s="114">
        <v>0</v>
      </c>
      <c r="BH40" s="112">
        <v>0</v>
      </c>
      <c r="BI40" s="111">
        <v>0</v>
      </c>
      <c r="BJ40" s="114">
        <v>45696</v>
      </c>
      <c r="BK40" s="114">
        <v>0</v>
      </c>
      <c r="BL40" s="114">
        <v>0</v>
      </c>
      <c r="BM40" s="114">
        <v>0</v>
      </c>
      <c r="BN40" s="114">
        <v>0</v>
      </c>
      <c r="BO40" s="113">
        <v>45696</v>
      </c>
      <c r="BP40" s="116">
        <v>45696</v>
      </c>
      <c r="BQ40" s="110">
        <v>24535</v>
      </c>
      <c r="BR40" s="114">
        <v>0</v>
      </c>
      <c r="BS40" s="113">
        <v>24535</v>
      </c>
      <c r="BT40" s="110">
        <v>0</v>
      </c>
      <c r="BU40" s="114">
        <v>41790</v>
      </c>
      <c r="BV40" s="114">
        <v>31738</v>
      </c>
      <c r="BW40" s="114">
        <v>12215</v>
      </c>
      <c r="BX40" s="114">
        <v>59710</v>
      </c>
      <c r="BY40" s="114">
        <v>0</v>
      </c>
      <c r="BZ40" s="113">
        <v>145453</v>
      </c>
      <c r="CA40" s="116">
        <v>169988</v>
      </c>
      <c r="CB40" s="110">
        <v>18872</v>
      </c>
      <c r="CC40" s="114">
        <v>65877</v>
      </c>
      <c r="CD40" s="113">
        <v>84749</v>
      </c>
      <c r="CE40" s="110">
        <v>0</v>
      </c>
      <c r="CF40" s="114">
        <v>95389</v>
      </c>
      <c r="CG40" s="114">
        <v>197687</v>
      </c>
      <c r="CH40" s="114">
        <v>15092</v>
      </c>
      <c r="CI40" s="114">
        <v>202356</v>
      </c>
      <c r="CJ40" s="114">
        <v>0</v>
      </c>
      <c r="CK40" s="113">
        <v>510524</v>
      </c>
      <c r="CL40" s="116">
        <v>595273</v>
      </c>
      <c r="CM40" s="110">
        <v>0</v>
      </c>
      <c r="CN40" s="114">
        <v>0</v>
      </c>
      <c r="CO40" s="113">
        <v>0</v>
      </c>
      <c r="CP40" s="111">
        <v>0</v>
      </c>
      <c r="CQ40" s="114">
        <v>95389</v>
      </c>
      <c r="CR40" s="114">
        <v>147035</v>
      </c>
      <c r="CS40" s="114">
        <v>15092</v>
      </c>
      <c r="CT40" s="114">
        <v>104587</v>
      </c>
      <c r="CU40" s="114">
        <v>0</v>
      </c>
      <c r="CV40" s="113">
        <v>362103</v>
      </c>
      <c r="CW40" s="116">
        <v>362103</v>
      </c>
      <c r="CX40" s="110">
        <v>18872</v>
      </c>
      <c r="CY40" s="114">
        <v>65877</v>
      </c>
      <c r="CZ40" s="113">
        <v>84749</v>
      </c>
      <c r="DA40" s="110">
        <v>0</v>
      </c>
      <c r="DB40" s="114">
        <v>0</v>
      </c>
      <c r="DC40" s="114">
        <v>50652</v>
      </c>
      <c r="DD40" s="114">
        <v>0</v>
      </c>
      <c r="DE40" s="114">
        <v>97769</v>
      </c>
      <c r="DF40" s="114">
        <v>0</v>
      </c>
      <c r="DG40" s="113">
        <v>148421</v>
      </c>
      <c r="DH40" s="116">
        <v>233170</v>
      </c>
      <c r="DI40" s="110">
        <v>0</v>
      </c>
      <c r="DJ40" s="114">
        <v>0</v>
      </c>
      <c r="DK40" s="112">
        <v>0</v>
      </c>
      <c r="DL40" s="111">
        <v>0</v>
      </c>
      <c r="DM40" s="114">
        <v>18704</v>
      </c>
      <c r="DN40" s="114">
        <v>0</v>
      </c>
      <c r="DO40" s="114">
        <v>0</v>
      </c>
      <c r="DP40" s="114">
        <v>56287</v>
      </c>
      <c r="DQ40" s="114">
        <v>0</v>
      </c>
      <c r="DR40" s="113">
        <v>74991</v>
      </c>
      <c r="DS40" s="116">
        <v>74991</v>
      </c>
      <c r="DT40" s="110">
        <v>0</v>
      </c>
      <c r="DU40" s="114">
        <v>0</v>
      </c>
      <c r="DV40" s="113">
        <v>0</v>
      </c>
      <c r="DW40" s="110">
        <v>0</v>
      </c>
      <c r="DX40" s="114">
        <v>0</v>
      </c>
      <c r="DY40" s="114">
        <v>0</v>
      </c>
      <c r="DZ40" s="114">
        <v>0</v>
      </c>
      <c r="EA40" s="114">
        <v>56287</v>
      </c>
      <c r="EB40" s="114">
        <v>0</v>
      </c>
      <c r="EC40" s="113">
        <v>56287</v>
      </c>
      <c r="ED40" s="116">
        <v>56287</v>
      </c>
      <c r="EE40" s="110">
        <v>0</v>
      </c>
      <c r="EF40" s="112">
        <v>0</v>
      </c>
      <c r="EG40" s="113">
        <v>0</v>
      </c>
      <c r="EH40" s="110">
        <v>0</v>
      </c>
      <c r="EI40" s="114">
        <v>18704</v>
      </c>
      <c r="EJ40" s="114">
        <v>0</v>
      </c>
      <c r="EK40" s="114">
        <v>0</v>
      </c>
      <c r="EL40" s="114">
        <v>0</v>
      </c>
      <c r="EM40" s="114">
        <v>0</v>
      </c>
      <c r="EN40" s="112">
        <v>18704</v>
      </c>
      <c r="EO40" s="116">
        <v>18704</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5950</v>
      </c>
      <c r="FM40" s="114">
        <v>11550</v>
      </c>
      <c r="FN40" s="113">
        <v>17500</v>
      </c>
      <c r="FO40" s="110">
        <v>0</v>
      </c>
      <c r="FP40" s="114">
        <v>40460</v>
      </c>
      <c r="FQ40" s="114">
        <v>103600</v>
      </c>
      <c r="FR40" s="114">
        <v>82250</v>
      </c>
      <c r="FS40" s="114">
        <v>60620</v>
      </c>
      <c r="FT40" s="114">
        <v>0</v>
      </c>
      <c r="FU40" s="113">
        <v>286930</v>
      </c>
      <c r="FV40" s="116">
        <v>304430</v>
      </c>
      <c r="FW40" s="115">
        <v>5950</v>
      </c>
      <c r="FX40" s="114">
        <v>11550</v>
      </c>
      <c r="FY40" s="112">
        <v>17500</v>
      </c>
      <c r="FZ40" s="111">
        <v>0</v>
      </c>
      <c r="GA40" s="114">
        <v>40460</v>
      </c>
      <c r="GB40" s="114">
        <v>103600</v>
      </c>
      <c r="GC40" s="114">
        <v>82250</v>
      </c>
      <c r="GD40" s="114">
        <v>60620</v>
      </c>
      <c r="GE40" s="114">
        <v>0</v>
      </c>
      <c r="GF40" s="113">
        <v>286930</v>
      </c>
      <c r="GG40" s="318">
        <v>304430</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141066</v>
      </c>
      <c r="HE40" s="114">
        <v>0</v>
      </c>
      <c r="HF40" s="112">
        <v>141066</v>
      </c>
      <c r="HG40" s="111">
        <v>0</v>
      </c>
      <c r="HH40" s="114">
        <v>405795</v>
      </c>
      <c r="HI40" s="114">
        <v>155004</v>
      </c>
      <c r="HJ40" s="114">
        <v>676640</v>
      </c>
      <c r="HK40" s="114">
        <v>554428</v>
      </c>
      <c r="HL40" s="114">
        <v>0</v>
      </c>
      <c r="HM40" s="113">
        <v>1791867</v>
      </c>
      <c r="HN40" s="109">
        <v>1932933</v>
      </c>
      <c r="HO40" s="328"/>
      <c r="HP40" s="329"/>
      <c r="HQ40" s="330"/>
      <c r="HR40" s="331"/>
      <c r="HS40" s="329"/>
      <c r="HT40" s="329"/>
      <c r="HU40" s="329"/>
      <c r="HV40" s="329"/>
      <c r="HW40" s="329"/>
      <c r="HX40" s="332"/>
      <c r="HY40" s="333"/>
      <c r="HZ40" s="150">
        <v>0</v>
      </c>
      <c r="IA40" s="135">
        <v>0</v>
      </c>
      <c r="IB40" s="150">
        <v>0</v>
      </c>
      <c r="IC40" s="146">
        <v>0</v>
      </c>
      <c r="ID40" s="132">
        <v>47208</v>
      </c>
      <c r="IE40" s="147">
        <v>47429</v>
      </c>
      <c r="IF40" s="133">
        <v>0</v>
      </c>
      <c r="IG40" s="132">
        <v>297913</v>
      </c>
      <c r="IH40" s="133">
        <v>0</v>
      </c>
      <c r="II40" s="148">
        <v>392550</v>
      </c>
      <c r="IJ40" s="150">
        <v>392550</v>
      </c>
      <c r="IK40" s="232">
        <v>0</v>
      </c>
      <c r="IL40" s="236">
        <v>0</v>
      </c>
      <c r="IM40" s="237">
        <v>0</v>
      </c>
      <c r="IN40" s="140"/>
      <c r="IO40" s="119">
        <v>0</v>
      </c>
      <c r="IP40" s="119">
        <v>0</v>
      </c>
      <c r="IQ40" s="119">
        <v>0</v>
      </c>
      <c r="IR40" s="119">
        <v>0</v>
      </c>
      <c r="IS40" s="119">
        <v>0</v>
      </c>
      <c r="IT40" s="141">
        <v>0</v>
      </c>
      <c r="IU40" s="320">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47208</v>
      </c>
      <c r="JL40" s="119">
        <v>47429</v>
      </c>
      <c r="JM40" s="119">
        <v>0</v>
      </c>
      <c r="JN40" s="119">
        <v>0</v>
      </c>
      <c r="JO40" s="119">
        <v>0</v>
      </c>
      <c r="JP40" s="120">
        <v>94637</v>
      </c>
      <c r="JQ40" s="320">
        <v>94637</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0</v>
      </c>
      <c r="KI40" s="119">
        <v>0</v>
      </c>
      <c r="KJ40" s="119">
        <v>84497</v>
      </c>
      <c r="KK40" s="119">
        <v>0</v>
      </c>
      <c r="KL40" s="120">
        <v>84497</v>
      </c>
      <c r="KM40" s="143">
        <v>84497</v>
      </c>
      <c r="KN40" s="232">
        <v>0</v>
      </c>
      <c r="KO40" s="236">
        <v>0</v>
      </c>
      <c r="KP40" s="237">
        <v>0</v>
      </c>
      <c r="KQ40" s="140"/>
      <c r="KR40" s="119">
        <v>0</v>
      </c>
      <c r="KS40" s="119">
        <v>0</v>
      </c>
      <c r="KT40" s="119">
        <v>0</v>
      </c>
      <c r="KU40" s="119">
        <v>213416</v>
      </c>
      <c r="KV40" s="119">
        <v>0</v>
      </c>
      <c r="KW40" s="120">
        <v>213416</v>
      </c>
      <c r="KX40" s="320">
        <v>213416</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0</v>
      </c>
      <c r="MM40" s="119">
        <v>433153</v>
      </c>
      <c r="MN40" s="119">
        <v>0</v>
      </c>
      <c r="MO40" s="120">
        <v>433153</v>
      </c>
      <c r="MP40" s="143">
        <v>433153</v>
      </c>
      <c r="MQ40" s="142">
        <v>0</v>
      </c>
      <c r="MR40" s="119">
        <v>0</v>
      </c>
      <c r="MS40" s="120">
        <v>0</v>
      </c>
      <c r="MT40" s="145"/>
      <c r="MU40" s="119">
        <v>0</v>
      </c>
      <c r="MV40" s="119">
        <v>0</v>
      </c>
      <c r="MW40" s="119">
        <v>0</v>
      </c>
      <c r="MX40" s="119">
        <v>433153</v>
      </c>
      <c r="MY40" s="119">
        <v>0</v>
      </c>
      <c r="MZ40" s="120">
        <v>433153</v>
      </c>
      <c r="NA40" s="143">
        <v>433153</v>
      </c>
      <c r="NB40" s="142">
        <v>0</v>
      </c>
      <c r="NC40" s="119">
        <v>0</v>
      </c>
      <c r="ND40" s="120">
        <v>0</v>
      </c>
      <c r="NE40" s="145"/>
      <c r="NF40" s="119">
        <v>0</v>
      </c>
      <c r="NG40" s="119">
        <v>0</v>
      </c>
      <c r="NH40" s="119">
        <v>0</v>
      </c>
      <c r="NI40" s="119">
        <v>0</v>
      </c>
      <c r="NJ40" s="119">
        <v>0</v>
      </c>
      <c r="NK40" s="120">
        <v>0</v>
      </c>
      <c r="NL40" s="320">
        <v>0</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190423</v>
      </c>
      <c r="OJ40" s="119">
        <v>77427</v>
      </c>
      <c r="OK40" s="141">
        <v>267850</v>
      </c>
      <c r="OL40" s="118">
        <v>0</v>
      </c>
      <c r="OM40" s="119">
        <v>962379</v>
      </c>
      <c r="ON40" s="119">
        <v>699986</v>
      </c>
      <c r="OO40" s="119">
        <v>866319</v>
      </c>
      <c r="OP40" s="119">
        <v>1948756</v>
      </c>
      <c r="OQ40" s="119">
        <v>0</v>
      </c>
      <c r="OR40" s="120">
        <v>4477440</v>
      </c>
      <c r="OS40" s="143">
        <v>4745290</v>
      </c>
    </row>
    <row r="41" spans="2:409" ht="20.25" customHeight="1" x14ac:dyDescent="0.2">
      <c r="B41" s="126" t="s">
        <v>36</v>
      </c>
      <c r="C41" s="110">
        <v>0</v>
      </c>
      <c r="D41" s="114">
        <v>56373</v>
      </c>
      <c r="E41" s="113">
        <v>56373</v>
      </c>
      <c r="F41" s="109">
        <v>0</v>
      </c>
      <c r="G41" s="114">
        <v>448770</v>
      </c>
      <c r="H41" s="114">
        <v>605810</v>
      </c>
      <c r="I41" s="114">
        <v>423343</v>
      </c>
      <c r="J41" s="114">
        <v>531391</v>
      </c>
      <c r="K41" s="114">
        <v>141001</v>
      </c>
      <c r="L41" s="173">
        <v>2150315</v>
      </c>
      <c r="M41" s="116">
        <v>2206688</v>
      </c>
      <c r="N41" s="110">
        <v>0</v>
      </c>
      <c r="O41" s="114">
        <v>54973</v>
      </c>
      <c r="P41" s="113">
        <v>54973</v>
      </c>
      <c r="Q41" s="110">
        <v>0</v>
      </c>
      <c r="R41" s="114">
        <v>210666</v>
      </c>
      <c r="S41" s="114">
        <v>76670</v>
      </c>
      <c r="T41" s="114">
        <v>94935</v>
      </c>
      <c r="U41" s="114">
        <v>39536</v>
      </c>
      <c r="V41" s="114">
        <v>0</v>
      </c>
      <c r="W41" s="113">
        <v>421807</v>
      </c>
      <c r="X41" s="116">
        <v>476780</v>
      </c>
      <c r="Y41" s="110">
        <v>0</v>
      </c>
      <c r="Z41" s="114">
        <v>0</v>
      </c>
      <c r="AA41" s="113">
        <v>0</v>
      </c>
      <c r="AB41" s="110">
        <v>0</v>
      </c>
      <c r="AC41" s="114">
        <v>63207</v>
      </c>
      <c r="AD41" s="114">
        <v>0</v>
      </c>
      <c r="AE41" s="114">
        <v>0</v>
      </c>
      <c r="AF41" s="114">
        <v>0</v>
      </c>
      <c r="AG41" s="114">
        <v>0</v>
      </c>
      <c r="AH41" s="113">
        <v>63207</v>
      </c>
      <c r="AI41" s="116">
        <v>63207</v>
      </c>
      <c r="AJ41" s="110">
        <v>0</v>
      </c>
      <c r="AK41" s="114">
        <v>0</v>
      </c>
      <c r="AL41" s="113">
        <v>0</v>
      </c>
      <c r="AM41" s="110">
        <v>0</v>
      </c>
      <c r="AN41" s="114">
        <v>0</v>
      </c>
      <c r="AO41" s="114">
        <v>0</v>
      </c>
      <c r="AP41" s="114">
        <v>0</v>
      </c>
      <c r="AQ41" s="114">
        <v>0</v>
      </c>
      <c r="AR41" s="114">
        <v>0</v>
      </c>
      <c r="AS41" s="113">
        <v>0</v>
      </c>
      <c r="AT41" s="116">
        <v>0</v>
      </c>
      <c r="AU41" s="110">
        <v>0</v>
      </c>
      <c r="AV41" s="114">
        <v>54973</v>
      </c>
      <c r="AW41" s="113">
        <v>54973</v>
      </c>
      <c r="AX41" s="110">
        <v>0</v>
      </c>
      <c r="AY41" s="114">
        <v>91427</v>
      </c>
      <c r="AZ41" s="114">
        <v>61984</v>
      </c>
      <c r="BA41" s="114">
        <v>60243</v>
      </c>
      <c r="BB41" s="114">
        <v>0</v>
      </c>
      <c r="BC41" s="114">
        <v>0</v>
      </c>
      <c r="BD41" s="113">
        <v>213654</v>
      </c>
      <c r="BE41" s="116">
        <v>268627</v>
      </c>
      <c r="BF41" s="110">
        <v>0</v>
      </c>
      <c r="BG41" s="114">
        <v>0</v>
      </c>
      <c r="BH41" s="112">
        <v>0</v>
      </c>
      <c r="BI41" s="111">
        <v>0</v>
      </c>
      <c r="BJ41" s="114">
        <v>53645</v>
      </c>
      <c r="BK41" s="114">
        <v>0</v>
      </c>
      <c r="BL41" s="114">
        <v>0</v>
      </c>
      <c r="BM41" s="114">
        <v>0</v>
      </c>
      <c r="BN41" s="114">
        <v>0</v>
      </c>
      <c r="BO41" s="113">
        <v>53645</v>
      </c>
      <c r="BP41" s="116">
        <v>53645</v>
      </c>
      <c r="BQ41" s="110">
        <v>0</v>
      </c>
      <c r="BR41" s="114">
        <v>0</v>
      </c>
      <c r="BS41" s="113">
        <v>0</v>
      </c>
      <c r="BT41" s="110">
        <v>0</v>
      </c>
      <c r="BU41" s="114">
        <v>2387</v>
      </c>
      <c r="BV41" s="114">
        <v>14686</v>
      </c>
      <c r="BW41" s="114">
        <v>34692</v>
      </c>
      <c r="BX41" s="114">
        <v>39536</v>
      </c>
      <c r="BY41" s="114">
        <v>0</v>
      </c>
      <c r="BZ41" s="113">
        <v>91301</v>
      </c>
      <c r="CA41" s="116">
        <v>91301</v>
      </c>
      <c r="CB41" s="110">
        <v>0</v>
      </c>
      <c r="CC41" s="114">
        <v>0</v>
      </c>
      <c r="CD41" s="113">
        <v>0</v>
      </c>
      <c r="CE41" s="110">
        <v>0</v>
      </c>
      <c r="CF41" s="114">
        <v>132148</v>
      </c>
      <c r="CG41" s="114">
        <v>93213</v>
      </c>
      <c r="CH41" s="114">
        <v>108557</v>
      </c>
      <c r="CI41" s="114">
        <v>101661</v>
      </c>
      <c r="CJ41" s="114">
        <v>52185</v>
      </c>
      <c r="CK41" s="113">
        <v>487764</v>
      </c>
      <c r="CL41" s="116">
        <v>487764</v>
      </c>
      <c r="CM41" s="110">
        <v>0</v>
      </c>
      <c r="CN41" s="114">
        <v>0</v>
      </c>
      <c r="CO41" s="113">
        <v>0</v>
      </c>
      <c r="CP41" s="111">
        <v>0</v>
      </c>
      <c r="CQ41" s="114">
        <v>60428</v>
      </c>
      <c r="CR41" s="114">
        <v>93213</v>
      </c>
      <c r="CS41" s="114">
        <v>108557</v>
      </c>
      <c r="CT41" s="114">
        <v>101661</v>
      </c>
      <c r="CU41" s="114">
        <v>52185</v>
      </c>
      <c r="CV41" s="113">
        <v>416044</v>
      </c>
      <c r="CW41" s="116">
        <v>416044</v>
      </c>
      <c r="CX41" s="110">
        <v>0</v>
      </c>
      <c r="CY41" s="114">
        <v>0</v>
      </c>
      <c r="CZ41" s="113">
        <v>0</v>
      </c>
      <c r="DA41" s="110">
        <v>0</v>
      </c>
      <c r="DB41" s="114">
        <v>71720</v>
      </c>
      <c r="DC41" s="114">
        <v>0</v>
      </c>
      <c r="DD41" s="114">
        <v>0</v>
      </c>
      <c r="DE41" s="114">
        <v>0</v>
      </c>
      <c r="DF41" s="114">
        <v>0</v>
      </c>
      <c r="DG41" s="113">
        <v>71720</v>
      </c>
      <c r="DH41" s="116">
        <v>71720</v>
      </c>
      <c r="DI41" s="110">
        <v>0</v>
      </c>
      <c r="DJ41" s="114">
        <v>0</v>
      </c>
      <c r="DK41" s="112">
        <v>0</v>
      </c>
      <c r="DL41" s="111">
        <v>0</v>
      </c>
      <c r="DM41" s="114">
        <v>59126</v>
      </c>
      <c r="DN41" s="114">
        <v>122598</v>
      </c>
      <c r="DO41" s="114">
        <v>0</v>
      </c>
      <c r="DP41" s="114">
        <v>6646</v>
      </c>
      <c r="DQ41" s="114">
        <v>0</v>
      </c>
      <c r="DR41" s="113">
        <v>188370</v>
      </c>
      <c r="DS41" s="116">
        <v>188370</v>
      </c>
      <c r="DT41" s="110">
        <v>0</v>
      </c>
      <c r="DU41" s="114">
        <v>0</v>
      </c>
      <c r="DV41" s="113">
        <v>0</v>
      </c>
      <c r="DW41" s="110">
        <v>0</v>
      </c>
      <c r="DX41" s="114">
        <v>0</v>
      </c>
      <c r="DY41" s="114">
        <v>122598</v>
      </c>
      <c r="DZ41" s="114">
        <v>0</v>
      </c>
      <c r="EA41" s="114">
        <v>6646</v>
      </c>
      <c r="EB41" s="114">
        <v>0</v>
      </c>
      <c r="EC41" s="113">
        <v>129244</v>
      </c>
      <c r="ED41" s="116">
        <v>129244</v>
      </c>
      <c r="EE41" s="110">
        <v>0</v>
      </c>
      <c r="EF41" s="112">
        <v>0</v>
      </c>
      <c r="EG41" s="113">
        <v>0</v>
      </c>
      <c r="EH41" s="110">
        <v>0</v>
      </c>
      <c r="EI41" s="114">
        <v>59126</v>
      </c>
      <c r="EJ41" s="114">
        <v>0</v>
      </c>
      <c r="EK41" s="114">
        <v>0</v>
      </c>
      <c r="EL41" s="114">
        <v>0</v>
      </c>
      <c r="EM41" s="114">
        <v>0</v>
      </c>
      <c r="EN41" s="112">
        <v>59126</v>
      </c>
      <c r="EO41" s="116">
        <v>59126</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1400</v>
      </c>
      <c r="FN41" s="113">
        <v>1400</v>
      </c>
      <c r="FO41" s="110">
        <v>0</v>
      </c>
      <c r="FP41" s="114">
        <v>46830</v>
      </c>
      <c r="FQ41" s="114">
        <v>11235</v>
      </c>
      <c r="FR41" s="114">
        <v>51730</v>
      </c>
      <c r="FS41" s="114">
        <v>8050</v>
      </c>
      <c r="FT41" s="114">
        <v>88816</v>
      </c>
      <c r="FU41" s="113">
        <v>206661</v>
      </c>
      <c r="FV41" s="116">
        <v>208061</v>
      </c>
      <c r="FW41" s="115">
        <v>0</v>
      </c>
      <c r="FX41" s="114">
        <v>1400</v>
      </c>
      <c r="FY41" s="112">
        <v>1400</v>
      </c>
      <c r="FZ41" s="111">
        <v>0</v>
      </c>
      <c r="GA41" s="114">
        <v>46830</v>
      </c>
      <c r="GB41" s="114">
        <v>11235</v>
      </c>
      <c r="GC41" s="114">
        <v>51730</v>
      </c>
      <c r="GD41" s="114">
        <v>8050</v>
      </c>
      <c r="GE41" s="114">
        <v>19516</v>
      </c>
      <c r="GF41" s="113">
        <v>137361</v>
      </c>
      <c r="GG41" s="318">
        <v>138761</v>
      </c>
      <c r="GH41" s="115">
        <v>0</v>
      </c>
      <c r="GI41" s="114">
        <v>0</v>
      </c>
      <c r="GJ41" s="112">
        <v>0</v>
      </c>
      <c r="GK41" s="111">
        <v>0</v>
      </c>
      <c r="GL41" s="114">
        <v>0</v>
      </c>
      <c r="GM41" s="114">
        <v>0</v>
      </c>
      <c r="GN41" s="114">
        <v>0</v>
      </c>
      <c r="GO41" s="114">
        <v>0</v>
      </c>
      <c r="GP41" s="114">
        <v>69300</v>
      </c>
      <c r="GQ41" s="113">
        <v>69300</v>
      </c>
      <c r="GR41" s="116">
        <v>6930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302094</v>
      </c>
      <c r="HJ41" s="114">
        <v>168121</v>
      </c>
      <c r="HK41" s="114">
        <v>375498</v>
      </c>
      <c r="HL41" s="114">
        <v>0</v>
      </c>
      <c r="HM41" s="113">
        <v>845713</v>
      </c>
      <c r="HN41" s="109">
        <v>845713</v>
      </c>
      <c r="HO41" s="328"/>
      <c r="HP41" s="329"/>
      <c r="HQ41" s="330"/>
      <c r="HR41" s="331"/>
      <c r="HS41" s="329"/>
      <c r="HT41" s="329"/>
      <c r="HU41" s="329"/>
      <c r="HV41" s="329"/>
      <c r="HW41" s="329"/>
      <c r="HX41" s="332"/>
      <c r="HY41" s="333"/>
      <c r="HZ41" s="131">
        <v>0</v>
      </c>
      <c r="IA41" s="132">
        <v>0</v>
      </c>
      <c r="IB41" s="133">
        <v>0</v>
      </c>
      <c r="IC41" s="146">
        <v>0</v>
      </c>
      <c r="ID41" s="132">
        <v>140358</v>
      </c>
      <c r="IE41" s="147">
        <v>0</v>
      </c>
      <c r="IF41" s="133">
        <v>218579</v>
      </c>
      <c r="IG41" s="132">
        <v>542127</v>
      </c>
      <c r="IH41" s="133">
        <v>0</v>
      </c>
      <c r="II41" s="148">
        <v>901064</v>
      </c>
      <c r="IJ41" s="139">
        <v>901064</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42433</v>
      </c>
      <c r="JL41" s="119">
        <v>0</v>
      </c>
      <c r="JM41" s="119">
        <v>0</v>
      </c>
      <c r="JN41" s="119">
        <v>319437</v>
      </c>
      <c r="JO41" s="119">
        <v>0</v>
      </c>
      <c r="JP41" s="120">
        <v>361870</v>
      </c>
      <c r="JQ41" s="320">
        <v>361870</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97925</v>
      </c>
      <c r="KH41" s="119">
        <v>0</v>
      </c>
      <c r="KI41" s="119">
        <v>0</v>
      </c>
      <c r="KJ41" s="119">
        <v>0</v>
      </c>
      <c r="KK41" s="119">
        <v>0</v>
      </c>
      <c r="KL41" s="120">
        <v>97925</v>
      </c>
      <c r="KM41" s="143">
        <v>97925</v>
      </c>
      <c r="KN41" s="232">
        <v>0</v>
      </c>
      <c r="KO41" s="236">
        <v>0</v>
      </c>
      <c r="KP41" s="237">
        <v>0</v>
      </c>
      <c r="KQ41" s="140"/>
      <c r="KR41" s="119">
        <v>0</v>
      </c>
      <c r="KS41" s="119">
        <v>0</v>
      </c>
      <c r="KT41" s="119">
        <v>218579</v>
      </c>
      <c r="KU41" s="119">
        <v>222690</v>
      </c>
      <c r="KV41" s="119">
        <v>0</v>
      </c>
      <c r="KW41" s="120">
        <v>441269</v>
      </c>
      <c r="KX41" s="320">
        <v>441269</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393268</v>
      </c>
      <c r="MK41" s="119">
        <v>0</v>
      </c>
      <c r="ML41" s="119">
        <v>442763</v>
      </c>
      <c r="MM41" s="119">
        <v>665495</v>
      </c>
      <c r="MN41" s="119">
        <v>499730</v>
      </c>
      <c r="MO41" s="120">
        <v>2001256</v>
      </c>
      <c r="MP41" s="143">
        <v>2001256</v>
      </c>
      <c r="MQ41" s="142">
        <v>0</v>
      </c>
      <c r="MR41" s="119">
        <v>0</v>
      </c>
      <c r="MS41" s="120">
        <v>0</v>
      </c>
      <c r="MT41" s="145"/>
      <c r="MU41" s="119">
        <v>0</v>
      </c>
      <c r="MV41" s="119">
        <v>0</v>
      </c>
      <c r="MW41" s="119">
        <v>0</v>
      </c>
      <c r="MX41" s="119">
        <v>421321</v>
      </c>
      <c r="MY41" s="119">
        <v>499730</v>
      </c>
      <c r="MZ41" s="120">
        <v>921051</v>
      </c>
      <c r="NA41" s="143">
        <v>921051</v>
      </c>
      <c r="NB41" s="142">
        <v>0</v>
      </c>
      <c r="NC41" s="119">
        <v>0</v>
      </c>
      <c r="ND41" s="120">
        <v>0</v>
      </c>
      <c r="NE41" s="145"/>
      <c r="NF41" s="119">
        <v>393268</v>
      </c>
      <c r="NG41" s="119">
        <v>0</v>
      </c>
      <c r="NH41" s="119">
        <v>442763</v>
      </c>
      <c r="NI41" s="119">
        <v>244174</v>
      </c>
      <c r="NJ41" s="119">
        <v>0</v>
      </c>
      <c r="NK41" s="120">
        <v>1080205</v>
      </c>
      <c r="NL41" s="320">
        <v>1080205</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56373</v>
      </c>
      <c r="OK41" s="141">
        <v>56373</v>
      </c>
      <c r="OL41" s="118">
        <v>0</v>
      </c>
      <c r="OM41" s="119">
        <v>982396</v>
      </c>
      <c r="ON41" s="119">
        <v>605810</v>
      </c>
      <c r="OO41" s="119">
        <v>1084685</v>
      </c>
      <c r="OP41" s="119">
        <v>1739013</v>
      </c>
      <c r="OQ41" s="119">
        <v>640731</v>
      </c>
      <c r="OR41" s="120">
        <v>5052635</v>
      </c>
      <c r="OS41" s="143">
        <v>5109008</v>
      </c>
    </row>
    <row r="42" spans="2:409" ht="20.25" customHeight="1" thickBot="1" x14ac:dyDescent="0.25">
      <c r="B42" s="127" t="s">
        <v>37</v>
      </c>
      <c r="C42" s="117">
        <v>0</v>
      </c>
      <c r="D42" s="178">
        <v>32648</v>
      </c>
      <c r="E42" s="179">
        <v>32648</v>
      </c>
      <c r="F42" s="180">
        <v>0</v>
      </c>
      <c r="G42" s="178">
        <v>0</v>
      </c>
      <c r="H42" s="178">
        <v>0</v>
      </c>
      <c r="I42" s="178">
        <v>0</v>
      </c>
      <c r="J42" s="178">
        <v>191949</v>
      </c>
      <c r="K42" s="178">
        <v>116926</v>
      </c>
      <c r="L42" s="180">
        <v>308875</v>
      </c>
      <c r="M42" s="181">
        <v>341523</v>
      </c>
      <c r="N42" s="117">
        <v>0</v>
      </c>
      <c r="O42" s="178">
        <v>0</v>
      </c>
      <c r="P42" s="179">
        <v>0</v>
      </c>
      <c r="Q42" s="117">
        <v>0</v>
      </c>
      <c r="R42" s="178">
        <v>0</v>
      </c>
      <c r="S42" s="178">
        <v>0</v>
      </c>
      <c r="T42" s="178">
        <v>0</v>
      </c>
      <c r="U42" s="178">
        <v>8400</v>
      </c>
      <c r="V42" s="178">
        <v>68395</v>
      </c>
      <c r="W42" s="179">
        <v>76795</v>
      </c>
      <c r="X42" s="181">
        <v>76795</v>
      </c>
      <c r="Y42" s="117">
        <v>0</v>
      </c>
      <c r="Z42" s="178">
        <v>0</v>
      </c>
      <c r="AA42" s="179">
        <v>0</v>
      </c>
      <c r="AB42" s="117">
        <v>0</v>
      </c>
      <c r="AC42" s="178">
        <v>0</v>
      </c>
      <c r="AD42" s="178">
        <v>0</v>
      </c>
      <c r="AE42" s="178">
        <v>0</v>
      </c>
      <c r="AF42" s="178">
        <v>0</v>
      </c>
      <c r="AG42" s="178">
        <v>41179</v>
      </c>
      <c r="AH42" s="179">
        <v>41179</v>
      </c>
      <c r="AI42" s="181">
        <v>41179</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23044</v>
      </c>
      <c r="BD42" s="179">
        <v>23044</v>
      </c>
      <c r="BE42" s="181">
        <v>23044</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4172</v>
      </c>
      <c r="BZ42" s="179">
        <v>12572</v>
      </c>
      <c r="CA42" s="181">
        <v>12572</v>
      </c>
      <c r="CB42" s="117">
        <v>0</v>
      </c>
      <c r="CC42" s="178">
        <v>32648</v>
      </c>
      <c r="CD42" s="179">
        <v>32648</v>
      </c>
      <c r="CE42" s="117">
        <v>0</v>
      </c>
      <c r="CF42" s="178">
        <v>0</v>
      </c>
      <c r="CG42" s="178">
        <v>0</v>
      </c>
      <c r="CH42" s="178">
        <v>0</v>
      </c>
      <c r="CI42" s="178">
        <v>0</v>
      </c>
      <c r="CJ42" s="178">
        <v>0</v>
      </c>
      <c r="CK42" s="179">
        <v>0</v>
      </c>
      <c r="CL42" s="181">
        <v>32648</v>
      </c>
      <c r="CM42" s="117">
        <v>0</v>
      </c>
      <c r="CN42" s="178">
        <v>0</v>
      </c>
      <c r="CO42" s="179">
        <v>0</v>
      </c>
      <c r="CP42" s="182">
        <v>0</v>
      </c>
      <c r="CQ42" s="178">
        <v>0</v>
      </c>
      <c r="CR42" s="178">
        <v>0</v>
      </c>
      <c r="CS42" s="178">
        <v>0</v>
      </c>
      <c r="CT42" s="178">
        <v>0</v>
      </c>
      <c r="CU42" s="178">
        <v>0</v>
      </c>
      <c r="CV42" s="179">
        <v>0</v>
      </c>
      <c r="CW42" s="181">
        <v>0</v>
      </c>
      <c r="CX42" s="117">
        <v>0</v>
      </c>
      <c r="CY42" s="178">
        <v>32648</v>
      </c>
      <c r="CZ42" s="179">
        <v>32648</v>
      </c>
      <c r="DA42" s="117">
        <v>0</v>
      </c>
      <c r="DB42" s="178">
        <v>0</v>
      </c>
      <c r="DC42" s="178">
        <v>0</v>
      </c>
      <c r="DD42" s="178">
        <v>0</v>
      </c>
      <c r="DE42" s="178">
        <v>0</v>
      </c>
      <c r="DF42" s="178">
        <v>0</v>
      </c>
      <c r="DG42" s="179">
        <v>0</v>
      </c>
      <c r="DH42" s="181">
        <v>32648</v>
      </c>
      <c r="DI42" s="117">
        <v>0</v>
      </c>
      <c r="DJ42" s="178">
        <v>0</v>
      </c>
      <c r="DK42" s="183">
        <v>0</v>
      </c>
      <c r="DL42" s="182">
        <v>0</v>
      </c>
      <c r="DM42" s="178">
        <v>0</v>
      </c>
      <c r="DN42" s="178">
        <v>0</v>
      </c>
      <c r="DO42" s="178">
        <v>0</v>
      </c>
      <c r="DP42" s="178">
        <v>0</v>
      </c>
      <c r="DQ42" s="178">
        <v>17871</v>
      </c>
      <c r="DR42" s="179">
        <v>17871</v>
      </c>
      <c r="DS42" s="181">
        <v>17871</v>
      </c>
      <c r="DT42" s="117">
        <v>0</v>
      </c>
      <c r="DU42" s="178">
        <v>0</v>
      </c>
      <c r="DV42" s="179">
        <v>0</v>
      </c>
      <c r="DW42" s="117">
        <v>0</v>
      </c>
      <c r="DX42" s="178">
        <v>0</v>
      </c>
      <c r="DY42" s="178">
        <v>0</v>
      </c>
      <c r="DZ42" s="178">
        <v>0</v>
      </c>
      <c r="EA42" s="178">
        <v>0</v>
      </c>
      <c r="EB42" s="178">
        <v>17871</v>
      </c>
      <c r="EC42" s="179">
        <v>17871</v>
      </c>
      <c r="ED42" s="181">
        <v>17871</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0660</v>
      </c>
      <c r="FU42" s="179">
        <v>30660</v>
      </c>
      <c r="FV42" s="181">
        <v>30660</v>
      </c>
      <c r="FW42" s="184">
        <v>0</v>
      </c>
      <c r="FX42" s="178">
        <v>0</v>
      </c>
      <c r="FY42" s="183">
        <v>0</v>
      </c>
      <c r="FZ42" s="182">
        <v>0</v>
      </c>
      <c r="GA42" s="178">
        <v>0</v>
      </c>
      <c r="GB42" s="178">
        <v>0</v>
      </c>
      <c r="GC42" s="178">
        <v>0</v>
      </c>
      <c r="GD42" s="178">
        <v>0</v>
      </c>
      <c r="GE42" s="178">
        <v>30660</v>
      </c>
      <c r="GF42" s="179">
        <v>30660</v>
      </c>
      <c r="GG42" s="319">
        <v>306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3549</v>
      </c>
      <c r="HL42" s="178">
        <v>0</v>
      </c>
      <c r="HM42" s="179">
        <v>183549</v>
      </c>
      <c r="HN42" s="180">
        <v>183549</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39654</v>
      </c>
      <c r="II42" s="158">
        <v>39654</v>
      </c>
      <c r="IJ42" s="159">
        <v>39654</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39654</v>
      </c>
      <c r="JP42" s="165">
        <v>39654</v>
      </c>
      <c r="JQ42" s="321">
        <v>39654</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14888</v>
      </c>
      <c r="MM42" s="161">
        <v>0</v>
      </c>
      <c r="MN42" s="161">
        <v>335694</v>
      </c>
      <c r="MO42" s="165">
        <v>350582</v>
      </c>
      <c r="MP42" s="167">
        <v>350582</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14888</v>
      </c>
      <c r="NI42" s="161">
        <v>0</v>
      </c>
      <c r="NJ42" s="161">
        <v>0</v>
      </c>
      <c r="NK42" s="165">
        <v>14888</v>
      </c>
      <c r="NL42" s="321">
        <v>14888</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335694</v>
      </c>
      <c r="OG42" s="165">
        <v>335694</v>
      </c>
      <c r="OH42" s="166">
        <v>335694</v>
      </c>
      <c r="OI42" s="163">
        <v>0</v>
      </c>
      <c r="OJ42" s="161">
        <v>32648</v>
      </c>
      <c r="OK42" s="162">
        <v>32648</v>
      </c>
      <c r="OL42" s="164">
        <v>0</v>
      </c>
      <c r="OM42" s="161">
        <v>0</v>
      </c>
      <c r="ON42" s="161">
        <v>0</v>
      </c>
      <c r="OO42" s="161">
        <v>14888</v>
      </c>
      <c r="OP42" s="161">
        <v>191949</v>
      </c>
      <c r="OQ42" s="161">
        <v>492274</v>
      </c>
      <c r="OR42" s="165">
        <v>699111</v>
      </c>
      <c r="OS42" s="167">
        <v>731759</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AT7:AT8"/>
    <mergeCell ref="AU7:AW7"/>
    <mergeCell ref="AX7:BD7"/>
    <mergeCell ref="BE7:BE8"/>
    <mergeCell ref="BF7:BH7"/>
    <mergeCell ref="BI7:BO7"/>
    <mergeCell ref="DH7:DH8"/>
    <mergeCell ref="G1:H1"/>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2.5546875" style="291" customWidth="1"/>
    <col min="2" max="2" width="9" style="291" customWidth="1"/>
    <col min="3" max="4" width="9.21875" style="291" bestFit="1" customWidth="1"/>
    <col min="5" max="5" width="10.77734375" style="291" bestFit="1" customWidth="1"/>
    <col min="6" max="6" width="8.109375" style="291" customWidth="1"/>
    <col min="7" max="11" width="10.44140625" style="291" bestFit="1" customWidth="1"/>
    <col min="12" max="13" width="11.6640625" style="291" bestFit="1" customWidth="1"/>
    <col min="14" max="16" width="9.21875" style="291" bestFit="1" customWidth="1"/>
    <col min="17" max="17" width="7.44140625" style="291" customWidth="1"/>
    <col min="18" max="18" width="9.21875" style="291" bestFit="1" customWidth="1"/>
    <col min="19" max="22" width="10.44140625" style="291" bestFit="1" customWidth="1"/>
    <col min="23" max="24" width="11.6640625" style="291" bestFit="1" customWidth="1"/>
    <col min="25" max="27" width="9.109375" style="291" bestFit="1" customWidth="1"/>
    <col min="28" max="28" width="7" style="291" customWidth="1"/>
    <col min="29" max="30" width="9.109375" style="291" bestFit="1" customWidth="1"/>
    <col min="31" max="32" width="9.6640625" style="291" bestFit="1" customWidth="1"/>
    <col min="33" max="33" width="9.109375" style="291" bestFit="1" customWidth="1"/>
    <col min="34" max="35" width="9.6640625" style="291" bestFit="1" customWidth="1"/>
    <col min="36" max="38" width="9.109375" style="291" bestFit="1" customWidth="1"/>
    <col min="39" max="39" width="7.33203125" style="291" customWidth="1"/>
    <col min="40" max="49" width="9.109375" style="291" bestFit="1" customWidth="1"/>
    <col min="50" max="50" width="7.33203125" style="291" customWidth="1"/>
    <col min="51" max="60" width="9.109375" style="291" bestFit="1" customWidth="1"/>
    <col min="61" max="61" width="7.77734375" style="291" customWidth="1"/>
    <col min="62" max="71" width="9.109375" style="291" bestFit="1" customWidth="1"/>
    <col min="72" max="72" width="7.77734375" style="291" customWidth="1"/>
    <col min="73" max="77" width="9.109375" style="291" bestFit="1" customWidth="1"/>
    <col min="78" max="79" width="9.6640625" style="291" bestFit="1" customWidth="1"/>
    <col min="80" max="82" width="9.109375" style="291" bestFit="1" customWidth="1"/>
    <col min="83" max="83" width="7.88671875" style="291" customWidth="1"/>
    <col min="84" max="93" width="9.109375" style="291" bestFit="1" customWidth="1"/>
    <col min="94" max="94" width="8" style="291" customWidth="1"/>
    <col min="95" max="104" width="9.109375" style="291" bestFit="1" customWidth="1"/>
    <col min="105" max="105" width="8" style="291" customWidth="1"/>
    <col min="106" max="115" width="9.109375" style="291" bestFit="1" customWidth="1"/>
    <col min="116" max="116" width="7.6640625" style="291" customWidth="1"/>
    <col min="117" max="117" width="9.109375" style="291" bestFit="1" customWidth="1"/>
    <col min="118" max="121" width="9.6640625" style="291" bestFit="1" customWidth="1"/>
    <col min="122" max="123" width="10.6640625" style="291" bestFit="1" customWidth="1"/>
    <col min="124" max="126" width="9.109375" style="291" bestFit="1" customWidth="1"/>
    <col min="127" max="127" width="7.44140625" style="291" customWidth="1"/>
    <col min="128" max="129" width="9.109375" style="291" bestFit="1" customWidth="1"/>
    <col min="130" max="134" width="9.6640625" style="291" bestFit="1" customWidth="1"/>
    <col min="135" max="137" width="9.109375" style="291" bestFit="1" customWidth="1"/>
    <col min="138" max="138" width="7.6640625" style="291" customWidth="1"/>
    <col min="139" max="148" width="9.109375" style="291" bestFit="1" customWidth="1"/>
    <col min="149" max="149" width="7.77734375" style="291" customWidth="1"/>
    <col min="150" max="159" width="9.109375" style="291" bestFit="1" customWidth="1"/>
    <col min="160" max="160" width="7.77734375" style="291" customWidth="1"/>
    <col min="161" max="170" width="9.109375" style="291" bestFit="1" customWidth="1"/>
    <col min="171" max="171" width="7.33203125" style="291" customWidth="1"/>
    <col min="172" max="181" width="9.109375" style="291" bestFit="1" customWidth="1"/>
    <col min="182" max="182" width="8" style="291" customWidth="1"/>
    <col min="183" max="188" width="9.109375" style="291" bestFit="1" customWidth="1"/>
    <col min="189" max="189" width="9.6640625" style="291" bestFit="1" customWidth="1"/>
    <col min="190" max="192" width="9.109375" style="291" bestFit="1" customWidth="1"/>
    <col min="193" max="193" width="7.44140625" style="291" customWidth="1"/>
    <col min="194" max="203" width="9.109375" style="291" bestFit="1" customWidth="1"/>
    <col min="204" max="204" width="7.88671875" style="291" customWidth="1"/>
    <col min="205" max="214" width="9.109375" style="291" bestFit="1" customWidth="1"/>
    <col min="215" max="215" width="7.88671875" style="291" customWidth="1"/>
    <col min="216" max="225" width="9.109375" style="291" bestFit="1" customWidth="1"/>
    <col min="226" max="226" width="7.6640625" style="291" customWidth="1"/>
    <col min="227" max="229" width="9.6640625" style="291" bestFit="1" customWidth="1"/>
    <col min="230" max="230" width="10.6640625" style="291" bestFit="1" customWidth="1"/>
    <col min="231" max="231" width="9.6640625" style="291" bestFit="1" customWidth="1"/>
    <col min="232" max="233" width="10.6640625" style="291" bestFit="1" customWidth="1"/>
    <col min="234" max="16384" width="9" style="291"/>
  </cols>
  <sheetData>
    <row r="1" spans="2:233" s="1" customFormat="1" ht="24" customHeight="1" x14ac:dyDescent="0.2">
      <c r="B1" s="20" t="s">
        <v>0</v>
      </c>
      <c r="C1" s="39"/>
      <c r="D1" s="39"/>
      <c r="E1" s="500">
        <f>第１表!F2</f>
        <v>4</v>
      </c>
      <c r="F1" s="501">
        <f>第１表!G2</f>
        <v>10</v>
      </c>
      <c r="G1" s="752">
        <f>IF(F1&lt;3,F1-2+12,F1-2)</f>
        <v>8</v>
      </c>
      <c r="H1" s="752"/>
      <c r="J1" s="39"/>
      <c r="K1" s="39"/>
      <c r="L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c r="EC1" s="39"/>
    </row>
    <row r="2" spans="2:233" ht="24" customHeight="1" thickBot="1" x14ac:dyDescent="0.25">
      <c r="B2" s="20" t="s">
        <v>120</v>
      </c>
    </row>
    <row r="3" spans="2:233" ht="19.5" customHeight="1" thickBot="1" x14ac:dyDescent="0.25">
      <c r="B3" s="753"/>
      <c r="C3" s="730" t="s">
        <v>116</v>
      </c>
      <c r="D3" s="731"/>
      <c r="E3" s="731"/>
      <c r="F3" s="731"/>
      <c r="G3" s="731"/>
      <c r="H3" s="731"/>
      <c r="I3" s="731"/>
      <c r="J3" s="731"/>
      <c r="K3" s="731"/>
      <c r="L3" s="731"/>
      <c r="M3" s="731"/>
      <c r="N3" s="521"/>
      <c r="O3" s="521"/>
      <c r="P3" s="521"/>
      <c r="Q3" s="521"/>
      <c r="R3" s="521"/>
      <c r="S3" s="521"/>
      <c r="T3" s="521"/>
      <c r="U3" s="521"/>
      <c r="V3" s="521"/>
      <c r="W3" s="521"/>
      <c r="X3" s="521"/>
      <c r="Y3" s="521"/>
      <c r="Z3" s="521"/>
      <c r="AA3" s="521"/>
      <c r="AB3" s="521"/>
      <c r="AC3" s="521"/>
      <c r="AD3" s="521"/>
      <c r="AE3" s="521"/>
      <c r="AF3" s="521"/>
      <c r="AG3" s="521"/>
      <c r="AH3" s="521"/>
      <c r="AI3" s="521"/>
      <c r="AJ3" s="521"/>
      <c r="AK3" s="521"/>
      <c r="AL3" s="521"/>
      <c r="AM3" s="521"/>
      <c r="AN3" s="521"/>
      <c r="AO3" s="521"/>
      <c r="AP3" s="521"/>
      <c r="AQ3" s="521"/>
      <c r="AR3" s="521"/>
      <c r="AS3" s="521"/>
      <c r="AT3" s="521"/>
      <c r="AU3" s="521"/>
      <c r="AV3" s="521"/>
      <c r="AW3" s="521"/>
      <c r="AX3" s="521"/>
      <c r="AY3" s="521"/>
      <c r="AZ3" s="521"/>
      <c r="BA3" s="521"/>
      <c r="BB3" s="521"/>
      <c r="BC3" s="521"/>
      <c r="BD3" s="521"/>
      <c r="BE3" s="521"/>
      <c r="BF3" s="521"/>
      <c r="BG3" s="521"/>
      <c r="BH3" s="521"/>
      <c r="BI3" s="521"/>
      <c r="BJ3" s="521"/>
      <c r="BK3" s="521"/>
      <c r="BL3" s="521"/>
      <c r="BM3" s="521"/>
      <c r="BN3" s="521"/>
      <c r="BO3" s="521"/>
      <c r="BP3" s="521"/>
      <c r="BQ3" s="521"/>
      <c r="BR3" s="521"/>
      <c r="BS3" s="521"/>
      <c r="BT3" s="521"/>
      <c r="BU3" s="521"/>
      <c r="BV3" s="521"/>
      <c r="BW3" s="521"/>
      <c r="BX3" s="521"/>
      <c r="BY3" s="521"/>
      <c r="BZ3" s="521"/>
      <c r="CA3" s="521"/>
      <c r="CB3" s="521"/>
      <c r="CC3" s="521"/>
      <c r="CD3" s="521"/>
      <c r="CE3" s="521"/>
      <c r="CF3" s="521"/>
      <c r="CG3" s="521"/>
      <c r="CH3" s="521"/>
      <c r="CI3" s="521"/>
      <c r="CJ3" s="521"/>
      <c r="CK3" s="521"/>
      <c r="CL3" s="521"/>
      <c r="CM3" s="521"/>
      <c r="CN3" s="521"/>
      <c r="CO3" s="521"/>
      <c r="CP3" s="521"/>
      <c r="CQ3" s="521"/>
      <c r="CR3" s="521"/>
      <c r="CS3" s="521"/>
      <c r="CT3" s="521"/>
      <c r="CU3" s="521"/>
      <c r="CV3" s="521"/>
      <c r="CW3" s="521"/>
      <c r="CX3" s="521"/>
      <c r="CY3" s="521"/>
      <c r="CZ3" s="521"/>
      <c r="DA3" s="521"/>
      <c r="DB3" s="521"/>
      <c r="DC3" s="521"/>
      <c r="DD3" s="521"/>
      <c r="DE3" s="521"/>
      <c r="DF3" s="521"/>
      <c r="DG3" s="521"/>
      <c r="DH3" s="522"/>
      <c r="DI3" s="730" t="s">
        <v>118</v>
      </c>
      <c r="DJ3" s="731"/>
      <c r="DK3" s="731"/>
      <c r="DL3" s="731"/>
      <c r="DM3" s="731"/>
      <c r="DN3" s="731"/>
      <c r="DO3" s="731"/>
      <c r="DP3" s="731"/>
      <c r="DQ3" s="731"/>
      <c r="DR3" s="731"/>
      <c r="DS3" s="731"/>
      <c r="DT3" s="731"/>
      <c r="DU3" s="731"/>
      <c r="DV3" s="731"/>
      <c r="DW3" s="731"/>
      <c r="DX3" s="731"/>
      <c r="DY3" s="731"/>
      <c r="DZ3" s="731"/>
      <c r="EA3" s="731"/>
      <c r="EB3" s="731"/>
      <c r="EC3" s="731"/>
      <c r="ED3" s="731"/>
      <c r="EE3" s="731"/>
      <c r="EF3" s="731"/>
      <c r="EG3" s="731"/>
      <c r="EH3" s="731"/>
      <c r="EI3" s="731"/>
      <c r="EJ3" s="731"/>
      <c r="EK3" s="731"/>
      <c r="EL3" s="731"/>
      <c r="EM3" s="731"/>
      <c r="EN3" s="731"/>
      <c r="EO3" s="731"/>
      <c r="EP3" s="731"/>
      <c r="EQ3" s="731"/>
      <c r="ER3" s="731"/>
      <c r="ES3" s="731"/>
      <c r="ET3" s="731"/>
      <c r="EU3" s="731"/>
      <c r="EV3" s="731"/>
      <c r="EW3" s="731"/>
      <c r="EX3" s="731"/>
      <c r="EY3" s="731"/>
      <c r="EZ3" s="731"/>
      <c r="FA3" s="731"/>
      <c r="FB3" s="731"/>
      <c r="FC3" s="731"/>
      <c r="FD3" s="731"/>
      <c r="FE3" s="731"/>
      <c r="FF3" s="731"/>
      <c r="FG3" s="731"/>
      <c r="FH3" s="731"/>
      <c r="FI3" s="731"/>
      <c r="FJ3" s="731"/>
      <c r="FK3" s="731"/>
      <c r="FL3" s="731"/>
      <c r="FM3" s="731"/>
      <c r="FN3" s="731"/>
      <c r="FO3" s="731"/>
      <c r="FP3" s="731"/>
      <c r="FQ3" s="731"/>
      <c r="FR3" s="731"/>
      <c r="FS3" s="731"/>
      <c r="FT3" s="731"/>
      <c r="FU3" s="731"/>
      <c r="FV3" s="731"/>
      <c r="FW3" s="731"/>
      <c r="FX3" s="731"/>
      <c r="FY3" s="731"/>
      <c r="FZ3" s="731"/>
      <c r="GA3" s="731"/>
      <c r="GB3" s="731"/>
      <c r="GC3" s="731"/>
      <c r="GD3" s="731"/>
      <c r="GE3" s="731"/>
      <c r="GF3" s="731"/>
      <c r="GG3" s="731"/>
      <c r="GH3" s="731"/>
      <c r="GI3" s="731"/>
      <c r="GJ3" s="731"/>
      <c r="GK3" s="731"/>
      <c r="GL3" s="731"/>
      <c r="GM3" s="731"/>
      <c r="GN3" s="731"/>
      <c r="GO3" s="731"/>
      <c r="GP3" s="731"/>
      <c r="GQ3" s="731"/>
      <c r="GR3" s="731"/>
      <c r="GS3" s="731"/>
      <c r="GT3" s="731"/>
      <c r="GU3" s="731"/>
      <c r="GV3" s="731"/>
      <c r="GW3" s="731"/>
      <c r="GX3" s="731"/>
      <c r="GY3" s="731"/>
      <c r="GZ3" s="731"/>
      <c r="HA3" s="731"/>
      <c r="HB3" s="731"/>
      <c r="HC3" s="731"/>
      <c r="HD3" s="731"/>
      <c r="HE3" s="731"/>
      <c r="HF3" s="731"/>
      <c r="HG3" s="731"/>
      <c r="HH3" s="731"/>
      <c r="HI3" s="731"/>
      <c r="HJ3" s="731"/>
      <c r="HK3" s="731"/>
      <c r="HL3" s="731"/>
      <c r="HM3" s="731"/>
      <c r="HN3" s="732"/>
      <c r="HO3" s="733" t="s">
        <v>60</v>
      </c>
      <c r="HP3" s="734"/>
      <c r="HQ3" s="734"/>
      <c r="HR3" s="734"/>
      <c r="HS3" s="734"/>
      <c r="HT3" s="734"/>
      <c r="HU3" s="734"/>
      <c r="HV3" s="734"/>
      <c r="HW3" s="734"/>
      <c r="HX3" s="734"/>
      <c r="HY3" s="735"/>
    </row>
    <row r="4" spans="2:233" ht="19.5" customHeight="1" thickBot="1" x14ac:dyDescent="0.25">
      <c r="B4" s="754"/>
      <c r="C4" s="739"/>
      <c r="D4" s="740"/>
      <c r="E4" s="740"/>
      <c r="F4" s="740"/>
      <c r="G4" s="740"/>
      <c r="H4" s="740"/>
      <c r="I4" s="740"/>
      <c r="J4" s="740"/>
      <c r="K4" s="740"/>
      <c r="L4" s="740"/>
      <c r="M4" s="742"/>
      <c r="N4" s="727" t="s">
        <v>57</v>
      </c>
      <c r="O4" s="728"/>
      <c r="P4" s="728"/>
      <c r="Q4" s="728"/>
      <c r="R4" s="728"/>
      <c r="S4" s="728"/>
      <c r="T4" s="728"/>
      <c r="U4" s="728"/>
      <c r="V4" s="728"/>
      <c r="W4" s="728"/>
      <c r="X4" s="729"/>
      <c r="Y4" s="727" t="s">
        <v>58</v>
      </c>
      <c r="Z4" s="728"/>
      <c r="AA4" s="728"/>
      <c r="AB4" s="728"/>
      <c r="AC4" s="728"/>
      <c r="AD4" s="728"/>
      <c r="AE4" s="728"/>
      <c r="AF4" s="728"/>
      <c r="AG4" s="728"/>
      <c r="AH4" s="728"/>
      <c r="AI4" s="729"/>
      <c r="AJ4" s="727" t="s">
        <v>59</v>
      </c>
      <c r="AK4" s="728"/>
      <c r="AL4" s="728"/>
      <c r="AM4" s="728"/>
      <c r="AN4" s="728"/>
      <c r="AO4" s="728"/>
      <c r="AP4" s="728"/>
      <c r="AQ4" s="728"/>
      <c r="AR4" s="728"/>
      <c r="AS4" s="728"/>
      <c r="AT4" s="729"/>
      <c r="AU4" s="727" t="s">
        <v>151</v>
      </c>
      <c r="AV4" s="728"/>
      <c r="AW4" s="728"/>
      <c r="AX4" s="728"/>
      <c r="AY4" s="728"/>
      <c r="AZ4" s="728"/>
      <c r="BA4" s="728"/>
      <c r="BB4" s="728"/>
      <c r="BC4" s="728"/>
      <c r="BD4" s="728"/>
      <c r="BE4" s="729"/>
      <c r="BF4" s="727" t="s">
        <v>117</v>
      </c>
      <c r="BG4" s="728"/>
      <c r="BH4" s="728"/>
      <c r="BI4" s="728"/>
      <c r="BJ4" s="728"/>
      <c r="BK4" s="728"/>
      <c r="BL4" s="728"/>
      <c r="BM4" s="728"/>
      <c r="BN4" s="728"/>
      <c r="BO4" s="728"/>
      <c r="BP4" s="729"/>
      <c r="BQ4" s="727" t="s">
        <v>77</v>
      </c>
      <c r="BR4" s="728"/>
      <c r="BS4" s="728"/>
      <c r="BT4" s="728"/>
      <c r="BU4" s="728"/>
      <c r="BV4" s="728"/>
      <c r="BW4" s="728"/>
      <c r="BX4" s="728"/>
      <c r="BY4" s="728"/>
      <c r="BZ4" s="728"/>
      <c r="CA4" s="729"/>
      <c r="CB4" s="727" t="s">
        <v>78</v>
      </c>
      <c r="CC4" s="728"/>
      <c r="CD4" s="728"/>
      <c r="CE4" s="728"/>
      <c r="CF4" s="728"/>
      <c r="CG4" s="728"/>
      <c r="CH4" s="728"/>
      <c r="CI4" s="728"/>
      <c r="CJ4" s="728"/>
      <c r="CK4" s="728"/>
      <c r="CL4" s="729"/>
      <c r="CM4" s="727" t="s">
        <v>79</v>
      </c>
      <c r="CN4" s="728"/>
      <c r="CO4" s="728"/>
      <c r="CP4" s="728"/>
      <c r="CQ4" s="728"/>
      <c r="CR4" s="728"/>
      <c r="CS4" s="728"/>
      <c r="CT4" s="728"/>
      <c r="CU4" s="728"/>
      <c r="CV4" s="728"/>
      <c r="CW4" s="729"/>
      <c r="CX4" s="727" t="s">
        <v>152</v>
      </c>
      <c r="CY4" s="728"/>
      <c r="CZ4" s="728"/>
      <c r="DA4" s="728"/>
      <c r="DB4" s="728"/>
      <c r="DC4" s="728"/>
      <c r="DD4" s="728"/>
      <c r="DE4" s="728"/>
      <c r="DF4" s="728"/>
      <c r="DG4" s="728"/>
      <c r="DH4" s="729"/>
      <c r="DI4" s="739"/>
      <c r="DJ4" s="740"/>
      <c r="DK4" s="740"/>
      <c r="DL4" s="740"/>
      <c r="DM4" s="740"/>
      <c r="DN4" s="740"/>
      <c r="DO4" s="740"/>
      <c r="DP4" s="740"/>
      <c r="DQ4" s="740"/>
      <c r="DR4" s="740"/>
      <c r="DS4" s="741"/>
      <c r="DT4" s="727" t="s">
        <v>57</v>
      </c>
      <c r="DU4" s="728"/>
      <c r="DV4" s="728"/>
      <c r="DW4" s="728"/>
      <c r="DX4" s="728"/>
      <c r="DY4" s="728"/>
      <c r="DZ4" s="728"/>
      <c r="EA4" s="728"/>
      <c r="EB4" s="728"/>
      <c r="EC4" s="728"/>
      <c r="ED4" s="729"/>
      <c r="EE4" s="727" t="s">
        <v>58</v>
      </c>
      <c r="EF4" s="728"/>
      <c r="EG4" s="728"/>
      <c r="EH4" s="728"/>
      <c r="EI4" s="728"/>
      <c r="EJ4" s="728"/>
      <c r="EK4" s="728"/>
      <c r="EL4" s="728"/>
      <c r="EM4" s="728"/>
      <c r="EN4" s="728"/>
      <c r="EO4" s="729"/>
      <c r="EP4" s="727" t="s">
        <v>59</v>
      </c>
      <c r="EQ4" s="728"/>
      <c r="ER4" s="728"/>
      <c r="ES4" s="728"/>
      <c r="ET4" s="728"/>
      <c r="EU4" s="728"/>
      <c r="EV4" s="728"/>
      <c r="EW4" s="728"/>
      <c r="EX4" s="728"/>
      <c r="EY4" s="728"/>
      <c r="EZ4" s="729"/>
      <c r="FA4" s="727" t="s">
        <v>151</v>
      </c>
      <c r="FB4" s="728"/>
      <c r="FC4" s="728"/>
      <c r="FD4" s="728"/>
      <c r="FE4" s="728"/>
      <c r="FF4" s="728"/>
      <c r="FG4" s="728"/>
      <c r="FH4" s="728"/>
      <c r="FI4" s="728"/>
      <c r="FJ4" s="728"/>
      <c r="FK4" s="729"/>
      <c r="FL4" s="727" t="s">
        <v>117</v>
      </c>
      <c r="FM4" s="728"/>
      <c r="FN4" s="728"/>
      <c r="FO4" s="728"/>
      <c r="FP4" s="728"/>
      <c r="FQ4" s="728"/>
      <c r="FR4" s="728"/>
      <c r="FS4" s="728"/>
      <c r="FT4" s="728"/>
      <c r="FU4" s="728"/>
      <c r="FV4" s="729"/>
      <c r="FW4" s="727" t="s">
        <v>77</v>
      </c>
      <c r="FX4" s="728"/>
      <c r="FY4" s="728"/>
      <c r="FZ4" s="728"/>
      <c r="GA4" s="728"/>
      <c r="GB4" s="728"/>
      <c r="GC4" s="728"/>
      <c r="GD4" s="728"/>
      <c r="GE4" s="728"/>
      <c r="GF4" s="728"/>
      <c r="GG4" s="729"/>
      <c r="GH4" s="727" t="s">
        <v>78</v>
      </c>
      <c r="GI4" s="728"/>
      <c r="GJ4" s="728"/>
      <c r="GK4" s="728"/>
      <c r="GL4" s="728"/>
      <c r="GM4" s="728"/>
      <c r="GN4" s="728"/>
      <c r="GO4" s="728"/>
      <c r="GP4" s="728"/>
      <c r="GQ4" s="728"/>
      <c r="GR4" s="729"/>
      <c r="GS4" s="727" t="s">
        <v>79</v>
      </c>
      <c r="GT4" s="728"/>
      <c r="GU4" s="728"/>
      <c r="GV4" s="728"/>
      <c r="GW4" s="728"/>
      <c r="GX4" s="728"/>
      <c r="GY4" s="728"/>
      <c r="GZ4" s="728"/>
      <c r="HA4" s="728"/>
      <c r="HB4" s="728"/>
      <c r="HC4" s="729"/>
      <c r="HD4" s="727" t="s">
        <v>152</v>
      </c>
      <c r="HE4" s="728"/>
      <c r="HF4" s="728"/>
      <c r="HG4" s="728"/>
      <c r="HH4" s="728"/>
      <c r="HI4" s="728"/>
      <c r="HJ4" s="728"/>
      <c r="HK4" s="728"/>
      <c r="HL4" s="728"/>
      <c r="HM4" s="728"/>
      <c r="HN4" s="729"/>
      <c r="HO4" s="736"/>
      <c r="HP4" s="737"/>
      <c r="HQ4" s="737"/>
      <c r="HR4" s="737"/>
      <c r="HS4" s="737"/>
      <c r="HT4" s="737"/>
      <c r="HU4" s="737"/>
      <c r="HV4" s="737"/>
      <c r="HW4" s="737"/>
      <c r="HX4" s="737"/>
      <c r="HY4" s="738"/>
    </row>
    <row r="5" spans="2:233" ht="19.5" customHeight="1" x14ac:dyDescent="0.2">
      <c r="B5" s="754"/>
      <c r="C5" s="743" t="s">
        <v>61</v>
      </c>
      <c r="D5" s="744"/>
      <c r="E5" s="745"/>
      <c r="F5" s="746" t="s">
        <v>62</v>
      </c>
      <c r="G5" s="744"/>
      <c r="H5" s="744"/>
      <c r="I5" s="744"/>
      <c r="J5" s="744"/>
      <c r="K5" s="744"/>
      <c r="L5" s="747"/>
      <c r="M5" s="748" t="s">
        <v>52</v>
      </c>
      <c r="N5" s="739" t="s">
        <v>61</v>
      </c>
      <c r="O5" s="740"/>
      <c r="P5" s="741"/>
      <c r="Q5" s="750" t="s">
        <v>62</v>
      </c>
      <c r="R5" s="740"/>
      <c r="S5" s="740"/>
      <c r="T5" s="740"/>
      <c r="U5" s="740"/>
      <c r="V5" s="740"/>
      <c r="W5" s="751"/>
      <c r="X5" s="669" t="s">
        <v>52</v>
      </c>
      <c r="Y5" s="739" t="s">
        <v>61</v>
      </c>
      <c r="Z5" s="740"/>
      <c r="AA5" s="741"/>
      <c r="AB5" s="750" t="s">
        <v>62</v>
      </c>
      <c r="AC5" s="740"/>
      <c r="AD5" s="740"/>
      <c r="AE5" s="740"/>
      <c r="AF5" s="740"/>
      <c r="AG5" s="740"/>
      <c r="AH5" s="751"/>
      <c r="AI5" s="669" t="s">
        <v>52</v>
      </c>
      <c r="AJ5" s="739" t="s">
        <v>61</v>
      </c>
      <c r="AK5" s="740"/>
      <c r="AL5" s="741"/>
      <c r="AM5" s="750" t="s">
        <v>62</v>
      </c>
      <c r="AN5" s="740"/>
      <c r="AO5" s="740"/>
      <c r="AP5" s="740"/>
      <c r="AQ5" s="740"/>
      <c r="AR5" s="740"/>
      <c r="AS5" s="751"/>
      <c r="AT5" s="669" t="s">
        <v>52</v>
      </c>
      <c r="AU5" s="739" t="s">
        <v>61</v>
      </c>
      <c r="AV5" s="740"/>
      <c r="AW5" s="741"/>
      <c r="AX5" s="750" t="s">
        <v>62</v>
      </c>
      <c r="AY5" s="740"/>
      <c r="AZ5" s="740"/>
      <c r="BA5" s="740"/>
      <c r="BB5" s="740"/>
      <c r="BC5" s="740"/>
      <c r="BD5" s="751"/>
      <c r="BE5" s="669" t="s">
        <v>52</v>
      </c>
      <c r="BF5" s="739" t="s">
        <v>61</v>
      </c>
      <c r="BG5" s="740"/>
      <c r="BH5" s="741"/>
      <c r="BI5" s="750" t="s">
        <v>62</v>
      </c>
      <c r="BJ5" s="740"/>
      <c r="BK5" s="740"/>
      <c r="BL5" s="740"/>
      <c r="BM5" s="740"/>
      <c r="BN5" s="740"/>
      <c r="BO5" s="751"/>
      <c r="BP5" s="669" t="s">
        <v>52</v>
      </c>
      <c r="BQ5" s="739" t="s">
        <v>61</v>
      </c>
      <c r="BR5" s="740"/>
      <c r="BS5" s="741"/>
      <c r="BT5" s="750" t="s">
        <v>62</v>
      </c>
      <c r="BU5" s="740"/>
      <c r="BV5" s="740"/>
      <c r="BW5" s="740"/>
      <c r="BX5" s="740"/>
      <c r="BY5" s="740"/>
      <c r="BZ5" s="751"/>
      <c r="CA5" s="669" t="s">
        <v>52</v>
      </c>
      <c r="CB5" s="739" t="s">
        <v>61</v>
      </c>
      <c r="CC5" s="740"/>
      <c r="CD5" s="741"/>
      <c r="CE5" s="750" t="s">
        <v>62</v>
      </c>
      <c r="CF5" s="740"/>
      <c r="CG5" s="740"/>
      <c r="CH5" s="740"/>
      <c r="CI5" s="740"/>
      <c r="CJ5" s="740"/>
      <c r="CK5" s="751"/>
      <c r="CL5" s="669" t="s">
        <v>52</v>
      </c>
      <c r="CM5" s="739" t="s">
        <v>61</v>
      </c>
      <c r="CN5" s="740"/>
      <c r="CO5" s="741"/>
      <c r="CP5" s="750" t="s">
        <v>62</v>
      </c>
      <c r="CQ5" s="740"/>
      <c r="CR5" s="740"/>
      <c r="CS5" s="740"/>
      <c r="CT5" s="740"/>
      <c r="CU5" s="740"/>
      <c r="CV5" s="751"/>
      <c r="CW5" s="669" t="s">
        <v>52</v>
      </c>
      <c r="CX5" s="739" t="s">
        <v>61</v>
      </c>
      <c r="CY5" s="740"/>
      <c r="CZ5" s="741"/>
      <c r="DA5" s="750" t="s">
        <v>62</v>
      </c>
      <c r="DB5" s="740"/>
      <c r="DC5" s="740"/>
      <c r="DD5" s="740"/>
      <c r="DE5" s="740"/>
      <c r="DF5" s="740"/>
      <c r="DG5" s="751"/>
      <c r="DH5" s="669" t="s">
        <v>52</v>
      </c>
      <c r="DI5" s="743" t="s">
        <v>61</v>
      </c>
      <c r="DJ5" s="744"/>
      <c r="DK5" s="745"/>
      <c r="DL5" s="746" t="s">
        <v>62</v>
      </c>
      <c r="DM5" s="744"/>
      <c r="DN5" s="744"/>
      <c r="DO5" s="744"/>
      <c r="DP5" s="744"/>
      <c r="DQ5" s="744"/>
      <c r="DR5" s="747"/>
      <c r="DS5" s="756" t="s">
        <v>52</v>
      </c>
      <c r="DT5" s="739" t="s">
        <v>61</v>
      </c>
      <c r="DU5" s="740"/>
      <c r="DV5" s="741"/>
      <c r="DW5" s="750" t="s">
        <v>62</v>
      </c>
      <c r="DX5" s="740"/>
      <c r="DY5" s="740"/>
      <c r="DZ5" s="740"/>
      <c r="EA5" s="740"/>
      <c r="EB5" s="740"/>
      <c r="EC5" s="751"/>
      <c r="ED5" s="669" t="s">
        <v>52</v>
      </c>
      <c r="EE5" s="739" t="s">
        <v>61</v>
      </c>
      <c r="EF5" s="740"/>
      <c r="EG5" s="741"/>
      <c r="EH5" s="750" t="s">
        <v>62</v>
      </c>
      <c r="EI5" s="740"/>
      <c r="EJ5" s="740"/>
      <c r="EK5" s="740"/>
      <c r="EL5" s="740"/>
      <c r="EM5" s="740"/>
      <c r="EN5" s="751"/>
      <c r="EO5" s="669" t="s">
        <v>52</v>
      </c>
      <c r="EP5" s="739" t="s">
        <v>61</v>
      </c>
      <c r="EQ5" s="740"/>
      <c r="ER5" s="741"/>
      <c r="ES5" s="750" t="s">
        <v>62</v>
      </c>
      <c r="ET5" s="740"/>
      <c r="EU5" s="740"/>
      <c r="EV5" s="740"/>
      <c r="EW5" s="740"/>
      <c r="EX5" s="740"/>
      <c r="EY5" s="751"/>
      <c r="EZ5" s="669" t="s">
        <v>52</v>
      </c>
      <c r="FA5" s="739" t="s">
        <v>61</v>
      </c>
      <c r="FB5" s="740"/>
      <c r="FC5" s="741"/>
      <c r="FD5" s="750" t="s">
        <v>62</v>
      </c>
      <c r="FE5" s="740"/>
      <c r="FF5" s="740"/>
      <c r="FG5" s="740"/>
      <c r="FH5" s="740"/>
      <c r="FI5" s="740"/>
      <c r="FJ5" s="751"/>
      <c r="FK5" s="669" t="s">
        <v>52</v>
      </c>
      <c r="FL5" s="739" t="s">
        <v>61</v>
      </c>
      <c r="FM5" s="740"/>
      <c r="FN5" s="741"/>
      <c r="FO5" s="750" t="s">
        <v>62</v>
      </c>
      <c r="FP5" s="740"/>
      <c r="FQ5" s="740"/>
      <c r="FR5" s="740"/>
      <c r="FS5" s="740"/>
      <c r="FT5" s="740"/>
      <c r="FU5" s="751"/>
      <c r="FV5" s="669" t="s">
        <v>52</v>
      </c>
      <c r="FW5" s="739" t="s">
        <v>61</v>
      </c>
      <c r="FX5" s="740"/>
      <c r="FY5" s="741"/>
      <c r="FZ5" s="750" t="s">
        <v>62</v>
      </c>
      <c r="GA5" s="740"/>
      <c r="GB5" s="740"/>
      <c r="GC5" s="740"/>
      <c r="GD5" s="740"/>
      <c r="GE5" s="740"/>
      <c r="GF5" s="751"/>
      <c r="GG5" s="669" t="s">
        <v>52</v>
      </c>
      <c r="GH5" s="739" t="s">
        <v>61</v>
      </c>
      <c r="GI5" s="740"/>
      <c r="GJ5" s="741"/>
      <c r="GK5" s="750" t="s">
        <v>62</v>
      </c>
      <c r="GL5" s="740"/>
      <c r="GM5" s="740"/>
      <c r="GN5" s="740"/>
      <c r="GO5" s="740"/>
      <c r="GP5" s="740"/>
      <c r="GQ5" s="751"/>
      <c r="GR5" s="669" t="s">
        <v>52</v>
      </c>
      <c r="GS5" s="739" t="s">
        <v>61</v>
      </c>
      <c r="GT5" s="740"/>
      <c r="GU5" s="741"/>
      <c r="GV5" s="750" t="s">
        <v>62</v>
      </c>
      <c r="GW5" s="740"/>
      <c r="GX5" s="740"/>
      <c r="GY5" s="740"/>
      <c r="GZ5" s="740"/>
      <c r="HA5" s="740"/>
      <c r="HB5" s="751"/>
      <c r="HC5" s="669" t="s">
        <v>52</v>
      </c>
      <c r="HD5" s="739" t="s">
        <v>61</v>
      </c>
      <c r="HE5" s="740"/>
      <c r="HF5" s="741"/>
      <c r="HG5" s="750" t="s">
        <v>62</v>
      </c>
      <c r="HH5" s="740"/>
      <c r="HI5" s="740"/>
      <c r="HJ5" s="740"/>
      <c r="HK5" s="740"/>
      <c r="HL5" s="740"/>
      <c r="HM5" s="751"/>
      <c r="HN5" s="669" t="s">
        <v>52</v>
      </c>
      <c r="HO5" s="739" t="s">
        <v>61</v>
      </c>
      <c r="HP5" s="740"/>
      <c r="HQ5" s="741"/>
      <c r="HR5" s="750" t="s">
        <v>62</v>
      </c>
      <c r="HS5" s="740"/>
      <c r="HT5" s="740"/>
      <c r="HU5" s="740"/>
      <c r="HV5" s="740"/>
      <c r="HW5" s="740"/>
      <c r="HX5" s="751"/>
      <c r="HY5" s="669" t="s">
        <v>52</v>
      </c>
    </row>
    <row r="6" spans="2:233" ht="34.5" customHeight="1" thickBot="1" x14ac:dyDescent="0.25">
      <c r="B6" s="755"/>
      <c r="C6" s="371" t="s">
        <v>119</v>
      </c>
      <c r="D6" s="372" t="s">
        <v>44</v>
      </c>
      <c r="E6" s="379" t="s">
        <v>45</v>
      </c>
      <c r="F6" s="380" t="s">
        <v>83</v>
      </c>
      <c r="G6" s="372" t="s">
        <v>47</v>
      </c>
      <c r="H6" s="372" t="s">
        <v>48</v>
      </c>
      <c r="I6" s="372" t="s">
        <v>49</v>
      </c>
      <c r="J6" s="372" t="s">
        <v>50</v>
      </c>
      <c r="K6" s="372" t="s">
        <v>51</v>
      </c>
      <c r="L6" s="381" t="s">
        <v>45</v>
      </c>
      <c r="M6" s="749"/>
      <c r="N6" s="371" t="s">
        <v>119</v>
      </c>
      <c r="O6" s="372" t="s">
        <v>44</v>
      </c>
      <c r="P6" s="379" t="s">
        <v>45</v>
      </c>
      <c r="Q6" s="380" t="s">
        <v>83</v>
      </c>
      <c r="R6" s="372" t="s">
        <v>47</v>
      </c>
      <c r="S6" s="372" t="s">
        <v>48</v>
      </c>
      <c r="T6" s="372" t="s">
        <v>49</v>
      </c>
      <c r="U6" s="372" t="s">
        <v>50</v>
      </c>
      <c r="V6" s="372" t="s">
        <v>51</v>
      </c>
      <c r="W6" s="381" t="s">
        <v>45</v>
      </c>
      <c r="X6" s="749"/>
      <c r="Y6" s="371" t="s">
        <v>119</v>
      </c>
      <c r="Z6" s="372" t="s">
        <v>44</v>
      </c>
      <c r="AA6" s="379" t="s">
        <v>45</v>
      </c>
      <c r="AB6" s="380" t="s">
        <v>83</v>
      </c>
      <c r="AC6" s="372" t="s">
        <v>47</v>
      </c>
      <c r="AD6" s="372" t="s">
        <v>48</v>
      </c>
      <c r="AE6" s="372" t="s">
        <v>49</v>
      </c>
      <c r="AF6" s="372" t="s">
        <v>50</v>
      </c>
      <c r="AG6" s="372" t="s">
        <v>51</v>
      </c>
      <c r="AH6" s="381" t="s">
        <v>45</v>
      </c>
      <c r="AI6" s="749"/>
      <c r="AJ6" s="371" t="s">
        <v>119</v>
      </c>
      <c r="AK6" s="372" t="s">
        <v>44</v>
      </c>
      <c r="AL6" s="379" t="s">
        <v>45</v>
      </c>
      <c r="AM6" s="380" t="s">
        <v>83</v>
      </c>
      <c r="AN6" s="372" t="s">
        <v>47</v>
      </c>
      <c r="AO6" s="372" t="s">
        <v>48</v>
      </c>
      <c r="AP6" s="372" t="s">
        <v>49</v>
      </c>
      <c r="AQ6" s="372" t="s">
        <v>50</v>
      </c>
      <c r="AR6" s="372" t="s">
        <v>51</v>
      </c>
      <c r="AS6" s="381" t="s">
        <v>45</v>
      </c>
      <c r="AT6" s="749"/>
      <c r="AU6" s="371" t="s">
        <v>119</v>
      </c>
      <c r="AV6" s="372" t="s">
        <v>44</v>
      </c>
      <c r="AW6" s="379" t="s">
        <v>45</v>
      </c>
      <c r="AX6" s="380" t="s">
        <v>83</v>
      </c>
      <c r="AY6" s="372" t="s">
        <v>47</v>
      </c>
      <c r="AZ6" s="372" t="s">
        <v>48</v>
      </c>
      <c r="BA6" s="372" t="s">
        <v>49</v>
      </c>
      <c r="BB6" s="372" t="s">
        <v>50</v>
      </c>
      <c r="BC6" s="372" t="s">
        <v>51</v>
      </c>
      <c r="BD6" s="381" t="s">
        <v>45</v>
      </c>
      <c r="BE6" s="749"/>
      <c r="BF6" s="371" t="s">
        <v>119</v>
      </c>
      <c r="BG6" s="372" t="s">
        <v>44</v>
      </c>
      <c r="BH6" s="379" t="s">
        <v>45</v>
      </c>
      <c r="BI6" s="380" t="s">
        <v>83</v>
      </c>
      <c r="BJ6" s="372" t="s">
        <v>47</v>
      </c>
      <c r="BK6" s="372" t="s">
        <v>48</v>
      </c>
      <c r="BL6" s="372" t="s">
        <v>49</v>
      </c>
      <c r="BM6" s="372" t="s">
        <v>50</v>
      </c>
      <c r="BN6" s="372" t="s">
        <v>51</v>
      </c>
      <c r="BO6" s="381" t="s">
        <v>45</v>
      </c>
      <c r="BP6" s="749"/>
      <c r="BQ6" s="371" t="s">
        <v>119</v>
      </c>
      <c r="BR6" s="372" t="s">
        <v>44</v>
      </c>
      <c r="BS6" s="379" t="s">
        <v>45</v>
      </c>
      <c r="BT6" s="380" t="s">
        <v>83</v>
      </c>
      <c r="BU6" s="372" t="s">
        <v>47</v>
      </c>
      <c r="BV6" s="372" t="s">
        <v>48</v>
      </c>
      <c r="BW6" s="372" t="s">
        <v>49</v>
      </c>
      <c r="BX6" s="372" t="s">
        <v>50</v>
      </c>
      <c r="BY6" s="372" t="s">
        <v>51</v>
      </c>
      <c r="BZ6" s="381" t="s">
        <v>45</v>
      </c>
      <c r="CA6" s="749"/>
      <c r="CB6" s="371" t="s">
        <v>119</v>
      </c>
      <c r="CC6" s="372" t="s">
        <v>44</v>
      </c>
      <c r="CD6" s="379" t="s">
        <v>45</v>
      </c>
      <c r="CE6" s="380" t="s">
        <v>83</v>
      </c>
      <c r="CF6" s="372" t="s">
        <v>47</v>
      </c>
      <c r="CG6" s="372" t="s">
        <v>48</v>
      </c>
      <c r="CH6" s="372" t="s">
        <v>49</v>
      </c>
      <c r="CI6" s="372" t="s">
        <v>50</v>
      </c>
      <c r="CJ6" s="372" t="s">
        <v>51</v>
      </c>
      <c r="CK6" s="381" t="s">
        <v>45</v>
      </c>
      <c r="CL6" s="749"/>
      <c r="CM6" s="371" t="s">
        <v>119</v>
      </c>
      <c r="CN6" s="372" t="s">
        <v>44</v>
      </c>
      <c r="CO6" s="379" t="s">
        <v>45</v>
      </c>
      <c r="CP6" s="380" t="s">
        <v>83</v>
      </c>
      <c r="CQ6" s="372" t="s">
        <v>47</v>
      </c>
      <c r="CR6" s="372" t="s">
        <v>48</v>
      </c>
      <c r="CS6" s="372" t="s">
        <v>49</v>
      </c>
      <c r="CT6" s="372" t="s">
        <v>50</v>
      </c>
      <c r="CU6" s="372" t="s">
        <v>51</v>
      </c>
      <c r="CV6" s="381" t="s">
        <v>45</v>
      </c>
      <c r="CW6" s="749"/>
      <c r="CX6" s="371" t="s">
        <v>119</v>
      </c>
      <c r="CY6" s="372" t="s">
        <v>44</v>
      </c>
      <c r="CZ6" s="379" t="s">
        <v>45</v>
      </c>
      <c r="DA6" s="380" t="s">
        <v>83</v>
      </c>
      <c r="DB6" s="372" t="s">
        <v>47</v>
      </c>
      <c r="DC6" s="372" t="s">
        <v>48</v>
      </c>
      <c r="DD6" s="372" t="s">
        <v>49</v>
      </c>
      <c r="DE6" s="372" t="s">
        <v>50</v>
      </c>
      <c r="DF6" s="372" t="s">
        <v>51</v>
      </c>
      <c r="DG6" s="381" t="s">
        <v>45</v>
      </c>
      <c r="DH6" s="749"/>
      <c r="DI6" s="371" t="s">
        <v>119</v>
      </c>
      <c r="DJ6" s="372" t="s">
        <v>44</v>
      </c>
      <c r="DK6" s="379" t="s">
        <v>45</v>
      </c>
      <c r="DL6" s="380" t="s">
        <v>83</v>
      </c>
      <c r="DM6" s="372" t="s">
        <v>47</v>
      </c>
      <c r="DN6" s="372" t="s">
        <v>48</v>
      </c>
      <c r="DO6" s="372" t="s">
        <v>49</v>
      </c>
      <c r="DP6" s="372" t="s">
        <v>50</v>
      </c>
      <c r="DQ6" s="372" t="s">
        <v>51</v>
      </c>
      <c r="DR6" s="381" t="s">
        <v>45</v>
      </c>
      <c r="DS6" s="757"/>
      <c r="DT6" s="371" t="s">
        <v>119</v>
      </c>
      <c r="DU6" s="372" t="s">
        <v>44</v>
      </c>
      <c r="DV6" s="379" t="s">
        <v>45</v>
      </c>
      <c r="DW6" s="380" t="s">
        <v>83</v>
      </c>
      <c r="DX6" s="372" t="s">
        <v>47</v>
      </c>
      <c r="DY6" s="372" t="s">
        <v>48</v>
      </c>
      <c r="DZ6" s="372" t="s">
        <v>49</v>
      </c>
      <c r="EA6" s="372" t="s">
        <v>50</v>
      </c>
      <c r="EB6" s="372" t="s">
        <v>51</v>
      </c>
      <c r="EC6" s="381" t="s">
        <v>45</v>
      </c>
      <c r="ED6" s="749"/>
      <c r="EE6" s="371" t="s">
        <v>119</v>
      </c>
      <c r="EF6" s="372" t="s">
        <v>44</v>
      </c>
      <c r="EG6" s="379" t="s">
        <v>45</v>
      </c>
      <c r="EH6" s="380" t="s">
        <v>83</v>
      </c>
      <c r="EI6" s="372" t="s">
        <v>47</v>
      </c>
      <c r="EJ6" s="372" t="s">
        <v>48</v>
      </c>
      <c r="EK6" s="372" t="s">
        <v>49</v>
      </c>
      <c r="EL6" s="372" t="s">
        <v>50</v>
      </c>
      <c r="EM6" s="372" t="s">
        <v>51</v>
      </c>
      <c r="EN6" s="381" t="s">
        <v>45</v>
      </c>
      <c r="EO6" s="749"/>
      <c r="EP6" s="371" t="s">
        <v>119</v>
      </c>
      <c r="EQ6" s="372" t="s">
        <v>44</v>
      </c>
      <c r="ER6" s="379" t="s">
        <v>45</v>
      </c>
      <c r="ES6" s="380" t="s">
        <v>83</v>
      </c>
      <c r="ET6" s="372" t="s">
        <v>47</v>
      </c>
      <c r="EU6" s="372" t="s">
        <v>48</v>
      </c>
      <c r="EV6" s="372" t="s">
        <v>49</v>
      </c>
      <c r="EW6" s="372" t="s">
        <v>50</v>
      </c>
      <c r="EX6" s="372" t="s">
        <v>51</v>
      </c>
      <c r="EY6" s="381" t="s">
        <v>45</v>
      </c>
      <c r="EZ6" s="749"/>
      <c r="FA6" s="371" t="s">
        <v>119</v>
      </c>
      <c r="FB6" s="372" t="s">
        <v>44</v>
      </c>
      <c r="FC6" s="379" t="s">
        <v>45</v>
      </c>
      <c r="FD6" s="380" t="s">
        <v>83</v>
      </c>
      <c r="FE6" s="372" t="s">
        <v>47</v>
      </c>
      <c r="FF6" s="372" t="s">
        <v>48</v>
      </c>
      <c r="FG6" s="372" t="s">
        <v>49</v>
      </c>
      <c r="FH6" s="372" t="s">
        <v>50</v>
      </c>
      <c r="FI6" s="372" t="s">
        <v>51</v>
      </c>
      <c r="FJ6" s="381" t="s">
        <v>45</v>
      </c>
      <c r="FK6" s="749"/>
      <c r="FL6" s="371" t="s">
        <v>119</v>
      </c>
      <c r="FM6" s="372" t="s">
        <v>44</v>
      </c>
      <c r="FN6" s="379" t="s">
        <v>45</v>
      </c>
      <c r="FO6" s="380" t="s">
        <v>83</v>
      </c>
      <c r="FP6" s="372" t="s">
        <v>47</v>
      </c>
      <c r="FQ6" s="372" t="s">
        <v>48</v>
      </c>
      <c r="FR6" s="372" t="s">
        <v>49</v>
      </c>
      <c r="FS6" s="372" t="s">
        <v>50</v>
      </c>
      <c r="FT6" s="372" t="s">
        <v>51</v>
      </c>
      <c r="FU6" s="381" t="s">
        <v>45</v>
      </c>
      <c r="FV6" s="749"/>
      <c r="FW6" s="371" t="s">
        <v>119</v>
      </c>
      <c r="FX6" s="372" t="s">
        <v>44</v>
      </c>
      <c r="FY6" s="379" t="s">
        <v>45</v>
      </c>
      <c r="FZ6" s="380" t="s">
        <v>83</v>
      </c>
      <c r="GA6" s="372" t="s">
        <v>47</v>
      </c>
      <c r="GB6" s="372" t="s">
        <v>48</v>
      </c>
      <c r="GC6" s="372" t="s">
        <v>49</v>
      </c>
      <c r="GD6" s="372" t="s">
        <v>50</v>
      </c>
      <c r="GE6" s="372" t="s">
        <v>51</v>
      </c>
      <c r="GF6" s="381" t="s">
        <v>45</v>
      </c>
      <c r="GG6" s="749"/>
      <c r="GH6" s="371" t="s">
        <v>119</v>
      </c>
      <c r="GI6" s="372" t="s">
        <v>44</v>
      </c>
      <c r="GJ6" s="379" t="s">
        <v>45</v>
      </c>
      <c r="GK6" s="380" t="s">
        <v>83</v>
      </c>
      <c r="GL6" s="372" t="s">
        <v>47</v>
      </c>
      <c r="GM6" s="372" t="s">
        <v>48</v>
      </c>
      <c r="GN6" s="372" t="s">
        <v>49</v>
      </c>
      <c r="GO6" s="372" t="s">
        <v>50</v>
      </c>
      <c r="GP6" s="372" t="s">
        <v>51</v>
      </c>
      <c r="GQ6" s="381" t="s">
        <v>45</v>
      </c>
      <c r="GR6" s="749"/>
      <c r="GS6" s="371" t="s">
        <v>119</v>
      </c>
      <c r="GT6" s="372" t="s">
        <v>44</v>
      </c>
      <c r="GU6" s="379" t="s">
        <v>45</v>
      </c>
      <c r="GV6" s="380" t="s">
        <v>83</v>
      </c>
      <c r="GW6" s="372" t="s">
        <v>47</v>
      </c>
      <c r="GX6" s="372" t="s">
        <v>48</v>
      </c>
      <c r="GY6" s="372" t="s">
        <v>49</v>
      </c>
      <c r="GZ6" s="372" t="s">
        <v>50</v>
      </c>
      <c r="HA6" s="372" t="s">
        <v>51</v>
      </c>
      <c r="HB6" s="381" t="s">
        <v>45</v>
      </c>
      <c r="HC6" s="749"/>
      <c r="HD6" s="371" t="s">
        <v>119</v>
      </c>
      <c r="HE6" s="372" t="s">
        <v>44</v>
      </c>
      <c r="HF6" s="379" t="s">
        <v>45</v>
      </c>
      <c r="HG6" s="380" t="s">
        <v>83</v>
      </c>
      <c r="HH6" s="372" t="s">
        <v>47</v>
      </c>
      <c r="HI6" s="372" t="s">
        <v>48</v>
      </c>
      <c r="HJ6" s="372" t="s">
        <v>49</v>
      </c>
      <c r="HK6" s="372" t="s">
        <v>50</v>
      </c>
      <c r="HL6" s="372" t="s">
        <v>51</v>
      </c>
      <c r="HM6" s="381" t="s">
        <v>45</v>
      </c>
      <c r="HN6" s="749"/>
      <c r="HO6" s="371" t="s">
        <v>119</v>
      </c>
      <c r="HP6" s="372" t="s">
        <v>44</v>
      </c>
      <c r="HQ6" s="379" t="s">
        <v>45</v>
      </c>
      <c r="HR6" s="380" t="s">
        <v>83</v>
      </c>
      <c r="HS6" s="372" t="s">
        <v>47</v>
      </c>
      <c r="HT6" s="372" t="s">
        <v>48</v>
      </c>
      <c r="HU6" s="372" t="s">
        <v>49</v>
      </c>
      <c r="HV6" s="372" t="s">
        <v>50</v>
      </c>
      <c r="HW6" s="372" t="s">
        <v>51</v>
      </c>
      <c r="HX6" s="381" t="s">
        <v>45</v>
      </c>
      <c r="HY6" s="749"/>
    </row>
    <row r="7" spans="2:233" s="490" customFormat="1" ht="16.5" customHeight="1" x14ac:dyDescent="0.2">
      <c r="B7" s="481" t="s">
        <v>4</v>
      </c>
      <c r="C7" s="482">
        <v>795</v>
      </c>
      <c r="D7" s="483">
        <v>95870</v>
      </c>
      <c r="E7" s="484">
        <v>96665</v>
      </c>
      <c r="F7" s="485">
        <v>0</v>
      </c>
      <c r="G7" s="483">
        <v>17758194</v>
      </c>
      <c r="H7" s="483">
        <v>38915335</v>
      </c>
      <c r="I7" s="483">
        <v>117805008</v>
      </c>
      <c r="J7" s="483">
        <v>151114042</v>
      </c>
      <c r="K7" s="483">
        <v>97846530</v>
      </c>
      <c r="L7" s="486">
        <v>423439109</v>
      </c>
      <c r="M7" s="487">
        <v>423535774</v>
      </c>
      <c r="N7" s="482">
        <v>0</v>
      </c>
      <c r="O7" s="483">
        <v>0</v>
      </c>
      <c r="P7" s="484">
        <v>0</v>
      </c>
      <c r="Q7" s="488"/>
      <c r="R7" s="483">
        <v>4602212</v>
      </c>
      <c r="S7" s="483">
        <v>13373333</v>
      </c>
      <c r="T7" s="483">
        <v>80426806</v>
      </c>
      <c r="U7" s="483">
        <v>109370208</v>
      </c>
      <c r="V7" s="483">
        <v>75488282</v>
      </c>
      <c r="W7" s="486">
        <v>283260841</v>
      </c>
      <c r="X7" s="487">
        <v>283260841</v>
      </c>
      <c r="Y7" s="482">
        <v>0</v>
      </c>
      <c r="Z7" s="483">
        <v>0</v>
      </c>
      <c r="AA7" s="484">
        <v>0</v>
      </c>
      <c r="AB7" s="488"/>
      <c r="AC7" s="483">
        <v>11315644</v>
      </c>
      <c r="AD7" s="483">
        <v>21083428</v>
      </c>
      <c r="AE7" s="483">
        <v>27119266</v>
      </c>
      <c r="AF7" s="483">
        <v>29806207</v>
      </c>
      <c r="AG7" s="483">
        <v>14166669</v>
      </c>
      <c r="AH7" s="486">
        <v>103491214</v>
      </c>
      <c r="AI7" s="487">
        <v>103491214</v>
      </c>
      <c r="AJ7" s="482">
        <v>0</v>
      </c>
      <c r="AK7" s="483">
        <v>0</v>
      </c>
      <c r="AL7" s="484">
        <v>0</v>
      </c>
      <c r="AM7" s="488"/>
      <c r="AN7" s="483">
        <v>0</v>
      </c>
      <c r="AO7" s="483">
        <v>0</v>
      </c>
      <c r="AP7" s="483">
        <v>29915</v>
      </c>
      <c r="AQ7" s="483">
        <v>655125</v>
      </c>
      <c r="AR7" s="483">
        <v>1097780</v>
      </c>
      <c r="AS7" s="486">
        <v>1782820</v>
      </c>
      <c r="AT7" s="487">
        <v>1782820</v>
      </c>
      <c r="AU7" s="482">
        <v>0</v>
      </c>
      <c r="AV7" s="483">
        <v>0</v>
      </c>
      <c r="AW7" s="484">
        <v>0</v>
      </c>
      <c r="AX7" s="488"/>
      <c r="AY7" s="483">
        <v>229245</v>
      </c>
      <c r="AZ7" s="483">
        <v>160640</v>
      </c>
      <c r="BA7" s="483">
        <v>329620</v>
      </c>
      <c r="BB7" s="483">
        <v>1895115</v>
      </c>
      <c r="BC7" s="483">
        <v>2385427</v>
      </c>
      <c r="BD7" s="486">
        <v>5000047</v>
      </c>
      <c r="BE7" s="487">
        <v>5000047</v>
      </c>
      <c r="BF7" s="482">
        <v>0</v>
      </c>
      <c r="BG7" s="483">
        <v>0</v>
      </c>
      <c r="BH7" s="484">
        <v>0</v>
      </c>
      <c r="BI7" s="488"/>
      <c r="BJ7" s="483">
        <v>27280</v>
      </c>
      <c r="BK7" s="483">
        <v>249360</v>
      </c>
      <c r="BL7" s="483">
        <v>1642660</v>
      </c>
      <c r="BM7" s="483">
        <v>1620160</v>
      </c>
      <c r="BN7" s="483">
        <v>1246935</v>
      </c>
      <c r="BO7" s="486">
        <v>4786395</v>
      </c>
      <c r="BP7" s="487">
        <v>4786395</v>
      </c>
      <c r="BQ7" s="482">
        <v>795</v>
      </c>
      <c r="BR7" s="483">
        <v>95870</v>
      </c>
      <c r="BS7" s="484">
        <v>96665</v>
      </c>
      <c r="BT7" s="485">
        <v>0</v>
      </c>
      <c r="BU7" s="483">
        <v>1543572</v>
      </c>
      <c r="BV7" s="483">
        <v>3752640</v>
      </c>
      <c r="BW7" s="483">
        <v>7975887</v>
      </c>
      <c r="BX7" s="483">
        <v>7455256</v>
      </c>
      <c r="BY7" s="483">
        <v>3267237</v>
      </c>
      <c r="BZ7" s="486">
        <v>23994592</v>
      </c>
      <c r="CA7" s="487">
        <v>24091257</v>
      </c>
      <c r="CB7" s="482">
        <v>0</v>
      </c>
      <c r="CC7" s="483">
        <v>0</v>
      </c>
      <c r="CD7" s="484">
        <v>0</v>
      </c>
      <c r="CE7" s="485">
        <v>0</v>
      </c>
      <c r="CF7" s="483">
        <v>40241</v>
      </c>
      <c r="CG7" s="483">
        <v>295934</v>
      </c>
      <c r="CH7" s="483">
        <v>280564</v>
      </c>
      <c r="CI7" s="483">
        <v>311971</v>
      </c>
      <c r="CJ7" s="483">
        <v>194200</v>
      </c>
      <c r="CK7" s="486">
        <v>1122910</v>
      </c>
      <c r="CL7" s="487">
        <v>1122910</v>
      </c>
      <c r="CM7" s="482">
        <v>0</v>
      </c>
      <c r="CN7" s="483">
        <v>0</v>
      </c>
      <c r="CO7" s="484">
        <v>0</v>
      </c>
      <c r="CP7" s="485">
        <v>0</v>
      </c>
      <c r="CQ7" s="483">
        <v>0</v>
      </c>
      <c r="CR7" s="483">
        <v>0</v>
      </c>
      <c r="CS7" s="483">
        <v>0</v>
      </c>
      <c r="CT7" s="483">
        <v>0</v>
      </c>
      <c r="CU7" s="483">
        <v>0</v>
      </c>
      <c r="CV7" s="486">
        <v>0</v>
      </c>
      <c r="CW7" s="487">
        <v>0</v>
      </c>
      <c r="CX7" s="482">
        <v>0</v>
      </c>
      <c r="CY7" s="483">
        <v>0</v>
      </c>
      <c r="CZ7" s="484">
        <v>0</v>
      </c>
      <c r="DA7" s="488"/>
      <c r="DB7" s="483">
        <v>0</v>
      </c>
      <c r="DC7" s="483">
        <v>0</v>
      </c>
      <c r="DD7" s="483">
        <v>290</v>
      </c>
      <c r="DE7" s="483">
        <v>0</v>
      </c>
      <c r="DF7" s="483">
        <v>0</v>
      </c>
      <c r="DG7" s="486">
        <v>290</v>
      </c>
      <c r="DH7" s="487">
        <v>290</v>
      </c>
      <c r="DI7" s="482">
        <v>17801</v>
      </c>
      <c r="DJ7" s="483">
        <v>177720</v>
      </c>
      <c r="DK7" s="484">
        <v>195521</v>
      </c>
      <c r="DL7" s="485">
        <v>0</v>
      </c>
      <c r="DM7" s="483">
        <v>11343584</v>
      </c>
      <c r="DN7" s="483">
        <v>31080941</v>
      </c>
      <c r="DO7" s="483">
        <v>126426777</v>
      </c>
      <c r="DP7" s="483">
        <v>160300988</v>
      </c>
      <c r="DQ7" s="483">
        <v>103180311</v>
      </c>
      <c r="DR7" s="486">
        <v>432332601</v>
      </c>
      <c r="DS7" s="489">
        <v>432528122</v>
      </c>
      <c r="DT7" s="482">
        <v>0</v>
      </c>
      <c r="DU7" s="483">
        <v>0</v>
      </c>
      <c r="DV7" s="484">
        <v>0</v>
      </c>
      <c r="DW7" s="488"/>
      <c r="DX7" s="483">
        <v>5900276</v>
      </c>
      <c r="DY7" s="483">
        <v>19044733</v>
      </c>
      <c r="DZ7" s="483">
        <v>104905366</v>
      </c>
      <c r="EA7" s="483">
        <v>139727374</v>
      </c>
      <c r="EB7" s="483">
        <v>91712699</v>
      </c>
      <c r="EC7" s="486">
        <v>361290448</v>
      </c>
      <c r="ED7" s="487">
        <v>361290448</v>
      </c>
      <c r="EE7" s="482">
        <v>0</v>
      </c>
      <c r="EF7" s="483">
        <v>0</v>
      </c>
      <c r="EG7" s="484">
        <v>0</v>
      </c>
      <c r="EH7" s="488"/>
      <c r="EI7" s="483">
        <v>2850753</v>
      </c>
      <c r="EJ7" s="483">
        <v>5685866</v>
      </c>
      <c r="EK7" s="483">
        <v>6405707</v>
      </c>
      <c r="EL7" s="483">
        <v>6889490</v>
      </c>
      <c r="EM7" s="483">
        <v>3768128</v>
      </c>
      <c r="EN7" s="486">
        <v>25599944</v>
      </c>
      <c r="EO7" s="487">
        <v>25599944</v>
      </c>
      <c r="EP7" s="482">
        <v>0</v>
      </c>
      <c r="EQ7" s="483">
        <v>0</v>
      </c>
      <c r="ER7" s="484">
        <v>0</v>
      </c>
      <c r="ES7" s="488"/>
      <c r="ET7" s="483">
        <v>0</v>
      </c>
      <c r="EU7" s="483">
        <v>0</v>
      </c>
      <c r="EV7" s="483">
        <v>23591</v>
      </c>
      <c r="EW7" s="483">
        <v>92877</v>
      </c>
      <c r="EX7" s="483">
        <v>207304</v>
      </c>
      <c r="EY7" s="486">
        <v>323772</v>
      </c>
      <c r="EZ7" s="487">
        <v>323772</v>
      </c>
      <c r="FA7" s="482">
        <v>0</v>
      </c>
      <c r="FB7" s="483">
        <v>0</v>
      </c>
      <c r="FC7" s="484">
        <v>0</v>
      </c>
      <c r="FD7" s="488"/>
      <c r="FE7" s="483">
        <v>47833</v>
      </c>
      <c r="FF7" s="483">
        <v>47756</v>
      </c>
      <c r="FG7" s="483">
        <v>84119</v>
      </c>
      <c r="FH7" s="483">
        <v>311959</v>
      </c>
      <c r="FI7" s="483">
        <v>379814</v>
      </c>
      <c r="FJ7" s="486">
        <v>871481</v>
      </c>
      <c r="FK7" s="487">
        <v>871481</v>
      </c>
      <c r="FL7" s="482">
        <v>0</v>
      </c>
      <c r="FM7" s="483">
        <v>0</v>
      </c>
      <c r="FN7" s="484">
        <v>0</v>
      </c>
      <c r="FO7" s="488"/>
      <c r="FP7" s="483">
        <v>43152</v>
      </c>
      <c r="FQ7" s="483">
        <v>349590</v>
      </c>
      <c r="FR7" s="483">
        <v>2713221</v>
      </c>
      <c r="FS7" s="483">
        <v>3050357</v>
      </c>
      <c r="FT7" s="483">
        <v>2032766</v>
      </c>
      <c r="FU7" s="486">
        <v>8189086</v>
      </c>
      <c r="FV7" s="487">
        <v>8189086</v>
      </c>
      <c r="FW7" s="482">
        <v>17801</v>
      </c>
      <c r="FX7" s="483">
        <v>177720</v>
      </c>
      <c r="FY7" s="484">
        <v>195521</v>
      </c>
      <c r="FZ7" s="485">
        <v>0</v>
      </c>
      <c r="GA7" s="483">
        <v>2445507</v>
      </c>
      <c r="GB7" s="483">
        <v>5810389</v>
      </c>
      <c r="GC7" s="483">
        <v>12145491</v>
      </c>
      <c r="GD7" s="483">
        <v>10075299</v>
      </c>
      <c r="GE7" s="483">
        <v>4978138</v>
      </c>
      <c r="GF7" s="486">
        <v>35454824</v>
      </c>
      <c r="GG7" s="487">
        <v>35650345</v>
      </c>
      <c r="GH7" s="482">
        <v>0</v>
      </c>
      <c r="GI7" s="483">
        <v>0</v>
      </c>
      <c r="GJ7" s="484">
        <v>0</v>
      </c>
      <c r="GK7" s="485">
        <v>0</v>
      </c>
      <c r="GL7" s="483">
        <v>56056</v>
      </c>
      <c r="GM7" s="483">
        <v>142607</v>
      </c>
      <c r="GN7" s="483">
        <v>149254</v>
      </c>
      <c r="GO7" s="483">
        <v>153632</v>
      </c>
      <c r="GP7" s="483">
        <v>101462</v>
      </c>
      <c r="GQ7" s="486">
        <v>603011</v>
      </c>
      <c r="GR7" s="487">
        <v>603011</v>
      </c>
      <c r="GS7" s="482">
        <v>0</v>
      </c>
      <c r="GT7" s="483">
        <v>0</v>
      </c>
      <c r="GU7" s="484">
        <v>0</v>
      </c>
      <c r="GV7" s="485">
        <v>0</v>
      </c>
      <c r="GW7" s="483">
        <v>0</v>
      </c>
      <c r="GX7" s="483">
        <v>0</v>
      </c>
      <c r="GY7" s="483">
        <v>0</v>
      </c>
      <c r="GZ7" s="483">
        <v>0</v>
      </c>
      <c r="HA7" s="483">
        <v>0</v>
      </c>
      <c r="HB7" s="486">
        <v>0</v>
      </c>
      <c r="HC7" s="487">
        <v>0</v>
      </c>
      <c r="HD7" s="482">
        <v>0</v>
      </c>
      <c r="HE7" s="483">
        <v>0</v>
      </c>
      <c r="HF7" s="484">
        <v>0</v>
      </c>
      <c r="HG7" s="488"/>
      <c r="HH7" s="483">
        <v>7</v>
      </c>
      <c r="HI7" s="483">
        <v>0</v>
      </c>
      <c r="HJ7" s="483">
        <v>28</v>
      </c>
      <c r="HK7" s="483">
        <v>0</v>
      </c>
      <c r="HL7" s="483">
        <v>0</v>
      </c>
      <c r="HM7" s="486">
        <v>35</v>
      </c>
      <c r="HN7" s="487">
        <v>35</v>
      </c>
      <c r="HO7" s="482">
        <v>18596</v>
      </c>
      <c r="HP7" s="483">
        <v>273590</v>
      </c>
      <c r="HQ7" s="484">
        <v>292186</v>
      </c>
      <c r="HR7" s="485">
        <v>0</v>
      </c>
      <c r="HS7" s="483">
        <v>29101778</v>
      </c>
      <c r="HT7" s="483">
        <v>69996276</v>
      </c>
      <c r="HU7" s="483">
        <v>244231785</v>
      </c>
      <c r="HV7" s="483">
        <v>311415030</v>
      </c>
      <c r="HW7" s="483">
        <v>201026841</v>
      </c>
      <c r="HX7" s="486">
        <v>855771710</v>
      </c>
      <c r="HY7" s="487">
        <v>856063896</v>
      </c>
    </row>
    <row r="8" spans="2:233" s="490" customFormat="1" ht="16.5" customHeight="1" x14ac:dyDescent="0.2">
      <c r="B8" s="491" t="s">
        <v>5</v>
      </c>
      <c r="C8" s="492">
        <v>7815</v>
      </c>
      <c r="D8" s="493">
        <v>40412</v>
      </c>
      <c r="E8" s="494">
        <v>48227</v>
      </c>
      <c r="F8" s="495">
        <v>0</v>
      </c>
      <c r="G8" s="493">
        <v>7230846</v>
      </c>
      <c r="H8" s="493">
        <v>19876183</v>
      </c>
      <c r="I8" s="493">
        <v>49910974</v>
      </c>
      <c r="J8" s="493">
        <v>63332476</v>
      </c>
      <c r="K8" s="493">
        <v>42012760</v>
      </c>
      <c r="L8" s="496">
        <v>182363239</v>
      </c>
      <c r="M8" s="497">
        <v>182411466</v>
      </c>
      <c r="N8" s="492">
        <v>0</v>
      </c>
      <c r="O8" s="493">
        <v>0</v>
      </c>
      <c r="P8" s="494">
        <v>0</v>
      </c>
      <c r="Q8" s="498"/>
      <c r="R8" s="493">
        <v>2458817</v>
      </c>
      <c r="S8" s="493">
        <v>8558932</v>
      </c>
      <c r="T8" s="493">
        <v>34643056</v>
      </c>
      <c r="U8" s="493">
        <v>47069578</v>
      </c>
      <c r="V8" s="493">
        <v>32499168</v>
      </c>
      <c r="W8" s="496">
        <v>125229551</v>
      </c>
      <c r="X8" s="497">
        <v>125229551</v>
      </c>
      <c r="Y8" s="492">
        <v>0</v>
      </c>
      <c r="Z8" s="493">
        <v>0</v>
      </c>
      <c r="AA8" s="494">
        <v>0</v>
      </c>
      <c r="AB8" s="498"/>
      <c r="AC8" s="493">
        <v>4356866</v>
      </c>
      <c r="AD8" s="493">
        <v>9432680</v>
      </c>
      <c r="AE8" s="493">
        <v>11349867</v>
      </c>
      <c r="AF8" s="493">
        <v>12440736</v>
      </c>
      <c r="AG8" s="493">
        <v>7185532</v>
      </c>
      <c r="AH8" s="496">
        <v>44765681</v>
      </c>
      <c r="AI8" s="497">
        <v>44765681</v>
      </c>
      <c r="AJ8" s="492">
        <v>0</v>
      </c>
      <c r="AK8" s="493">
        <v>0</v>
      </c>
      <c r="AL8" s="494">
        <v>0</v>
      </c>
      <c r="AM8" s="498"/>
      <c r="AN8" s="493">
        <v>0</v>
      </c>
      <c r="AO8" s="493">
        <v>0</v>
      </c>
      <c r="AP8" s="493">
        <v>0</v>
      </c>
      <c r="AQ8" s="493">
        <v>127500</v>
      </c>
      <c r="AR8" s="493">
        <v>228800</v>
      </c>
      <c r="AS8" s="496">
        <v>356300</v>
      </c>
      <c r="AT8" s="497">
        <v>356300</v>
      </c>
      <c r="AU8" s="492">
        <v>0</v>
      </c>
      <c r="AV8" s="493">
        <v>0</v>
      </c>
      <c r="AW8" s="494">
        <v>0</v>
      </c>
      <c r="AX8" s="498"/>
      <c r="AY8" s="493">
        <v>0</v>
      </c>
      <c r="AZ8" s="493">
        <v>79790</v>
      </c>
      <c r="BA8" s="493">
        <v>28335</v>
      </c>
      <c r="BB8" s="493">
        <v>403420</v>
      </c>
      <c r="BC8" s="493">
        <v>565340</v>
      </c>
      <c r="BD8" s="496">
        <v>1076885</v>
      </c>
      <c r="BE8" s="497">
        <v>1076885</v>
      </c>
      <c r="BF8" s="492">
        <v>0</v>
      </c>
      <c r="BG8" s="493">
        <v>0</v>
      </c>
      <c r="BH8" s="494">
        <v>0</v>
      </c>
      <c r="BI8" s="498"/>
      <c r="BJ8" s="493">
        <v>0</v>
      </c>
      <c r="BK8" s="493">
        <v>57350</v>
      </c>
      <c r="BL8" s="493">
        <v>271570</v>
      </c>
      <c r="BM8" s="493">
        <v>117245</v>
      </c>
      <c r="BN8" s="493">
        <v>135695</v>
      </c>
      <c r="BO8" s="496">
        <v>581860</v>
      </c>
      <c r="BP8" s="497">
        <v>581860</v>
      </c>
      <c r="BQ8" s="492">
        <v>7815</v>
      </c>
      <c r="BR8" s="493">
        <v>40412</v>
      </c>
      <c r="BS8" s="494">
        <v>48227</v>
      </c>
      <c r="BT8" s="495">
        <v>0</v>
      </c>
      <c r="BU8" s="493">
        <v>394242</v>
      </c>
      <c r="BV8" s="493">
        <v>1564132</v>
      </c>
      <c r="BW8" s="493">
        <v>3402299</v>
      </c>
      <c r="BX8" s="493">
        <v>2996157</v>
      </c>
      <c r="BY8" s="493">
        <v>1296858</v>
      </c>
      <c r="BZ8" s="496">
        <v>9653688</v>
      </c>
      <c r="CA8" s="497">
        <v>9701915</v>
      </c>
      <c r="CB8" s="492">
        <v>0</v>
      </c>
      <c r="CC8" s="493">
        <v>0</v>
      </c>
      <c r="CD8" s="494">
        <v>0</v>
      </c>
      <c r="CE8" s="495">
        <v>0</v>
      </c>
      <c r="CF8" s="493">
        <v>20921</v>
      </c>
      <c r="CG8" s="493">
        <v>183299</v>
      </c>
      <c r="CH8" s="493">
        <v>215557</v>
      </c>
      <c r="CI8" s="493">
        <v>177840</v>
      </c>
      <c r="CJ8" s="493">
        <v>101367</v>
      </c>
      <c r="CK8" s="496">
        <v>698984</v>
      </c>
      <c r="CL8" s="497">
        <v>698984</v>
      </c>
      <c r="CM8" s="492">
        <v>0</v>
      </c>
      <c r="CN8" s="493">
        <v>0</v>
      </c>
      <c r="CO8" s="494">
        <v>0</v>
      </c>
      <c r="CP8" s="495">
        <v>0</v>
      </c>
      <c r="CQ8" s="493">
        <v>0</v>
      </c>
      <c r="CR8" s="493">
        <v>0</v>
      </c>
      <c r="CS8" s="493">
        <v>0</v>
      </c>
      <c r="CT8" s="493">
        <v>0</v>
      </c>
      <c r="CU8" s="493">
        <v>0</v>
      </c>
      <c r="CV8" s="496">
        <v>0</v>
      </c>
      <c r="CW8" s="497">
        <v>0</v>
      </c>
      <c r="CX8" s="492">
        <v>0</v>
      </c>
      <c r="CY8" s="493">
        <v>0</v>
      </c>
      <c r="CZ8" s="494">
        <v>0</v>
      </c>
      <c r="DA8" s="498"/>
      <c r="DB8" s="493">
        <v>0</v>
      </c>
      <c r="DC8" s="493">
        <v>0</v>
      </c>
      <c r="DD8" s="493">
        <v>290</v>
      </c>
      <c r="DE8" s="493">
        <v>0</v>
      </c>
      <c r="DF8" s="493">
        <v>0</v>
      </c>
      <c r="DG8" s="496">
        <v>290</v>
      </c>
      <c r="DH8" s="497">
        <v>290</v>
      </c>
      <c r="DI8" s="492">
        <v>12876</v>
      </c>
      <c r="DJ8" s="493">
        <v>77042</v>
      </c>
      <c r="DK8" s="494">
        <v>89918</v>
      </c>
      <c r="DL8" s="495">
        <v>0</v>
      </c>
      <c r="DM8" s="493">
        <v>5691831</v>
      </c>
      <c r="DN8" s="493">
        <v>18595542</v>
      </c>
      <c r="DO8" s="493">
        <v>55173012</v>
      </c>
      <c r="DP8" s="493">
        <v>69726277</v>
      </c>
      <c r="DQ8" s="493">
        <v>45912525</v>
      </c>
      <c r="DR8" s="496">
        <v>195099187</v>
      </c>
      <c r="DS8" s="499">
        <v>195189105</v>
      </c>
      <c r="DT8" s="492">
        <v>0</v>
      </c>
      <c r="DU8" s="493">
        <v>0</v>
      </c>
      <c r="DV8" s="494">
        <v>0</v>
      </c>
      <c r="DW8" s="498"/>
      <c r="DX8" s="493">
        <v>3390788</v>
      </c>
      <c r="DY8" s="493">
        <v>12277233</v>
      </c>
      <c r="DZ8" s="493">
        <v>46089012</v>
      </c>
      <c r="EA8" s="493">
        <v>61187930</v>
      </c>
      <c r="EB8" s="493">
        <v>40817120</v>
      </c>
      <c r="EC8" s="496">
        <v>163762083</v>
      </c>
      <c r="ED8" s="497">
        <v>163762083</v>
      </c>
      <c r="EE8" s="492">
        <v>0</v>
      </c>
      <c r="EF8" s="493">
        <v>0</v>
      </c>
      <c r="EG8" s="494">
        <v>0</v>
      </c>
      <c r="EH8" s="498"/>
      <c r="EI8" s="493">
        <v>1505584</v>
      </c>
      <c r="EJ8" s="493">
        <v>3546259</v>
      </c>
      <c r="EK8" s="493">
        <v>3428726</v>
      </c>
      <c r="EL8" s="493">
        <v>4071761</v>
      </c>
      <c r="EM8" s="493">
        <v>2540176</v>
      </c>
      <c r="EN8" s="496">
        <v>15092506</v>
      </c>
      <c r="EO8" s="497">
        <v>15092506</v>
      </c>
      <c r="EP8" s="492">
        <v>0</v>
      </c>
      <c r="EQ8" s="493">
        <v>0</v>
      </c>
      <c r="ER8" s="494">
        <v>0</v>
      </c>
      <c r="ES8" s="498"/>
      <c r="ET8" s="493">
        <v>0</v>
      </c>
      <c r="EU8" s="493">
        <v>0</v>
      </c>
      <c r="EV8" s="493">
        <v>11470</v>
      </c>
      <c r="EW8" s="493">
        <v>14214</v>
      </c>
      <c r="EX8" s="493">
        <v>16349</v>
      </c>
      <c r="EY8" s="496">
        <v>42033</v>
      </c>
      <c r="EZ8" s="497">
        <v>42033</v>
      </c>
      <c r="FA8" s="492">
        <v>0</v>
      </c>
      <c r="FB8" s="493">
        <v>0</v>
      </c>
      <c r="FC8" s="494">
        <v>0</v>
      </c>
      <c r="FD8" s="498"/>
      <c r="FE8" s="493">
        <v>0</v>
      </c>
      <c r="FF8" s="493">
        <v>23514</v>
      </c>
      <c r="FG8" s="493">
        <v>11911</v>
      </c>
      <c r="FH8" s="493">
        <v>63825</v>
      </c>
      <c r="FI8" s="493">
        <v>109501</v>
      </c>
      <c r="FJ8" s="496">
        <v>208751</v>
      </c>
      <c r="FK8" s="497">
        <v>208751</v>
      </c>
      <c r="FL8" s="492">
        <v>0</v>
      </c>
      <c r="FM8" s="493">
        <v>0</v>
      </c>
      <c r="FN8" s="494">
        <v>0</v>
      </c>
      <c r="FO8" s="498"/>
      <c r="FP8" s="493">
        <v>0</v>
      </c>
      <c r="FQ8" s="493">
        <v>58342</v>
      </c>
      <c r="FR8" s="493">
        <v>380554</v>
      </c>
      <c r="FS8" s="493">
        <v>253796</v>
      </c>
      <c r="FT8" s="493">
        <v>245940</v>
      </c>
      <c r="FU8" s="496">
        <v>938632</v>
      </c>
      <c r="FV8" s="497">
        <v>938632</v>
      </c>
      <c r="FW8" s="492">
        <v>12876</v>
      </c>
      <c r="FX8" s="493">
        <v>77042</v>
      </c>
      <c r="FY8" s="494">
        <v>89918</v>
      </c>
      <c r="FZ8" s="495">
        <v>0</v>
      </c>
      <c r="GA8" s="493">
        <v>753869</v>
      </c>
      <c r="GB8" s="493">
        <v>2608139</v>
      </c>
      <c r="GC8" s="493">
        <v>5140378</v>
      </c>
      <c r="GD8" s="493">
        <v>4057571</v>
      </c>
      <c r="GE8" s="493">
        <v>2117360</v>
      </c>
      <c r="GF8" s="496">
        <v>14677317</v>
      </c>
      <c r="GG8" s="497">
        <v>14767235</v>
      </c>
      <c r="GH8" s="492">
        <v>0</v>
      </c>
      <c r="GI8" s="493">
        <v>0</v>
      </c>
      <c r="GJ8" s="494">
        <v>0</v>
      </c>
      <c r="GK8" s="495">
        <v>0</v>
      </c>
      <c r="GL8" s="493">
        <v>41590</v>
      </c>
      <c r="GM8" s="493">
        <v>82055</v>
      </c>
      <c r="GN8" s="493">
        <v>110933</v>
      </c>
      <c r="GO8" s="493">
        <v>77180</v>
      </c>
      <c r="GP8" s="493">
        <v>66079</v>
      </c>
      <c r="GQ8" s="496">
        <v>377837</v>
      </c>
      <c r="GR8" s="497">
        <v>377837</v>
      </c>
      <c r="GS8" s="492">
        <v>0</v>
      </c>
      <c r="GT8" s="493">
        <v>0</v>
      </c>
      <c r="GU8" s="494">
        <v>0</v>
      </c>
      <c r="GV8" s="495">
        <v>0</v>
      </c>
      <c r="GW8" s="493">
        <v>0</v>
      </c>
      <c r="GX8" s="493">
        <v>0</v>
      </c>
      <c r="GY8" s="493">
        <v>0</v>
      </c>
      <c r="GZ8" s="493">
        <v>0</v>
      </c>
      <c r="HA8" s="493">
        <v>0</v>
      </c>
      <c r="HB8" s="496">
        <v>0</v>
      </c>
      <c r="HC8" s="497">
        <v>0</v>
      </c>
      <c r="HD8" s="492">
        <v>0</v>
      </c>
      <c r="HE8" s="493">
        <v>0</v>
      </c>
      <c r="HF8" s="494">
        <v>0</v>
      </c>
      <c r="HG8" s="498"/>
      <c r="HH8" s="493">
        <v>0</v>
      </c>
      <c r="HI8" s="493">
        <v>0</v>
      </c>
      <c r="HJ8" s="493">
        <v>28</v>
      </c>
      <c r="HK8" s="493">
        <v>0</v>
      </c>
      <c r="HL8" s="493">
        <v>0</v>
      </c>
      <c r="HM8" s="496">
        <v>28</v>
      </c>
      <c r="HN8" s="497">
        <v>28</v>
      </c>
      <c r="HO8" s="492">
        <v>20691</v>
      </c>
      <c r="HP8" s="493">
        <v>117454</v>
      </c>
      <c r="HQ8" s="494">
        <v>138145</v>
      </c>
      <c r="HR8" s="495">
        <v>0</v>
      </c>
      <c r="HS8" s="493">
        <v>12922677</v>
      </c>
      <c r="HT8" s="493">
        <v>38471725</v>
      </c>
      <c r="HU8" s="493">
        <v>105083986</v>
      </c>
      <c r="HV8" s="493">
        <v>133058753</v>
      </c>
      <c r="HW8" s="493">
        <v>87925285</v>
      </c>
      <c r="HX8" s="496">
        <v>377462426</v>
      </c>
      <c r="HY8" s="497">
        <v>377600571</v>
      </c>
    </row>
    <row r="9" spans="2:233" ht="16.5" customHeight="1" x14ac:dyDescent="0.2">
      <c r="B9" s="292" t="s">
        <v>6</v>
      </c>
      <c r="C9" s="294">
        <v>0</v>
      </c>
      <c r="D9" s="295">
        <v>16671</v>
      </c>
      <c r="E9" s="296">
        <v>16671</v>
      </c>
      <c r="F9" s="297">
        <v>0</v>
      </c>
      <c r="G9" s="295">
        <v>2587314</v>
      </c>
      <c r="H9" s="295">
        <v>4288730</v>
      </c>
      <c r="I9" s="295">
        <v>15771903</v>
      </c>
      <c r="J9" s="295">
        <v>21366253</v>
      </c>
      <c r="K9" s="295">
        <v>14130057</v>
      </c>
      <c r="L9" s="298">
        <v>58144257</v>
      </c>
      <c r="M9" s="299">
        <v>58160928</v>
      </c>
      <c r="N9" s="294">
        <v>0</v>
      </c>
      <c r="O9" s="295">
        <v>0</v>
      </c>
      <c r="P9" s="296">
        <v>0</v>
      </c>
      <c r="Q9" s="300"/>
      <c r="R9" s="295">
        <v>1080480</v>
      </c>
      <c r="S9" s="295">
        <v>1594865</v>
      </c>
      <c r="T9" s="295">
        <v>11160441</v>
      </c>
      <c r="U9" s="295">
        <v>14612282</v>
      </c>
      <c r="V9" s="295">
        <v>10340275</v>
      </c>
      <c r="W9" s="298">
        <v>38788343</v>
      </c>
      <c r="X9" s="299">
        <v>38788343</v>
      </c>
      <c r="Y9" s="294">
        <v>0</v>
      </c>
      <c r="Z9" s="295">
        <v>0</v>
      </c>
      <c r="AA9" s="296">
        <v>0</v>
      </c>
      <c r="AB9" s="300"/>
      <c r="AC9" s="295">
        <v>1253045</v>
      </c>
      <c r="AD9" s="295">
        <v>2148310</v>
      </c>
      <c r="AE9" s="295">
        <v>3507965</v>
      </c>
      <c r="AF9" s="295">
        <v>4700313</v>
      </c>
      <c r="AG9" s="295">
        <v>2330050</v>
      </c>
      <c r="AH9" s="298">
        <v>13939683</v>
      </c>
      <c r="AI9" s="299">
        <v>13939683</v>
      </c>
      <c r="AJ9" s="294">
        <v>0</v>
      </c>
      <c r="AK9" s="295">
        <v>0</v>
      </c>
      <c r="AL9" s="296">
        <v>0</v>
      </c>
      <c r="AM9" s="300"/>
      <c r="AN9" s="295">
        <v>0</v>
      </c>
      <c r="AO9" s="295">
        <v>0</v>
      </c>
      <c r="AP9" s="295">
        <v>27280</v>
      </c>
      <c r="AQ9" s="295">
        <v>298300</v>
      </c>
      <c r="AR9" s="295">
        <v>480260</v>
      </c>
      <c r="AS9" s="298">
        <v>805840</v>
      </c>
      <c r="AT9" s="299">
        <v>805840</v>
      </c>
      <c r="AU9" s="294">
        <v>0</v>
      </c>
      <c r="AV9" s="295">
        <v>0</v>
      </c>
      <c r="AW9" s="296">
        <v>0</v>
      </c>
      <c r="AX9" s="300"/>
      <c r="AY9" s="295">
        <v>0</v>
      </c>
      <c r="AZ9" s="295">
        <v>0</v>
      </c>
      <c r="BA9" s="295">
        <v>7905</v>
      </c>
      <c r="BB9" s="295">
        <v>330370</v>
      </c>
      <c r="BC9" s="295">
        <v>239632</v>
      </c>
      <c r="BD9" s="298">
        <v>577907</v>
      </c>
      <c r="BE9" s="299">
        <v>577907</v>
      </c>
      <c r="BF9" s="294">
        <v>0</v>
      </c>
      <c r="BG9" s="295">
        <v>0</v>
      </c>
      <c r="BH9" s="296">
        <v>0</v>
      </c>
      <c r="BI9" s="300"/>
      <c r="BJ9" s="295">
        <v>27280</v>
      </c>
      <c r="BK9" s="295">
        <v>100905</v>
      </c>
      <c r="BL9" s="295">
        <v>353735</v>
      </c>
      <c r="BM9" s="295">
        <v>407035</v>
      </c>
      <c r="BN9" s="295">
        <v>254085</v>
      </c>
      <c r="BO9" s="298">
        <v>1143040</v>
      </c>
      <c r="BP9" s="299">
        <v>1143040</v>
      </c>
      <c r="BQ9" s="294">
        <v>0</v>
      </c>
      <c r="BR9" s="295">
        <v>16671</v>
      </c>
      <c r="BS9" s="296">
        <v>16671</v>
      </c>
      <c r="BT9" s="297">
        <v>0</v>
      </c>
      <c r="BU9" s="295">
        <v>218884</v>
      </c>
      <c r="BV9" s="295">
        <v>397050</v>
      </c>
      <c r="BW9" s="295">
        <v>703452</v>
      </c>
      <c r="BX9" s="295">
        <v>964798</v>
      </c>
      <c r="BY9" s="295">
        <v>438690</v>
      </c>
      <c r="BZ9" s="298">
        <v>2722874</v>
      </c>
      <c r="CA9" s="299">
        <v>2739545</v>
      </c>
      <c r="CB9" s="294">
        <v>0</v>
      </c>
      <c r="CC9" s="295">
        <v>0</v>
      </c>
      <c r="CD9" s="296">
        <v>0</v>
      </c>
      <c r="CE9" s="297">
        <v>0</v>
      </c>
      <c r="CF9" s="295">
        <v>7625</v>
      </c>
      <c r="CG9" s="295">
        <v>47600</v>
      </c>
      <c r="CH9" s="295">
        <v>11125</v>
      </c>
      <c r="CI9" s="295">
        <v>53155</v>
      </c>
      <c r="CJ9" s="295">
        <v>47065</v>
      </c>
      <c r="CK9" s="298">
        <v>166570</v>
      </c>
      <c r="CL9" s="299">
        <v>166570</v>
      </c>
      <c r="CM9" s="294">
        <v>0</v>
      </c>
      <c r="CN9" s="295">
        <v>0</v>
      </c>
      <c r="CO9" s="296">
        <v>0</v>
      </c>
      <c r="CP9" s="297">
        <v>0</v>
      </c>
      <c r="CQ9" s="295">
        <v>0</v>
      </c>
      <c r="CR9" s="295">
        <v>0</v>
      </c>
      <c r="CS9" s="295">
        <v>0</v>
      </c>
      <c r="CT9" s="295">
        <v>0</v>
      </c>
      <c r="CU9" s="295">
        <v>0</v>
      </c>
      <c r="CV9" s="298">
        <v>0</v>
      </c>
      <c r="CW9" s="299">
        <v>0</v>
      </c>
      <c r="CX9" s="294">
        <v>0</v>
      </c>
      <c r="CY9" s="295">
        <v>0</v>
      </c>
      <c r="CZ9" s="296">
        <v>0</v>
      </c>
      <c r="DA9" s="300"/>
      <c r="DB9" s="295">
        <v>0</v>
      </c>
      <c r="DC9" s="295">
        <v>0</v>
      </c>
      <c r="DD9" s="295">
        <v>0</v>
      </c>
      <c r="DE9" s="295">
        <v>0</v>
      </c>
      <c r="DF9" s="295">
        <v>0</v>
      </c>
      <c r="DG9" s="298">
        <v>0</v>
      </c>
      <c r="DH9" s="299">
        <v>0</v>
      </c>
      <c r="DI9" s="294">
        <v>0</v>
      </c>
      <c r="DJ9" s="295">
        <v>21822</v>
      </c>
      <c r="DK9" s="296">
        <v>21822</v>
      </c>
      <c r="DL9" s="297">
        <v>0</v>
      </c>
      <c r="DM9" s="295">
        <v>1598375</v>
      </c>
      <c r="DN9" s="295">
        <v>3168577</v>
      </c>
      <c r="DO9" s="295">
        <v>14374871</v>
      </c>
      <c r="DP9" s="295">
        <v>19094489</v>
      </c>
      <c r="DQ9" s="295">
        <v>12473621</v>
      </c>
      <c r="DR9" s="298">
        <v>50709933</v>
      </c>
      <c r="DS9" s="301">
        <v>50731755</v>
      </c>
      <c r="DT9" s="294">
        <v>0</v>
      </c>
      <c r="DU9" s="295">
        <v>0</v>
      </c>
      <c r="DV9" s="296">
        <v>0</v>
      </c>
      <c r="DW9" s="300"/>
      <c r="DX9" s="295">
        <v>930899</v>
      </c>
      <c r="DY9" s="295">
        <v>1858736</v>
      </c>
      <c r="DZ9" s="295">
        <v>12008042</v>
      </c>
      <c r="EA9" s="295">
        <v>15606959</v>
      </c>
      <c r="EB9" s="295">
        <v>10728471</v>
      </c>
      <c r="EC9" s="298">
        <v>41133107</v>
      </c>
      <c r="ED9" s="299">
        <v>41133107</v>
      </c>
      <c r="EE9" s="294">
        <v>0</v>
      </c>
      <c r="EF9" s="295">
        <v>0</v>
      </c>
      <c r="EG9" s="296">
        <v>0</v>
      </c>
      <c r="EH9" s="300"/>
      <c r="EI9" s="295">
        <v>283148</v>
      </c>
      <c r="EJ9" s="295">
        <v>628520</v>
      </c>
      <c r="EK9" s="295">
        <v>755379</v>
      </c>
      <c r="EL9" s="295">
        <v>1171445</v>
      </c>
      <c r="EM9" s="295">
        <v>537157</v>
      </c>
      <c r="EN9" s="298">
        <v>3375649</v>
      </c>
      <c r="EO9" s="299">
        <v>3375649</v>
      </c>
      <c r="EP9" s="294">
        <v>0</v>
      </c>
      <c r="EQ9" s="295">
        <v>0</v>
      </c>
      <c r="ER9" s="296">
        <v>0</v>
      </c>
      <c r="ES9" s="300"/>
      <c r="ET9" s="295">
        <v>0</v>
      </c>
      <c r="EU9" s="295">
        <v>0</v>
      </c>
      <c r="EV9" s="295">
        <v>11904</v>
      </c>
      <c r="EW9" s="295">
        <v>54638</v>
      </c>
      <c r="EX9" s="295">
        <v>119965</v>
      </c>
      <c r="EY9" s="298">
        <v>186507</v>
      </c>
      <c r="EZ9" s="299">
        <v>186507</v>
      </c>
      <c r="FA9" s="294">
        <v>0</v>
      </c>
      <c r="FB9" s="295">
        <v>0</v>
      </c>
      <c r="FC9" s="296">
        <v>0</v>
      </c>
      <c r="FD9" s="300"/>
      <c r="FE9" s="295">
        <v>0</v>
      </c>
      <c r="FF9" s="295">
        <v>0</v>
      </c>
      <c r="FG9" s="295">
        <v>434</v>
      </c>
      <c r="FH9" s="295">
        <v>66797</v>
      </c>
      <c r="FI9" s="295">
        <v>44835</v>
      </c>
      <c r="FJ9" s="298">
        <v>112066</v>
      </c>
      <c r="FK9" s="299">
        <v>112066</v>
      </c>
      <c r="FL9" s="294">
        <v>0</v>
      </c>
      <c r="FM9" s="295">
        <v>0</v>
      </c>
      <c r="FN9" s="296">
        <v>0</v>
      </c>
      <c r="FO9" s="300"/>
      <c r="FP9" s="295">
        <v>43152</v>
      </c>
      <c r="FQ9" s="295">
        <v>100037</v>
      </c>
      <c r="FR9" s="295">
        <v>593837</v>
      </c>
      <c r="FS9" s="295">
        <v>952522</v>
      </c>
      <c r="FT9" s="295">
        <v>456209</v>
      </c>
      <c r="FU9" s="298">
        <v>2145757</v>
      </c>
      <c r="FV9" s="299">
        <v>2145757</v>
      </c>
      <c r="FW9" s="294">
        <v>0</v>
      </c>
      <c r="FX9" s="295">
        <v>21822</v>
      </c>
      <c r="FY9" s="296">
        <v>21822</v>
      </c>
      <c r="FZ9" s="297">
        <v>0</v>
      </c>
      <c r="GA9" s="295">
        <v>336029</v>
      </c>
      <c r="GB9" s="295">
        <v>551572</v>
      </c>
      <c r="GC9" s="295">
        <v>985421</v>
      </c>
      <c r="GD9" s="295">
        <v>1202067</v>
      </c>
      <c r="GE9" s="295">
        <v>565843</v>
      </c>
      <c r="GF9" s="298">
        <v>3640932</v>
      </c>
      <c r="GG9" s="299">
        <v>3662754</v>
      </c>
      <c r="GH9" s="294">
        <v>0</v>
      </c>
      <c r="GI9" s="295">
        <v>0</v>
      </c>
      <c r="GJ9" s="296">
        <v>0</v>
      </c>
      <c r="GK9" s="297">
        <v>0</v>
      </c>
      <c r="GL9" s="295">
        <v>5147</v>
      </c>
      <c r="GM9" s="295">
        <v>29712</v>
      </c>
      <c r="GN9" s="295">
        <v>19854</v>
      </c>
      <c r="GO9" s="295">
        <v>40061</v>
      </c>
      <c r="GP9" s="295">
        <v>21141</v>
      </c>
      <c r="GQ9" s="298">
        <v>115915</v>
      </c>
      <c r="GR9" s="299">
        <v>115915</v>
      </c>
      <c r="GS9" s="294">
        <v>0</v>
      </c>
      <c r="GT9" s="295">
        <v>0</v>
      </c>
      <c r="GU9" s="296">
        <v>0</v>
      </c>
      <c r="GV9" s="297">
        <v>0</v>
      </c>
      <c r="GW9" s="295">
        <v>0</v>
      </c>
      <c r="GX9" s="295">
        <v>0</v>
      </c>
      <c r="GY9" s="295">
        <v>0</v>
      </c>
      <c r="GZ9" s="295">
        <v>0</v>
      </c>
      <c r="HA9" s="295">
        <v>0</v>
      </c>
      <c r="HB9" s="298">
        <v>0</v>
      </c>
      <c r="HC9" s="299">
        <v>0</v>
      </c>
      <c r="HD9" s="294">
        <v>0</v>
      </c>
      <c r="HE9" s="295">
        <v>0</v>
      </c>
      <c r="HF9" s="296">
        <v>0</v>
      </c>
      <c r="HG9" s="300"/>
      <c r="HH9" s="295">
        <v>0</v>
      </c>
      <c r="HI9" s="295">
        <v>0</v>
      </c>
      <c r="HJ9" s="295">
        <v>0</v>
      </c>
      <c r="HK9" s="295">
        <v>0</v>
      </c>
      <c r="HL9" s="295">
        <v>0</v>
      </c>
      <c r="HM9" s="298">
        <v>0</v>
      </c>
      <c r="HN9" s="299">
        <v>0</v>
      </c>
      <c r="HO9" s="294">
        <v>0</v>
      </c>
      <c r="HP9" s="295">
        <v>38493</v>
      </c>
      <c r="HQ9" s="296">
        <v>38493</v>
      </c>
      <c r="HR9" s="297">
        <v>0</v>
      </c>
      <c r="HS9" s="295">
        <v>4185689</v>
      </c>
      <c r="HT9" s="295">
        <v>7457307</v>
      </c>
      <c r="HU9" s="295">
        <v>30146774</v>
      </c>
      <c r="HV9" s="295">
        <v>40460742</v>
      </c>
      <c r="HW9" s="295">
        <v>26603678</v>
      </c>
      <c r="HX9" s="298">
        <v>108854190</v>
      </c>
      <c r="HY9" s="299">
        <v>108892683</v>
      </c>
    </row>
    <row r="10" spans="2:233" ht="16.5" customHeight="1" x14ac:dyDescent="0.2">
      <c r="B10" s="292" t="s">
        <v>14</v>
      </c>
      <c r="C10" s="294">
        <v>5070</v>
      </c>
      <c r="D10" s="295">
        <v>4621</v>
      </c>
      <c r="E10" s="296">
        <v>9691</v>
      </c>
      <c r="F10" s="297">
        <v>0</v>
      </c>
      <c r="G10" s="295">
        <v>764173</v>
      </c>
      <c r="H10" s="295">
        <v>2219766</v>
      </c>
      <c r="I10" s="295">
        <v>8824193</v>
      </c>
      <c r="J10" s="295">
        <v>12923277</v>
      </c>
      <c r="K10" s="295">
        <v>7305147</v>
      </c>
      <c r="L10" s="298">
        <v>32036556</v>
      </c>
      <c r="M10" s="299">
        <v>32046247</v>
      </c>
      <c r="N10" s="294">
        <v>0</v>
      </c>
      <c r="O10" s="295">
        <v>0</v>
      </c>
      <c r="P10" s="296">
        <v>0</v>
      </c>
      <c r="Q10" s="300"/>
      <c r="R10" s="295">
        <v>124245</v>
      </c>
      <c r="S10" s="295">
        <v>491986</v>
      </c>
      <c r="T10" s="295">
        <v>6198692</v>
      </c>
      <c r="U10" s="295">
        <v>9070949</v>
      </c>
      <c r="V10" s="295">
        <v>5282970</v>
      </c>
      <c r="W10" s="298">
        <v>21168842</v>
      </c>
      <c r="X10" s="299">
        <v>21168842</v>
      </c>
      <c r="Y10" s="294">
        <v>0</v>
      </c>
      <c r="Z10" s="295">
        <v>0</v>
      </c>
      <c r="AA10" s="296">
        <v>0</v>
      </c>
      <c r="AB10" s="300"/>
      <c r="AC10" s="295">
        <v>551615</v>
      </c>
      <c r="AD10" s="295">
        <v>1460439</v>
      </c>
      <c r="AE10" s="295">
        <v>1871731</v>
      </c>
      <c r="AF10" s="295">
        <v>2170164</v>
      </c>
      <c r="AG10" s="295">
        <v>907113</v>
      </c>
      <c r="AH10" s="298">
        <v>6961062</v>
      </c>
      <c r="AI10" s="299">
        <v>6961062</v>
      </c>
      <c r="AJ10" s="294">
        <v>0</v>
      </c>
      <c r="AK10" s="295">
        <v>0</v>
      </c>
      <c r="AL10" s="296">
        <v>0</v>
      </c>
      <c r="AM10" s="300"/>
      <c r="AN10" s="295">
        <v>0</v>
      </c>
      <c r="AO10" s="295">
        <v>0</v>
      </c>
      <c r="AP10" s="295">
        <v>0</v>
      </c>
      <c r="AQ10" s="295">
        <v>158645</v>
      </c>
      <c r="AR10" s="295">
        <v>236835</v>
      </c>
      <c r="AS10" s="298">
        <v>395480</v>
      </c>
      <c r="AT10" s="299">
        <v>395480</v>
      </c>
      <c r="AU10" s="294">
        <v>0</v>
      </c>
      <c r="AV10" s="295">
        <v>0</v>
      </c>
      <c r="AW10" s="296">
        <v>0</v>
      </c>
      <c r="AX10" s="300"/>
      <c r="AY10" s="295">
        <v>0</v>
      </c>
      <c r="AZ10" s="295">
        <v>0</v>
      </c>
      <c r="BA10" s="295">
        <v>24645</v>
      </c>
      <c r="BB10" s="295">
        <v>597205</v>
      </c>
      <c r="BC10" s="295">
        <v>529650</v>
      </c>
      <c r="BD10" s="298">
        <v>1151500</v>
      </c>
      <c r="BE10" s="299">
        <v>1151500</v>
      </c>
      <c r="BF10" s="294">
        <v>0</v>
      </c>
      <c r="BG10" s="295">
        <v>0</v>
      </c>
      <c r="BH10" s="296">
        <v>0</v>
      </c>
      <c r="BI10" s="300"/>
      <c r="BJ10" s="295">
        <v>0</v>
      </c>
      <c r="BK10" s="295">
        <v>24645</v>
      </c>
      <c r="BL10" s="295">
        <v>15810</v>
      </c>
      <c r="BM10" s="295">
        <v>97805</v>
      </c>
      <c r="BN10" s="295">
        <v>92690</v>
      </c>
      <c r="BO10" s="298">
        <v>230950</v>
      </c>
      <c r="BP10" s="299">
        <v>230950</v>
      </c>
      <c r="BQ10" s="294">
        <v>5070</v>
      </c>
      <c r="BR10" s="295">
        <v>4621</v>
      </c>
      <c r="BS10" s="296">
        <v>9691</v>
      </c>
      <c r="BT10" s="297">
        <v>0</v>
      </c>
      <c r="BU10" s="295">
        <v>88313</v>
      </c>
      <c r="BV10" s="295">
        <v>230250</v>
      </c>
      <c r="BW10" s="295">
        <v>710705</v>
      </c>
      <c r="BX10" s="295">
        <v>828509</v>
      </c>
      <c r="BY10" s="295">
        <v>255889</v>
      </c>
      <c r="BZ10" s="298">
        <v>2113666</v>
      </c>
      <c r="CA10" s="299">
        <v>2123357</v>
      </c>
      <c r="CB10" s="294">
        <v>0</v>
      </c>
      <c r="CC10" s="295">
        <v>0</v>
      </c>
      <c r="CD10" s="296">
        <v>0</v>
      </c>
      <c r="CE10" s="297">
        <v>0</v>
      </c>
      <c r="CF10" s="295">
        <v>0</v>
      </c>
      <c r="CG10" s="295">
        <v>12446</v>
      </c>
      <c r="CH10" s="295">
        <v>2610</v>
      </c>
      <c r="CI10" s="295">
        <v>0</v>
      </c>
      <c r="CJ10" s="295">
        <v>0</v>
      </c>
      <c r="CK10" s="298">
        <v>15056</v>
      </c>
      <c r="CL10" s="299">
        <v>15056</v>
      </c>
      <c r="CM10" s="294">
        <v>0</v>
      </c>
      <c r="CN10" s="295">
        <v>0</v>
      </c>
      <c r="CO10" s="296">
        <v>0</v>
      </c>
      <c r="CP10" s="297">
        <v>0</v>
      </c>
      <c r="CQ10" s="295">
        <v>0</v>
      </c>
      <c r="CR10" s="295">
        <v>0</v>
      </c>
      <c r="CS10" s="295">
        <v>0</v>
      </c>
      <c r="CT10" s="295">
        <v>0</v>
      </c>
      <c r="CU10" s="295">
        <v>0</v>
      </c>
      <c r="CV10" s="298">
        <v>0</v>
      </c>
      <c r="CW10" s="299">
        <v>0</v>
      </c>
      <c r="CX10" s="294">
        <v>0</v>
      </c>
      <c r="CY10" s="295">
        <v>0</v>
      </c>
      <c r="CZ10" s="296">
        <v>0</v>
      </c>
      <c r="DA10" s="300"/>
      <c r="DB10" s="295">
        <v>0</v>
      </c>
      <c r="DC10" s="295">
        <v>0</v>
      </c>
      <c r="DD10" s="295">
        <v>0</v>
      </c>
      <c r="DE10" s="295">
        <v>0</v>
      </c>
      <c r="DF10" s="295">
        <v>0</v>
      </c>
      <c r="DG10" s="298">
        <v>0</v>
      </c>
      <c r="DH10" s="299">
        <v>0</v>
      </c>
      <c r="DI10" s="294">
        <v>5257</v>
      </c>
      <c r="DJ10" s="295">
        <v>8926</v>
      </c>
      <c r="DK10" s="296">
        <v>14183</v>
      </c>
      <c r="DL10" s="297">
        <v>0</v>
      </c>
      <c r="DM10" s="295">
        <v>344093</v>
      </c>
      <c r="DN10" s="295">
        <v>1393904</v>
      </c>
      <c r="DO10" s="295">
        <v>10190309</v>
      </c>
      <c r="DP10" s="295">
        <v>14001521</v>
      </c>
      <c r="DQ10" s="295">
        <v>7532789</v>
      </c>
      <c r="DR10" s="298">
        <v>33462616</v>
      </c>
      <c r="DS10" s="301">
        <v>33476799</v>
      </c>
      <c r="DT10" s="294">
        <v>0</v>
      </c>
      <c r="DU10" s="295">
        <v>0</v>
      </c>
      <c r="DV10" s="296">
        <v>0</v>
      </c>
      <c r="DW10" s="300"/>
      <c r="DX10" s="295">
        <v>164486</v>
      </c>
      <c r="DY10" s="295">
        <v>817524</v>
      </c>
      <c r="DZ10" s="295">
        <v>8691019</v>
      </c>
      <c r="EA10" s="295">
        <v>12417683</v>
      </c>
      <c r="EB10" s="295">
        <v>6827480</v>
      </c>
      <c r="EC10" s="298">
        <v>28918192</v>
      </c>
      <c r="ED10" s="299">
        <v>28918192</v>
      </c>
      <c r="EE10" s="294">
        <v>0</v>
      </c>
      <c r="EF10" s="295">
        <v>0</v>
      </c>
      <c r="EG10" s="296">
        <v>0</v>
      </c>
      <c r="EH10" s="300"/>
      <c r="EI10" s="295">
        <v>42151</v>
      </c>
      <c r="EJ10" s="295">
        <v>214751</v>
      </c>
      <c r="EK10" s="295">
        <v>293319</v>
      </c>
      <c r="EL10" s="295">
        <v>260485</v>
      </c>
      <c r="EM10" s="295">
        <v>61856</v>
      </c>
      <c r="EN10" s="298">
        <v>872562</v>
      </c>
      <c r="EO10" s="299">
        <v>872562</v>
      </c>
      <c r="EP10" s="294">
        <v>0</v>
      </c>
      <c r="EQ10" s="295">
        <v>0</v>
      </c>
      <c r="ER10" s="296">
        <v>0</v>
      </c>
      <c r="ES10" s="300"/>
      <c r="ET10" s="295">
        <v>0</v>
      </c>
      <c r="EU10" s="295">
        <v>0</v>
      </c>
      <c r="EV10" s="295">
        <v>0</v>
      </c>
      <c r="EW10" s="295">
        <v>23157</v>
      </c>
      <c r="EX10" s="295">
        <v>46314</v>
      </c>
      <c r="EY10" s="298">
        <v>69471</v>
      </c>
      <c r="EZ10" s="299">
        <v>69471</v>
      </c>
      <c r="FA10" s="294">
        <v>0</v>
      </c>
      <c r="FB10" s="295">
        <v>0</v>
      </c>
      <c r="FC10" s="296">
        <v>0</v>
      </c>
      <c r="FD10" s="300"/>
      <c r="FE10" s="295">
        <v>0</v>
      </c>
      <c r="FF10" s="295">
        <v>0</v>
      </c>
      <c r="FG10" s="295">
        <v>217</v>
      </c>
      <c r="FH10" s="295">
        <v>98053</v>
      </c>
      <c r="FI10" s="295">
        <v>121582</v>
      </c>
      <c r="FJ10" s="298">
        <v>219852</v>
      </c>
      <c r="FK10" s="299">
        <v>219852</v>
      </c>
      <c r="FL10" s="294">
        <v>0</v>
      </c>
      <c r="FM10" s="295">
        <v>0</v>
      </c>
      <c r="FN10" s="296">
        <v>0</v>
      </c>
      <c r="FO10" s="300"/>
      <c r="FP10" s="295">
        <v>0</v>
      </c>
      <c r="FQ10" s="295">
        <v>21576</v>
      </c>
      <c r="FR10" s="295">
        <v>122915</v>
      </c>
      <c r="FS10" s="295">
        <v>202833</v>
      </c>
      <c r="FT10" s="295">
        <v>116684</v>
      </c>
      <c r="FU10" s="298">
        <v>464008</v>
      </c>
      <c r="FV10" s="299">
        <v>464008</v>
      </c>
      <c r="FW10" s="294">
        <v>5257</v>
      </c>
      <c r="FX10" s="295">
        <v>8926</v>
      </c>
      <c r="FY10" s="296">
        <v>14183</v>
      </c>
      <c r="FZ10" s="297">
        <v>0</v>
      </c>
      <c r="GA10" s="295">
        <v>137456</v>
      </c>
      <c r="GB10" s="295">
        <v>335906</v>
      </c>
      <c r="GC10" s="295">
        <v>1076037</v>
      </c>
      <c r="GD10" s="295">
        <v>999310</v>
      </c>
      <c r="GE10" s="295">
        <v>358873</v>
      </c>
      <c r="GF10" s="298">
        <v>2907582</v>
      </c>
      <c r="GG10" s="299">
        <v>2921765</v>
      </c>
      <c r="GH10" s="294">
        <v>0</v>
      </c>
      <c r="GI10" s="295">
        <v>0</v>
      </c>
      <c r="GJ10" s="296">
        <v>0</v>
      </c>
      <c r="GK10" s="297">
        <v>0</v>
      </c>
      <c r="GL10" s="295">
        <v>0</v>
      </c>
      <c r="GM10" s="295">
        <v>4147</v>
      </c>
      <c r="GN10" s="295">
        <v>6802</v>
      </c>
      <c r="GO10" s="295">
        <v>0</v>
      </c>
      <c r="GP10" s="295">
        <v>0</v>
      </c>
      <c r="GQ10" s="298">
        <v>10949</v>
      </c>
      <c r="GR10" s="299">
        <v>10949</v>
      </c>
      <c r="GS10" s="294">
        <v>0</v>
      </c>
      <c r="GT10" s="295">
        <v>0</v>
      </c>
      <c r="GU10" s="296">
        <v>0</v>
      </c>
      <c r="GV10" s="297">
        <v>0</v>
      </c>
      <c r="GW10" s="295">
        <v>0</v>
      </c>
      <c r="GX10" s="295">
        <v>0</v>
      </c>
      <c r="GY10" s="295">
        <v>0</v>
      </c>
      <c r="GZ10" s="295">
        <v>0</v>
      </c>
      <c r="HA10" s="295">
        <v>0</v>
      </c>
      <c r="HB10" s="298">
        <v>0</v>
      </c>
      <c r="HC10" s="299">
        <v>0</v>
      </c>
      <c r="HD10" s="294">
        <v>0</v>
      </c>
      <c r="HE10" s="295">
        <v>0</v>
      </c>
      <c r="HF10" s="296">
        <v>0</v>
      </c>
      <c r="HG10" s="300"/>
      <c r="HH10" s="295">
        <v>0</v>
      </c>
      <c r="HI10" s="295">
        <v>0</v>
      </c>
      <c r="HJ10" s="295">
        <v>0</v>
      </c>
      <c r="HK10" s="295">
        <v>0</v>
      </c>
      <c r="HL10" s="295">
        <v>0</v>
      </c>
      <c r="HM10" s="298">
        <v>0</v>
      </c>
      <c r="HN10" s="299">
        <v>0</v>
      </c>
      <c r="HO10" s="294">
        <v>10327</v>
      </c>
      <c r="HP10" s="295">
        <v>13547</v>
      </c>
      <c r="HQ10" s="296">
        <v>23874</v>
      </c>
      <c r="HR10" s="297">
        <v>0</v>
      </c>
      <c r="HS10" s="295">
        <v>1108266</v>
      </c>
      <c r="HT10" s="295">
        <v>3613670</v>
      </c>
      <c r="HU10" s="295">
        <v>19014502</v>
      </c>
      <c r="HV10" s="295">
        <v>26924798</v>
      </c>
      <c r="HW10" s="295">
        <v>14837936</v>
      </c>
      <c r="HX10" s="298">
        <v>65499172</v>
      </c>
      <c r="HY10" s="299">
        <v>65523046</v>
      </c>
    </row>
    <row r="11" spans="2:233" ht="16.5" customHeight="1" x14ac:dyDescent="0.2">
      <c r="B11" s="292" t="s">
        <v>7</v>
      </c>
      <c r="C11" s="294">
        <v>435</v>
      </c>
      <c r="D11" s="295">
        <v>245</v>
      </c>
      <c r="E11" s="296">
        <v>680</v>
      </c>
      <c r="F11" s="297">
        <v>0</v>
      </c>
      <c r="G11" s="295">
        <v>1777440</v>
      </c>
      <c r="H11" s="295">
        <v>1660358</v>
      </c>
      <c r="I11" s="295">
        <v>6263571</v>
      </c>
      <c r="J11" s="295">
        <v>8711713</v>
      </c>
      <c r="K11" s="295">
        <v>4462470</v>
      </c>
      <c r="L11" s="298">
        <v>22875552</v>
      </c>
      <c r="M11" s="299">
        <v>22876232</v>
      </c>
      <c r="N11" s="294">
        <v>0</v>
      </c>
      <c r="O11" s="295">
        <v>0</v>
      </c>
      <c r="P11" s="296">
        <v>0</v>
      </c>
      <c r="Q11" s="300"/>
      <c r="R11" s="295">
        <v>185380</v>
      </c>
      <c r="S11" s="295">
        <v>378200</v>
      </c>
      <c r="T11" s="295">
        <v>4528145</v>
      </c>
      <c r="U11" s="295">
        <v>6788552</v>
      </c>
      <c r="V11" s="295">
        <v>3945010</v>
      </c>
      <c r="W11" s="298">
        <v>15825287</v>
      </c>
      <c r="X11" s="299">
        <v>15825287</v>
      </c>
      <c r="Y11" s="294">
        <v>0</v>
      </c>
      <c r="Z11" s="295">
        <v>0</v>
      </c>
      <c r="AA11" s="296">
        <v>0</v>
      </c>
      <c r="AB11" s="300"/>
      <c r="AC11" s="295">
        <v>1412900</v>
      </c>
      <c r="AD11" s="295">
        <v>1073674</v>
      </c>
      <c r="AE11" s="295">
        <v>1439897</v>
      </c>
      <c r="AF11" s="295">
        <v>1658321</v>
      </c>
      <c r="AG11" s="295">
        <v>359908</v>
      </c>
      <c r="AH11" s="298">
        <v>5944700</v>
      </c>
      <c r="AI11" s="299">
        <v>5944700</v>
      </c>
      <c r="AJ11" s="294">
        <v>0</v>
      </c>
      <c r="AK11" s="295">
        <v>0</v>
      </c>
      <c r="AL11" s="296">
        <v>0</v>
      </c>
      <c r="AM11" s="300"/>
      <c r="AN11" s="295">
        <v>0</v>
      </c>
      <c r="AO11" s="295">
        <v>0</v>
      </c>
      <c r="AP11" s="295">
        <v>0</v>
      </c>
      <c r="AQ11" s="295">
        <v>0</v>
      </c>
      <c r="AR11" s="295">
        <v>7735</v>
      </c>
      <c r="AS11" s="298">
        <v>7735</v>
      </c>
      <c r="AT11" s="299">
        <v>7735</v>
      </c>
      <c r="AU11" s="294">
        <v>0</v>
      </c>
      <c r="AV11" s="295">
        <v>0</v>
      </c>
      <c r="AW11" s="296">
        <v>0</v>
      </c>
      <c r="AX11" s="300"/>
      <c r="AY11" s="295">
        <v>0</v>
      </c>
      <c r="AZ11" s="295">
        <v>0</v>
      </c>
      <c r="BA11" s="295">
        <v>0</v>
      </c>
      <c r="BB11" s="295">
        <v>32705</v>
      </c>
      <c r="BC11" s="295">
        <v>0</v>
      </c>
      <c r="BD11" s="298">
        <v>32705</v>
      </c>
      <c r="BE11" s="299">
        <v>32705</v>
      </c>
      <c r="BF11" s="294">
        <v>0</v>
      </c>
      <c r="BG11" s="295">
        <v>0</v>
      </c>
      <c r="BH11" s="296">
        <v>0</v>
      </c>
      <c r="BI11" s="300"/>
      <c r="BJ11" s="295">
        <v>0</v>
      </c>
      <c r="BK11" s="295">
        <v>0</v>
      </c>
      <c r="BL11" s="295">
        <v>0</v>
      </c>
      <c r="BM11" s="295">
        <v>0</v>
      </c>
      <c r="BN11" s="295">
        <v>0</v>
      </c>
      <c r="BO11" s="298">
        <v>0</v>
      </c>
      <c r="BP11" s="299">
        <v>0</v>
      </c>
      <c r="BQ11" s="294">
        <v>435</v>
      </c>
      <c r="BR11" s="295">
        <v>245</v>
      </c>
      <c r="BS11" s="296">
        <v>680</v>
      </c>
      <c r="BT11" s="297">
        <v>0</v>
      </c>
      <c r="BU11" s="295">
        <v>178790</v>
      </c>
      <c r="BV11" s="295">
        <v>207099</v>
      </c>
      <c r="BW11" s="295">
        <v>283689</v>
      </c>
      <c r="BX11" s="295">
        <v>214480</v>
      </c>
      <c r="BY11" s="295">
        <v>146192</v>
      </c>
      <c r="BZ11" s="298">
        <v>1030250</v>
      </c>
      <c r="CA11" s="299">
        <v>1030930</v>
      </c>
      <c r="CB11" s="294">
        <v>0</v>
      </c>
      <c r="CC11" s="295">
        <v>0</v>
      </c>
      <c r="CD11" s="296">
        <v>0</v>
      </c>
      <c r="CE11" s="297">
        <v>0</v>
      </c>
      <c r="CF11" s="295">
        <v>370</v>
      </c>
      <c r="CG11" s="295">
        <v>1385</v>
      </c>
      <c r="CH11" s="295">
        <v>11840</v>
      </c>
      <c r="CI11" s="295">
        <v>17655</v>
      </c>
      <c r="CJ11" s="295">
        <v>3625</v>
      </c>
      <c r="CK11" s="298">
        <v>34875</v>
      </c>
      <c r="CL11" s="299">
        <v>34875</v>
      </c>
      <c r="CM11" s="294">
        <v>0</v>
      </c>
      <c r="CN11" s="295">
        <v>0</v>
      </c>
      <c r="CO11" s="296">
        <v>0</v>
      </c>
      <c r="CP11" s="297">
        <v>0</v>
      </c>
      <c r="CQ11" s="295">
        <v>0</v>
      </c>
      <c r="CR11" s="295">
        <v>0</v>
      </c>
      <c r="CS11" s="295">
        <v>0</v>
      </c>
      <c r="CT11" s="295">
        <v>0</v>
      </c>
      <c r="CU11" s="295">
        <v>0</v>
      </c>
      <c r="CV11" s="298">
        <v>0</v>
      </c>
      <c r="CW11" s="299">
        <v>0</v>
      </c>
      <c r="CX11" s="294">
        <v>0</v>
      </c>
      <c r="CY11" s="295">
        <v>0</v>
      </c>
      <c r="CZ11" s="296">
        <v>0</v>
      </c>
      <c r="DA11" s="300"/>
      <c r="DB11" s="295">
        <v>0</v>
      </c>
      <c r="DC11" s="295">
        <v>0</v>
      </c>
      <c r="DD11" s="295">
        <v>0</v>
      </c>
      <c r="DE11" s="295">
        <v>0</v>
      </c>
      <c r="DF11" s="295">
        <v>0</v>
      </c>
      <c r="DG11" s="298">
        <v>0</v>
      </c>
      <c r="DH11" s="299">
        <v>0</v>
      </c>
      <c r="DI11" s="294">
        <v>3480</v>
      </c>
      <c r="DJ11" s="295">
        <v>1404</v>
      </c>
      <c r="DK11" s="296">
        <v>4884</v>
      </c>
      <c r="DL11" s="297">
        <v>0</v>
      </c>
      <c r="DM11" s="295">
        <v>691274</v>
      </c>
      <c r="DN11" s="295">
        <v>938285</v>
      </c>
      <c r="DO11" s="295">
        <v>6600911</v>
      </c>
      <c r="DP11" s="295">
        <v>8734864</v>
      </c>
      <c r="DQ11" s="295">
        <v>4994997</v>
      </c>
      <c r="DR11" s="298">
        <v>21960331</v>
      </c>
      <c r="DS11" s="301">
        <v>21965215</v>
      </c>
      <c r="DT11" s="294">
        <v>0</v>
      </c>
      <c r="DU11" s="295">
        <v>0</v>
      </c>
      <c r="DV11" s="296">
        <v>0</v>
      </c>
      <c r="DW11" s="300"/>
      <c r="DX11" s="295">
        <v>219976</v>
      </c>
      <c r="DY11" s="295">
        <v>509888</v>
      </c>
      <c r="DZ11" s="295">
        <v>5819177</v>
      </c>
      <c r="EA11" s="295">
        <v>8221348</v>
      </c>
      <c r="EB11" s="295">
        <v>4675345</v>
      </c>
      <c r="EC11" s="298">
        <v>19445734</v>
      </c>
      <c r="ED11" s="299">
        <v>19445734</v>
      </c>
      <c r="EE11" s="294">
        <v>0</v>
      </c>
      <c r="EF11" s="295">
        <v>0</v>
      </c>
      <c r="EG11" s="296">
        <v>0</v>
      </c>
      <c r="EH11" s="300"/>
      <c r="EI11" s="295">
        <v>214754</v>
      </c>
      <c r="EJ11" s="295">
        <v>97088</v>
      </c>
      <c r="EK11" s="295">
        <v>280294</v>
      </c>
      <c r="EL11" s="295">
        <v>221650</v>
      </c>
      <c r="EM11" s="295">
        <v>95783</v>
      </c>
      <c r="EN11" s="298">
        <v>909569</v>
      </c>
      <c r="EO11" s="299">
        <v>909569</v>
      </c>
      <c r="EP11" s="294">
        <v>0</v>
      </c>
      <c r="EQ11" s="295">
        <v>0</v>
      </c>
      <c r="ER11" s="296">
        <v>0</v>
      </c>
      <c r="ES11" s="300"/>
      <c r="ET11" s="295">
        <v>0</v>
      </c>
      <c r="EU11" s="295">
        <v>0</v>
      </c>
      <c r="EV11" s="295">
        <v>0</v>
      </c>
      <c r="EW11" s="295">
        <v>217</v>
      </c>
      <c r="EX11" s="295">
        <v>651</v>
      </c>
      <c r="EY11" s="298">
        <v>868</v>
      </c>
      <c r="EZ11" s="299">
        <v>868</v>
      </c>
      <c r="FA11" s="294">
        <v>0</v>
      </c>
      <c r="FB11" s="295">
        <v>0</v>
      </c>
      <c r="FC11" s="296">
        <v>0</v>
      </c>
      <c r="FD11" s="300"/>
      <c r="FE11" s="295">
        <v>0</v>
      </c>
      <c r="FF11" s="295">
        <v>0</v>
      </c>
      <c r="FG11" s="295">
        <v>0</v>
      </c>
      <c r="FH11" s="295">
        <v>217</v>
      </c>
      <c r="FI11" s="295">
        <v>0</v>
      </c>
      <c r="FJ11" s="298">
        <v>217</v>
      </c>
      <c r="FK11" s="299">
        <v>217</v>
      </c>
      <c r="FL11" s="294">
        <v>0</v>
      </c>
      <c r="FM11" s="295">
        <v>0</v>
      </c>
      <c r="FN11" s="296">
        <v>0</v>
      </c>
      <c r="FO11" s="300"/>
      <c r="FP11" s="295">
        <v>0</v>
      </c>
      <c r="FQ11" s="295">
        <v>0</v>
      </c>
      <c r="FR11" s="295">
        <v>0</v>
      </c>
      <c r="FS11" s="295">
        <v>0</v>
      </c>
      <c r="FT11" s="295">
        <v>0</v>
      </c>
      <c r="FU11" s="298">
        <v>0</v>
      </c>
      <c r="FV11" s="299">
        <v>0</v>
      </c>
      <c r="FW11" s="294">
        <v>3480</v>
      </c>
      <c r="FX11" s="295">
        <v>1404</v>
      </c>
      <c r="FY11" s="296">
        <v>4884</v>
      </c>
      <c r="FZ11" s="297">
        <v>0</v>
      </c>
      <c r="GA11" s="295">
        <v>256516</v>
      </c>
      <c r="GB11" s="295">
        <v>330899</v>
      </c>
      <c r="GC11" s="295">
        <v>499910</v>
      </c>
      <c r="GD11" s="295">
        <v>291201</v>
      </c>
      <c r="GE11" s="295">
        <v>213552</v>
      </c>
      <c r="GF11" s="298">
        <v>1592078</v>
      </c>
      <c r="GG11" s="299">
        <v>1596962</v>
      </c>
      <c r="GH11" s="294">
        <v>0</v>
      </c>
      <c r="GI11" s="295">
        <v>0</v>
      </c>
      <c r="GJ11" s="296">
        <v>0</v>
      </c>
      <c r="GK11" s="297">
        <v>0</v>
      </c>
      <c r="GL11" s="295">
        <v>28</v>
      </c>
      <c r="GM11" s="295">
        <v>410</v>
      </c>
      <c r="GN11" s="295">
        <v>1530</v>
      </c>
      <c r="GO11" s="295">
        <v>231</v>
      </c>
      <c r="GP11" s="295">
        <v>9666</v>
      </c>
      <c r="GQ11" s="298">
        <v>11865</v>
      </c>
      <c r="GR11" s="299">
        <v>11865</v>
      </c>
      <c r="GS11" s="294">
        <v>0</v>
      </c>
      <c r="GT11" s="295">
        <v>0</v>
      </c>
      <c r="GU11" s="296">
        <v>0</v>
      </c>
      <c r="GV11" s="297">
        <v>0</v>
      </c>
      <c r="GW11" s="295">
        <v>0</v>
      </c>
      <c r="GX11" s="295">
        <v>0</v>
      </c>
      <c r="GY11" s="295">
        <v>0</v>
      </c>
      <c r="GZ11" s="295">
        <v>0</v>
      </c>
      <c r="HA11" s="295">
        <v>0</v>
      </c>
      <c r="HB11" s="298">
        <v>0</v>
      </c>
      <c r="HC11" s="299">
        <v>0</v>
      </c>
      <c r="HD11" s="294">
        <v>0</v>
      </c>
      <c r="HE11" s="295">
        <v>0</v>
      </c>
      <c r="HF11" s="296">
        <v>0</v>
      </c>
      <c r="HG11" s="300"/>
      <c r="HH11" s="295">
        <v>0</v>
      </c>
      <c r="HI11" s="295">
        <v>0</v>
      </c>
      <c r="HJ11" s="295">
        <v>0</v>
      </c>
      <c r="HK11" s="295">
        <v>0</v>
      </c>
      <c r="HL11" s="295">
        <v>0</v>
      </c>
      <c r="HM11" s="298">
        <v>0</v>
      </c>
      <c r="HN11" s="299">
        <v>0</v>
      </c>
      <c r="HO11" s="294">
        <v>3915</v>
      </c>
      <c r="HP11" s="295">
        <v>1649</v>
      </c>
      <c r="HQ11" s="296">
        <v>5564</v>
      </c>
      <c r="HR11" s="297">
        <v>0</v>
      </c>
      <c r="HS11" s="295">
        <v>2468714</v>
      </c>
      <c r="HT11" s="295">
        <v>2598643</v>
      </c>
      <c r="HU11" s="295">
        <v>12864482</v>
      </c>
      <c r="HV11" s="295">
        <v>17446577</v>
      </c>
      <c r="HW11" s="295">
        <v>9457467</v>
      </c>
      <c r="HX11" s="298">
        <v>44835883</v>
      </c>
      <c r="HY11" s="299">
        <v>44841447</v>
      </c>
    </row>
    <row r="12" spans="2:233" ht="16.5" customHeight="1" x14ac:dyDescent="0.2">
      <c r="B12" s="292" t="s">
        <v>8</v>
      </c>
      <c r="C12" s="294">
        <v>290</v>
      </c>
      <c r="D12" s="295">
        <v>2815</v>
      </c>
      <c r="E12" s="296">
        <v>3105</v>
      </c>
      <c r="F12" s="297">
        <v>0</v>
      </c>
      <c r="G12" s="295">
        <v>653681</v>
      </c>
      <c r="H12" s="295">
        <v>1385705</v>
      </c>
      <c r="I12" s="295">
        <v>4944954</v>
      </c>
      <c r="J12" s="295">
        <v>4183090</v>
      </c>
      <c r="K12" s="295">
        <v>2386393</v>
      </c>
      <c r="L12" s="298">
        <v>13553823</v>
      </c>
      <c r="M12" s="299">
        <v>13556928</v>
      </c>
      <c r="N12" s="294">
        <v>0</v>
      </c>
      <c r="O12" s="295">
        <v>0</v>
      </c>
      <c r="P12" s="296">
        <v>0</v>
      </c>
      <c r="Q12" s="300"/>
      <c r="R12" s="295">
        <v>264500</v>
      </c>
      <c r="S12" s="295">
        <v>432070</v>
      </c>
      <c r="T12" s="295">
        <v>3457207</v>
      </c>
      <c r="U12" s="295">
        <v>3021570</v>
      </c>
      <c r="V12" s="295">
        <v>1717356</v>
      </c>
      <c r="W12" s="298">
        <v>8892703</v>
      </c>
      <c r="X12" s="299">
        <v>8892703</v>
      </c>
      <c r="Y12" s="294">
        <v>0</v>
      </c>
      <c r="Z12" s="295">
        <v>0</v>
      </c>
      <c r="AA12" s="296">
        <v>0</v>
      </c>
      <c r="AB12" s="300"/>
      <c r="AC12" s="295">
        <v>315765</v>
      </c>
      <c r="AD12" s="295">
        <v>718097</v>
      </c>
      <c r="AE12" s="295">
        <v>1091660</v>
      </c>
      <c r="AF12" s="295">
        <v>714855</v>
      </c>
      <c r="AG12" s="295">
        <v>323243</v>
      </c>
      <c r="AH12" s="298">
        <v>3163620</v>
      </c>
      <c r="AI12" s="299">
        <v>3163620</v>
      </c>
      <c r="AJ12" s="294">
        <v>0</v>
      </c>
      <c r="AK12" s="295">
        <v>0</v>
      </c>
      <c r="AL12" s="296">
        <v>0</v>
      </c>
      <c r="AM12" s="300"/>
      <c r="AN12" s="295">
        <v>0</v>
      </c>
      <c r="AO12" s="295">
        <v>0</v>
      </c>
      <c r="AP12" s="295">
        <v>0</v>
      </c>
      <c r="AQ12" s="295">
        <v>0</v>
      </c>
      <c r="AR12" s="295">
        <v>0</v>
      </c>
      <c r="AS12" s="298">
        <v>0</v>
      </c>
      <c r="AT12" s="299">
        <v>0</v>
      </c>
      <c r="AU12" s="294">
        <v>0</v>
      </c>
      <c r="AV12" s="295">
        <v>0</v>
      </c>
      <c r="AW12" s="296">
        <v>0</v>
      </c>
      <c r="AX12" s="300"/>
      <c r="AY12" s="295">
        <v>35495</v>
      </c>
      <c r="AZ12" s="295">
        <v>0</v>
      </c>
      <c r="BA12" s="295">
        <v>0</v>
      </c>
      <c r="BB12" s="295">
        <v>2635</v>
      </c>
      <c r="BC12" s="295">
        <v>144770</v>
      </c>
      <c r="BD12" s="298">
        <v>182900</v>
      </c>
      <c r="BE12" s="299">
        <v>182900</v>
      </c>
      <c r="BF12" s="294">
        <v>0</v>
      </c>
      <c r="BG12" s="295">
        <v>0</v>
      </c>
      <c r="BH12" s="296">
        <v>0</v>
      </c>
      <c r="BI12" s="300"/>
      <c r="BJ12" s="295">
        <v>0</v>
      </c>
      <c r="BK12" s="295">
        <v>5270</v>
      </c>
      <c r="BL12" s="295">
        <v>40455</v>
      </c>
      <c r="BM12" s="295">
        <v>163370</v>
      </c>
      <c r="BN12" s="295">
        <v>97805</v>
      </c>
      <c r="BO12" s="298">
        <v>306900</v>
      </c>
      <c r="BP12" s="299">
        <v>306900</v>
      </c>
      <c r="BQ12" s="294">
        <v>290</v>
      </c>
      <c r="BR12" s="295">
        <v>2815</v>
      </c>
      <c r="BS12" s="296">
        <v>3105</v>
      </c>
      <c r="BT12" s="297">
        <v>0</v>
      </c>
      <c r="BU12" s="295">
        <v>37921</v>
      </c>
      <c r="BV12" s="295">
        <v>220633</v>
      </c>
      <c r="BW12" s="295">
        <v>355097</v>
      </c>
      <c r="BX12" s="295">
        <v>277460</v>
      </c>
      <c r="BY12" s="295">
        <v>103219</v>
      </c>
      <c r="BZ12" s="298">
        <v>994330</v>
      </c>
      <c r="CA12" s="299">
        <v>997435</v>
      </c>
      <c r="CB12" s="294">
        <v>0</v>
      </c>
      <c r="CC12" s="295">
        <v>0</v>
      </c>
      <c r="CD12" s="296">
        <v>0</v>
      </c>
      <c r="CE12" s="297">
        <v>0</v>
      </c>
      <c r="CF12" s="295">
        <v>0</v>
      </c>
      <c r="CG12" s="295">
        <v>9635</v>
      </c>
      <c r="CH12" s="295">
        <v>535</v>
      </c>
      <c r="CI12" s="295">
        <v>3200</v>
      </c>
      <c r="CJ12" s="295">
        <v>0</v>
      </c>
      <c r="CK12" s="298">
        <v>13370</v>
      </c>
      <c r="CL12" s="299">
        <v>13370</v>
      </c>
      <c r="CM12" s="294">
        <v>0</v>
      </c>
      <c r="CN12" s="295">
        <v>0</v>
      </c>
      <c r="CO12" s="296">
        <v>0</v>
      </c>
      <c r="CP12" s="297">
        <v>0</v>
      </c>
      <c r="CQ12" s="295">
        <v>0</v>
      </c>
      <c r="CR12" s="295">
        <v>0</v>
      </c>
      <c r="CS12" s="295">
        <v>0</v>
      </c>
      <c r="CT12" s="295">
        <v>0</v>
      </c>
      <c r="CU12" s="295">
        <v>0</v>
      </c>
      <c r="CV12" s="298">
        <v>0</v>
      </c>
      <c r="CW12" s="299">
        <v>0</v>
      </c>
      <c r="CX12" s="294">
        <v>0</v>
      </c>
      <c r="CY12" s="295">
        <v>0</v>
      </c>
      <c r="CZ12" s="296">
        <v>0</v>
      </c>
      <c r="DA12" s="300"/>
      <c r="DB12" s="295">
        <v>0</v>
      </c>
      <c r="DC12" s="295">
        <v>0</v>
      </c>
      <c r="DD12" s="295">
        <v>0</v>
      </c>
      <c r="DE12" s="295">
        <v>0</v>
      </c>
      <c r="DF12" s="295">
        <v>0</v>
      </c>
      <c r="DG12" s="298">
        <v>0</v>
      </c>
      <c r="DH12" s="299">
        <v>0</v>
      </c>
      <c r="DI12" s="294">
        <v>2784</v>
      </c>
      <c r="DJ12" s="295">
        <v>6264</v>
      </c>
      <c r="DK12" s="296">
        <v>9048</v>
      </c>
      <c r="DL12" s="297">
        <v>0</v>
      </c>
      <c r="DM12" s="295">
        <v>515197</v>
      </c>
      <c r="DN12" s="295">
        <v>1283827</v>
      </c>
      <c r="DO12" s="295">
        <v>5356081</v>
      </c>
      <c r="DP12" s="295">
        <v>5105897</v>
      </c>
      <c r="DQ12" s="295">
        <v>2852758</v>
      </c>
      <c r="DR12" s="298">
        <v>15113760</v>
      </c>
      <c r="DS12" s="301">
        <v>15122808</v>
      </c>
      <c r="DT12" s="294">
        <v>0</v>
      </c>
      <c r="DU12" s="295">
        <v>0</v>
      </c>
      <c r="DV12" s="296">
        <v>0</v>
      </c>
      <c r="DW12" s="300"/>
      <c r="DX12" s="295">
        <v>396323</v>
      </c>
      <c r="DY12" s="295">
        <v>831579</v>
      </c>
      <c r="DZ12" s="295">
        <v>4446470</v>
      </c>
      <c r="EA12" s="295">
        <v>4338727</v>
      </c>
      <c r="EB12" s="295">
        <v>2358229</v>
      </c>
      <c r="EC12" s="298">
        <v>12371328</v>
      </c>
      <c r="ED12" s="299">
        <v>12371328</v>
      </c>
      <c r="EE12" s="294">
        <v>0</v>
      </c>
      <c r="EF12" s="295">
        <v>0</v>
      </c>
      <c r="EG12" s="296">
        <v>0</v>
      </c>
      <c r="EH12" s="300"/>
      <c r="EI12" s="295">
        <v>46803</v>
      </c>
      <c r="EJ12" s="295">
        <v>113499</v>
      </c>
      <c r="EK12" s="295">
        <v>119199</v>
      </c>
      <c r="EL12" s="295">
        <v>85091</v>
      </c>
      <c r="EM12" s="295">
        <v>37333</v>
      </c>
      <c r="EN12" s="298">
        <v>401925</v>
      </c>
      <c r="EO12" s="299">
        <v>401925</v>
      </c>
      <c r="EP12" s="294">
        <v>0</v>
      </c>
      <c r="EQ12" s="295">
        <v>0</v>
      </c>
      <c r="ER12" s="296">
        <v>0</v>
      </c>
      <c r="ES12" s="300"/>
      <c r="ET12" s="295">
        <v>0</v>
      </c>
      <c r="EU12" s="295">
        <v>0</v>
      </c>
      <c r="EV12" s="295">
        <v>0</v>
      </c>
      <c r="EW12" s="295">
        <v>0</v>
      </c>
      <c r="EX12" s="295">
        <v>0</v>
      </c>
      <c r="EY12" s="298">
        <v>0</v>
      </c>
      <c r="EZ12" s="299">
        <v>0</v>
      </c>
      <c r="FA12" s="294">
        <v>0</v>
      </c>
      <c r="FB12" s="295">
        <v>0</v>
      </c>
      <c r="FC12" s="296">
        <v>0</v>
      </c>
      <c r="FD12" s="300"/>
      <c r="FE12" s="295">
        <v>11687</v>
      </c>
      <c r="FF12" s="295">
        <v>0</v>
      </c>
      <c r="FG12" s="295">
        <v>0</v>
      </c>
      <c r="FH12" s="295">
        <v>217</v>
      </c>
      <c r="FI12" s="295">
        <v>12772</v>
      </c>
      <c r="FJ12" s="298">
        <v>24676</v>
      </c>
      <c r="FK12" s="299">
        <v>24676</v>
      </c>
      <c r="FL12" s="294">
        <v>0</v>
      </c>
      <c r="FM12" s="295">
        <v>0</v>
      </c>
      <c r="FN12" s="296">
        <v>0</v>
      </c>
      <c r="FO12" s="300"/>
      <c r="FP12" s="295">
        <v>0</v>
      </c>
      <c r="FQ12" s="295">
        <v>43152</v>
      </c>
      <c r="FR12" s="295">
        <v>170398</v>
      </c>
      <c r="FS12" s="295">
        <v>233368</v>
      </c>
      <c r="FT12" s="295">
        <v>209374</v>
      </c>
      <c r="FU12" s="298">
        <v>656292</v>
      </c>
      <c r="FV12" s="299">
        <v>656292</v>
      </c>
      <c r="FW12" s="294">
        <v>2784</v>
      </c>
      <c r="FX12" s="295">
        <v>6264</v>
      </c>
      <c r="FY12" s="296">
        <v>9048</v>
      </c>
      <c r="FZ12" s="297">
        <v>0</v>
      </c>
      <c r="GA12" s="295">
        <v>60384</v>
      </c>
      <c r="GB12" s="295">
        <v>292965</v>
      </c>
      <c r="GC12" s="295">
        <v>618224</v>
      </c>
      <c r="GD12" s="295">
        <v>448305</v>
      </c>
      <c r="GE12" s="295">
        <v>235050</v>
      </c>
      <c r="GF12" s="298">
        <v>1654928</v>
      </c>
      <c r="GG12" s="299">
        <v>1663976</v>
      </c>
      <c r="GH12" s="294">
        <v>0</v>
      </c>
      <c r="GI12" s="295">
        <v>0</v>
      </c>
      <c r="GJ12" s="296">
        <v>0</v>
      </c>
      <c r="GK12" s="297">
        <v>0</v>
      </c>
      <c r="GL12" s="295">
        <v>0</v>
      </c>
      <c r="GM12" s="295">
        <v>2632</v>
      </c>
      <c r="GN12" s="295">
        <v>1790</v>
      </c>
      <c r="GO12" s="295">
        <v>189</v>
      </c>
      <c r="GP12" s="295">
        <v>0</v>
      </c>
      <c r="GQ12" s="298">
        <v>4611</v>
      </c>
      <c r="GR12" s="299">
        <v>4611</v>
      </c>
      <c r="GS12" s="294">
        <v>0</v>
      </c>
      <c r="GT12" s="295">
        <v>0</v>
      </c>
      <c r="GU12" s="296">
        <v>0</v>
      </c>
      <c r="GV12" s="297">
        <v>0</v>
      </c>
      <c r="GW12" s="295">
        <v>0</v>
      </c>
      <c r="GX12" s="295">
        <v>0</v>
      </c>
      <c r="GY12" s="295">
        <v>0</v>
      </c>
      <c r="GZ12" s="295">
        <v>0</v>
      </c>
      <c r="HA12" s="295">
        <v>0</v>
      </c>
      <c r="HB12" s="298">
        <v>0</v>
      </c>
      <c r="HC12" s="299">
        <v>0</v>
      </c>
      <c r="HD12" s="294">
        <v>0</v>
      </c>
      <c r="HE12" s="295">
        <v>0</v>
      </c>
      <c r="HF12" s="296">
        <v>0</v>
      </c>
      <c r="HG12" s="300"/>
      <c r="HH12" s="295">
        <v>0</v>
      </c>
      <c r="HI12" s="295">
        <v>0</v>
      </c>
      <c r="HJ12" s="295">
        <v>0</v>
      </c>
      <c r="HK12" s="295">
        <v>0</v>
      </c>
      <c r="HL12" s="295">
        <v>0</v>
      </c>
      <c r="HM12" s="298">
        <v>0</v>
      </c>
      <c r="HN12" s="299">
        <v>0</v>
      </c>
      <c r="HO12" s="294">
        <v>3074</v>
      </c>
      <c r="HP12" s="295">
        <v>9079</v>
      </c>
      <c r="HQ12" s="296">
        <v>12153</v>
      </c>
      <c r="HR12" s="297">
        <v>0</v>
      </c>
      <c r="HS12" s="295">
        <v>1168878</v>
      </c>
      <c r="HT12" s="295">
        <v>2669532</v>
      </c>
      <c r="HU12" s="295">
        <v>10301035</v>
      </c>
      <c r="HV12" s="295">
        <v>9288987</v>
      </c>
      <c r="HW12" s="295">
        <v>5239151</v>
      </c>
      <c r="HX12" s="298">
        <v>28667583</v>
      </c>
      <c r="HY12" s="299">
        <v>28679736</v>
      </c>
    </row>
    <row r="13" spans="2:233" ht="16.5" customHeight="1" x14ac:dyDescent="0.2">
      <c r="B13" s="292" t="s">
        <v>9</v>
      </c>
      <c r="C13" s="294">
        <v>0</v>
      </c>
      <c r="D13" s="295">
        <v>0</v>
      </c>
      <c r="E13" s="296">
        <v>0</v>
      </c>
      <c r="F13" s="297">
        <v>0</v>
      </c>
      <c r="G13" s="295">
        <v>285794</v>
      </c>
      <c r="H13" s="295">
        <v>286610</v>
      </c>
      <c r="I13" s="295">
        <v>1764355</v>
      </c>
      <c r="J13" s="295">
        <v>2543200</v>
      </c>
      <c r="K13" s="295">
        <v>1373516</v>
      </c>
      <c r="L13" s="298">
        <v>6253475</v>
      </c>
      <c r="M13" s="299">
        <v>6253475</v>
      </c>
      <c r="N13" s="294">
        <v>0</v>
      </c>
      <c r="O13" s="295">
        <v>0</v>
      </c>
      <c r="P13" s="296">
        <v>0</v>
      </c>
      <c r="Q13" s="300"/>
      <c r="R13" s="295">
        <v>106020</v>
      </c>
      <c r="S13" s="295">
        <v>35495</v>
      </c>
      <c r="T13" s="295">
        <v>1153424</v>
      </c>
      <c r="U13" s="295">
        <v>1775155</v>
      </c>
      <c r="V13" s="295">
        <v>1139195</v>
      </c>
      <c r="W13" s="298">
        <v>4209289</v>
      </c>
      <c r="X13" s="299">
        <v>4209289</v>
      </c>
      <c r="Y13" s="294">
        <v>0</v>
      </c>
      <c r="Z13" s="295">
        <v>0</v>
      </c>
      <c r="AA13" s="296">
        <v>0</v>
      </c>
      <c r="AB13" s="300"/>
      <c r="AC13" s="295">
        <v>133455</v>
      </c>
      <c r="AD13" s="295">
        <v>188245</v>
      </c>
      <c r="AE13" s="295">
        <v>436657</v>
      </c>
      <c r="AF13" s="295">
        <v>549340</v>
      </c>
      <c r="AG13" s="295">
        <v>177565</v>
      </c>
      <c r="AH13" s="298">
        <v>1485262</v>
      </c>
      <c r="AI13" s="299">
        <v>1485262</v>
      </c>
      <c r="AJ13" s="294">
        <v>0</v>
      </c>
      <c r="AK13" s="295">
        <v>0</v>
      </c>
      <c r="AL13" s="296">
        <v>0</v>
      </c>
      <c r="AM13" s="300"/>
      <c r="AN13" s="295">
        <v>0</v>
      </c>
      <c r="AO13" s="295">
        <v>0</v>
      </c>
      <c r="AP13" s="295">
        <v>0</v>
      </c>
      <c r="AQ13" s="295">
        <v>2635</v>
      </c>
      <c r="AR13" s="295">
        <v>0</v>
      </c>
      <c r="AS13" s="298">
        <v>2635</v>
      </c>
      <c r="AT13" s="299">
        <v>2635</v>
      </c>
      <c r="AU13" s="294">
        <v>0</v>
      </c>
      <c r="AV13" s="295">
        <v>0</v>
      </c>
      <c r="AW13" s="296">
        <v>0</v>
      </c>
      <c r="AX13" s="300"/>
      <c r="AY13" s="295">
        <v>0</v>
      </c>
      <c r="AZ13" s="295">
        <v>0</v>
      </c>
      <c r="BA13" s="295">
        <v>0</v>
      </c>
      <c r="BB13" s="295">
        <v>5270</v>
      </c>
      <c r="BC13" s="295">
        <v>5270</v>
      </c>
      <c r="BD13" s="298">
        <v>10540</v>
      </c>
      <c r="BE13" s="299">
        <v>10540</v>
      </c>
      <c r="BF13" s="294">
        <v>0</v>
      </c>
      <c r="BG13" s="295">
        <v>0</v>
      </c>
      <c r="BH13" s="296">
        <v>0</v>
      </c>
      <c r="BI13" s="300"/>
      <c r="BJ13" s="295">
        <v>0</v>
      </c>
      <c r="BK13" s="295">
        <v>0</v>
      </c>
      <c r="BL13" s="295">
        <v>0</v>
      </c>
      <c r="BM13" s="295">
        <v>24645</v>
      </c>
      <c r="BN13" s="295">
        <v>0</v>
      </c>
      <c r="BO13" s="298">
        <v>24645</v>
      </c>
      <c r="BP13" s="299">
        <v>24645</v>
      </c>
      <c r="BQ13" s="294">
        <v>0</v>
      </c>
      <c r="BR13" s="295">
        <v>0</v>
      </c>
      <c r="BS13" s="296">
        <v>0</v>
      </c>
      <c r="BT13" s="297">
        <v>0</v>
      </c>
      <c r="BU13" s="295">
        <v>46319</v>
      </c>
      <c r="BV13" s="295">
        <v>62675</v>
      </c>
      <c r="BW13" s="295">
        <v>173594</v>
      </c>
      <c r="BX13" s="295">
        <v>171551</v>
      </c>
      <c r="BY13" s="295">
        <v>51486</v>
      </c>
      <c r="BZ13" s="298">
        <v>505625</v>
      </c>
      <c r="CA13" s="299">
        <v>505625</v>
      </c>
      <c r="CB13" s="294">
        <v>0</v>
      </c>
      <c r="CC13" s="295">
        <v>0</v>
      </c>
      <c r="CD13" s="296">
        <v>0</v>
      </c>
      <c r="CE13" s="297">
        <v>0</v>
      </c>
      <c r="CF13" s="295">
        <v>0</v>
      </c>
      <c r="CG13" s="295">
        <v>195</v>
      </c>
      <c r="CH13" s="295">
        <v>680</v>
      </c>
      <c r="CI13" s="295">
        <v>14604</v>
      </c>
      <c r="CJ13" s="295">
        <v>0</v>
      </c>
      <c r="CK13" s="298">
        <v>15479</v>
      </c>
      <c r="CL13" s="299">
        <v>15479</v>
      </c>
      <c r="CM13" s="294">
        <v>0</v>
      </c>
      <c r="CN13" s="295">
        <v>0</v>
      </c>
      <c r="CO13" s="296">
        <v>0</v>
      </c>
      <c r="CP13" s="297">
        <v>0</v>
      </c>
      <c r="CQ13" s="295">
        <v>0</v>
      </c>
      <c r="CR13" s="295">
        <v>0</v>
      </c>
      <c r="CS13" s="295">
        <v>0</v>
      </c>
      <c r="CT13" s="295">
        <v>0</v>
      </c>
      <c r="CU13" s="295">
        <v>0</v>
      </c>
      <c r="CV13" s="298">
        <v>0</v>
      </c>
      <c r="CW13" s="299">
        <v>0</v>
      </c>
      <c r="CX13" s="294">
        <v>0</v>
      </c>
      <c r="CY13" s="295">
        <v>0</v>
      </c>
      <c r="CZ13" s="296">
        <v>0</v>
      </c>
      <c r="DA13" s="300"/>
      <c r="DB13" s="295">
        <v>0</v>
      </c>
      <c r="DC13" s="295">
        <v>0</v>
      </c>
      <c r="DD13" s="295">
        <v>0</v>
      </c>
      <c r="DE13" s="295">
        <v>0</v>
      </c>
      <c r="DF13" s="295">
        <v>0</v>
      </c>
      <c r="DG13" s="298">
        <v>0</v>
      </c>
      <c r="DH13" s="299">
        <v>0</v>
      </c>
      <c r="DI13" s="294">
        <v>0</v>
      </c>
      <c r="DJ13" s="295">
        <v>0</v>
      </c>
      <c r="DK13" s="296">
        <v>0</v>
      </c>
      <c r="DL13" s="297">
        <v>0</v>
      </c>
      <c r="DM13" s="295">
        <v>252613</v>
      </c>
      <c r="DN13" s="295">
        <v>154454</v>
      </c>
      <c r="DO13" s="295">
        <v>1952442</v>
      </c>
      <c r="DP13" s="295">
        <v>2895002</v>
      </c>
      <c r="DQ13" s="295">
        <v>2059065</v>
      </c>
      <c r="DR13" s="298">
        <v>7313576</v>
      </c>
      <c r="DS13" s="301">
        <v>7313576</v>
      </c>
      <c r="DT13" s="294">
        <v>0</v>
      </c>
      <c r="DU13" s="295">
        <v>0</v>
      </c>
      <c r="DV13" s="296">
        <v>0</v>
      </c>
      <c r="DW13" s="300"/>
      <c r="DX13" s="295">
        <v>152830</v>
      </c>
      <c r="DY13" s="295">
        <v>26505</v>
      </c>
      <c r="DZ13" s="295">
        <v>1579336</v>
      </c>
      <c r="EA13" s="295">
        <v>2560765</v>
      </c>
      <c r="EB13" s="295">
        <v>1940558</v>
      </c>
      <c r="EC13" s="298">
        <v>6259994</v>
      </c>
      <c r="ED13" s="299">
        <v>6259994</v>
      </c>
      <c r="EE13" s="294">
        <v>0</v>
      </c>
      <c r="EF13" s="295">
        <v>0</v>
      </c>
      <c r="EG13" s="296">
        <v>0</v>
      </c>
      <c r="EH13" s="300"/>
      <c r="EI13" s="295">
        <v>34348</v>
      </c>
      <c r="EJ13" s="295">
        <v>30484</v>
      </c>
      <c r="EK13" s="295">
        <v>38892</v>
      </c>
      <c r="EL13" s="295">
        <v>83722</v>
      </c>
      <c r="EM13" s="295">
        <v>19615</v>
      </c>
      <c r="EN13" s="298">
        <v>207061</v>
      </c>
      <c r="EO13" s="299">
        <v>207061</v>
      </c>
      <c r="EP13" s="294">
        <v>0</v>
      </c>
      <c r="EQ13" s="295">
        <v>0</v>
      </c>
      <c r="ER13" s="296">
        <v>0</v>
      </c>
      <c r="ES13" s="300"/>
      <c r="ET13" s="295">
        <v>0</v>
      </c>
      <c r="EU13" s="295">
        <v>0</v>
      </c>
      <c r="EV13" s="295">
        <v>0</v>
      </c>
      <c r="EW13" s="295">
        <v>217</v>
      </c>
      <c r="EX13" s="295">
        <v>0</v>
      </c>
      <c r="EY13" s="298">
        <v>217</v>
      </c>
      <c r="EZ13" s="299">
        <v>217</v>
      </c>
      <c r="FA13" s="294">
        <v>0</v>
      </c>
      <c r="FB13" s="295">
        <v>0</v>
      </c>
      <c r="FC13" s="296">
        <v>0</v>
      </c>
      <c r="FD13" s="300"/>
      <c r="FE13" s="295">
        <v>0</v>
      </c>
      <c r="FF13" s="295">
        <v>0</v>
      </c>
      <c r="FG13" s="295">
        <v>0</v>
      </c>
      <c r="FH13" s="295">
        <v>434</v>
      </c>
      <c r="FI13" s="295">
        <v>434</v>
      </c>
      <c r="FJ13" s="298">
        <v>868</v>
      </c>
      <c r="FK13" s="299">
        <v>868</v>
      </c>
      <c r="FL13" s="294">
        <v>0</v>
      </c>
      <c r="FM13" s="295">
        <v>0</v>
      </c>
      <c r="FN13" s="296">
        <v>0</v>
      </c>
      <c r="FO13" s="300"/>
      <c r="FP13" s="295">
        <v>0</v>
      </c>
      <c r="FQ13" s="295">
        <v>0</v>
      </c>
      <c r="FR13" s="295">
        <v>0</v>
      </c>
      <c r="FS13" s="295">
        <v>21576</v>
      </c>
      <c r="FT13" s="295">
        <v>0</v>
      </c>
      <c r="FU13" s="298">
        <v>21576</v>
      </c>
      <c r="FV13" s="299">
        <v>21576</v>
      </c>
      <c r="FW13" s="294">
        <v>0</v>
      </c>
      <c r="FX13" s="295">
        <v>0</v>
      </c>
      <c r="FY13" s="296">
        <v>0</v>
      </c>
      <c r="FZ13" s="297">
        <v>0</v>
      </c>
      <c r="GA13" s="295">
        <v>65435</v>
      </c>
      <c r="GB13" s="295">
        <v>97444</v>
      </c>
      <c r="GC13" s="295">
        <v>334158</v>
      </c>
      <c r="GD13" s="295">
        <v>228141</v>
      </c>
      <c r="GE13" s="295">
        <v>98458</v>
      </c>
      <c r="GF13" s="298">
        <v>823636</v>
      </c>
      <c r="GG13" s="299">
        <v>823636</v>
      </c>
      <c r="GH13" s="294">
        <v>0</v>
      </c>
      <c r="GI13" s="295">
        <v>0</v>
      </c>
      <c r="GJ13" s="296">
        <v>0</v>
      </c>
      <c r="GK13" s="297">
        <v>0</v>
      </c>
      <c r="GL13" s="295">
        <v>0</v>
      </c>
      <c r="GM13" s="295">
        <v>21</v>
      </c>
      <c r="GN13" s="295">
        <v>56</v>
      </c>
      <c r="GO13" s="295">
        <v>147</v>
      </c>
      <c r="GP13" s="295">
        <v>0</v>
      </c>
      <c r="GQ13" s="298">
        <v>224</v>
      </c>
      <c r="GR13" s="299">
        <v>224</v>
      </c>
      <c r="GS13" s="294">
        <v>0</v>
      </c>
      <c r="GT13" s="295">
        <v>0</v>
      </c>
      <c r="GU13" s="296">
        <v>0</v>
      </c>
      <c r="GV13" s="297">
        <v>0</v>
      </c>
      <c r="GW13" s="295">
        <v>0</v>
      </c>
      <c r="GX13" s="295">
        <v>0</v>
      </c>
      <c r="GY13" s="295">
        <v>0</v>
      </c>
      <c r="GZ13" s="295">
        <v>0</v>
      </c>
      <c r="HA13" s="295">
        <v>0</v>
      </c>
      <c r="HB13" s="298">
        <v>0</v>
      </c>
      <c r="HC13" s="299">
        <v>0</v>
      </c>
      <c r="HD13" s="294">
        <v>0</v>
      </c>
      <c r="HE13" s="295">
        <v>0</v>
      </c>
      <c r="HF13" s="296">
        <v>0</v>
      </c>
      <c r="HG13" s="300"/>
      <c r="HH13" s="295">
        <v>0</v>
      </c>
      <c r="HI13" s="295">
        <v>0</v>
      </c>
      <c r="HJ13" s="295">
        <v>0</v>
      </c>
      <c r="HK13" s="295">
        <v>0</v>
      </c>
      <c r="HL13" s="295">
        <v>0</v>
      </c>
      <c r="HM13" s="298">
        <v>0</v>
      </c>
      <c r="HN13" s="299">
        <v>0</v>
      </c>
      <c r="HO13" s="294">
        <v>0</v>
      </c>
      <c r="HP13" s="295">
        <v>0</v>
      </c>
      <c r="HQ13" s="296">
        <v>0</v>
      </c>
      <c r="HR13" s="297">
        <v>0</v>
      </c>
      <c r="HS13" s="295">
        <v>538407</v>
      </c>
      <c r="HT13" s="295">
        <v>441064</v>
      </c>
      <c r="HU13" s="295">
        <v>3716797</v>
      </c>
      <c r="HV13" s="295">
        <v>5438202</v>
      </c>
      <c r="HW13" s="295">
        <v>3432581</v>
      </c>
      <c r="HX13" s="298">
        <v>13567051</v>
      </c>
      <c r="HY13" s="299">
        <v>13567051</v>
      </c>
    </row>
    <row r="14" spans="2:233" ht="16.5" customHeight="1" x14ac:dyDescent="0.2">
      <c r="B14" s="292" t="s">
        <v>10</v>
      </c>
      <c r="C14" s="294">
        <v>2400</v>
      </c>
      <c r="D14" s="295">
        <v>12871</v>
      </c>
      <c r="E14" s="296">
        <v>15271</v>
      </c>
      <c r="F14" s="297">
        <v>0</v>
      </c>
      <c r="G14" s="295">
        <v>873532</v>
      </c>
      <c r="H14" s="295">
        <v>1293703</v>
      </c>
      <c r="I14" s="295">
        <v>3135418</v>
      </c>
      <c r="J14" s="295">
        <v>4278021</v>
      </c>
      <c r="K14" s="295">
        <v>4336095</v>
      </c>
      <c r="L14" s="298">
        <v>13916769</v>
      </c>
      <c r="M14" s="299">
        <v>13932040</v>
      </c>
      <c r="N14" s="294">
        <v>0</v>
      </c>
      <c r="O14" s="295">
        <v>0</v>
      </c>
      <c r="P14" s="296">
        <v>0</v>
      </c>
      <c r="Q14" s="300"/>
      <c r="R14" s="295">
        <v>67875</v>
      </c>
      <c r="S14" s="295">
        <v>326525</v>
      </c>
      <c r="T14" s="295">
        <v>1924940</v>
      </c>
      <c r="U14" s="295">
        <v>3147910</v>
      </c>
      <c r="V14" s="295">
        <v>3732810</v>
      </c>
      <c r="W14" s="298">
        <v>9200060</v>
      </c>
      <c r="X14" s="299">
        <v>9200060</v>
      </c>
      <c r="Y14" s="294">
        <v>0</v>
      </c>
      <c r="Z14" s="295">
        <v>0</v>
      </c>
      <c r="AA14" s="296">
        <v>0</v>
      </c>
      <c r="AB14" s="300"/>
      <c r="AC14" s="295">
        <v>667165</v>
      </c>
      <c r="AD14" s="295">
        <v>734230</v>
      </c>
      <c r="AE14" s="295">
        <v>880985</v>
      </c>
      <c r="AF14" s="295">
        <v>807315</v>
      </c>
      <c r="AG14" s="295">
        <v>313135</v>
      </c>
      <c r="AH14" s="298">
        <v>3402830</v>
      </c>
      <c r="AI14" s="299">
        <v>3402830</v>
      </c>
      <c r="AJ14" s="294">
        <v>0</v>
      </c>
      <c r="AK14" s="295">
        <v>0</v>
      </c>
      <c r="AL14" s="296">
        <v>0</v>
      </c>
      <c r="AM14" s="300"/>
      <c r="AN14" s="295">
        <v>0</v>
      </c>
      <c r="AO14" s="295">
        <v>0</v>
      </c>
      <c r="AP14" s="295">
        <v>0</v>
      </c>
      <c r="AQ14" s="295">
        <v>0</v>
      </c>
      <c r="AR14" s="295">
        <v>0</v>
      </c>
      <c r="AS14" s="298">
        <v>0</v>
      </c>
      <c r="AT14" s="299">
        <v>0</v>
      </c>
      <c r="AU14" s="294">
        <v>0</v>
      </c>
      <c r="AV14" s="295">
        <v>0</v>
      </c>
      <c r="AW14" s="296">
        <v>0</v>
      </c>
      <c r="AX14" s="300"/>
      <c r="AY14" s="295">
        <v>0</v>
      </c>
      <c r="AZ14" s="295">
        <v>0</v>
      </c>
      <c r="BA14" s="295">
        <v>0</v>
      </c>
      <c r="BB14" s="295">
        <v>32705</v>
      </c>
      <c r="BC14" s="295">
        <v>116320</v>
      </c>
      <c r="BD14" s="298">
        <v>149025</v>
      </c>
      <c r="BE14" s="299">
        <v>149025</v>
      </c>
      <c r="BF14" s="294">
        <v>0</v>
      </c>
      <c r="BG14" s="295">
        <v>0</v>
      </c>
      <c r="BH14" s="296">
        <v>0</v>
      </c>
      <c r="BI14" s="300"/>
      <c r="BJ14" s="295">
        <v>0</v>
      </c>
      <c r="BK14" s="295">
        <v>0</v>
      </c>
      <c r="BL14" s="295">
        <v>0</v>
      </c>
      <c r="BM14" s="295">
        <v>57350</v>
      </c>
      <c r="BN14" s="295">
        <v>37975</v>
      </c>
      <c r="BO14" s="298">
        <v>95325</v>
      </c>
      <c r="BP14" s="299">
        <v>95325</v>
      </c>
      <c r="BQ14" s="294">
        <v>2400</v>
      </c>
      <c r="BR14" s="295">
        <v>12871</v>
      </c>
      <c r="BS14" s="296">
        <v>15271</v>
      </c>
      <c r="BT14" s="297">
        <v>0</v>
      </c>
      <c r="BU14" s="295">
        <v>136897</v>
      </c>
      <c r="BV14" s="295">
        <v>231984</v>
      </c>
      <c r="BW14" s="295">
        <v>327318</v>
      </c>
      <c r="BX14" s="295">
        <v>221359</v>
      </c>
      <c r="BY14" s="295">
        <v>132077</v>
      </c>
      <c r="BZ14" s="298">
        <v>1049635</v>
      </c>
      <c r="CA14" s="299">
        <v>1064906</v>
      </c>
      <c r="CB14" s="294">
        <v>0</v>
      </c>
      <c r="CC14" s="295">
        <v>0</v>
      </c>
      <c r="CD14" s="296">
        <v>0</v>
      </c>
      <c r="CE14" s="297">
        <v>0</v>
      </c>
      <c r="CF14" s="295">
        <v>1595</v>
      </c>
      <c r="CG14" s="295">
        <v>964</v>
      </c>
      <c r="CH14" s="295">
        <v>2175</v>
      </c>
      <c r="CI14" s="295">
        <v>11382</v>
      </c>
      <c r="CJ14" s="295">
        <v>3778</v>
      </c>
      <c r="CK14" s="298">
        <v>19894</v>
      </c>
      <c r="CL14" s="299">
        <v>19894</v>
      </c>
      <c r="CM14" s="294">
        <v>0</v>
      </c>
      <c r="CN14" s="295">
        <v>0</v>
      </c>
      <c r="CO14" s="296">
        <v>0</v>
      </c>
      <c r="CP14" s="297">
        <v>0</v>
      </c>
      <c r="CQ14" s="295">
        <v>0</v>
      </c>
      <c r="CR14" s="295">
        <v>0</v>
      </c>
      <c r="CS14" s="295">
        <v>0</v>
      </c>
      <c r="CT14" s="295">
        <v>0</v>
      </c>
      <c r="CU14" s="295">
        <v>0</v>
      </c>
      <c r="CV14" s="298">
        <v>0</v>
      </c>
      <c r="CW14" s="299">
        <v>0</v>
      </c>
      <c r="CX14" s="294">
        <v>0</v>
      </c>
      <c r="CY14" s="295">
        <v>0</v>
      </c>
      <c r="CZ14" s="296">
        <v>0</v>
      </c>
      <c r="DA14" s="300"/>
      <c r="DB14" s="295">
        <v>0</v>
      </c>
      <c r="DC14" s="295">
        <v>0</v>
      </c>
      <c r="DD14" s="295">
        <v>0</v>
      </c>
      <c r="DE14" s="295">
        <v>0</v>
      </c>
      <c r="DF14" s="295">
        <v>0</v>
      </c>
      <c r="DG14" s="298">
        <v>0</v>
      </c>
      <c r="DH14" s="299">
        <v>0</v>
      </c>
      <c r="DI14" s="294">
        <v>3165</v>
      </c>
      <c r="DJ14" s="295">
        <v>12988</v>
      </c>
      <c r="DK14" s="296">
        <v>16153</v>
      </c>
      <c r="DL14" s="297">
        <v>0</v>
      </c>
      <c r="DM14" s="295">
        <v>432393</v>
      </c>
      <c r="DN14" s="295">
        <v>1024592</v>
      </c>
      <c r="DO14" s="295">
        <v>3887856</v>
      </c>
      <c r="DP14" s="295">
        <v>5057112</v>
      </c>
      <c r="DQ14" s="295">
        <v>4324332</v>
      </c>
      <c r="DR14" s="298">
        <v>14726285</v>
      </c>
      <c r="DS14" s="301">
        <v>14742438</v>
      </c>
      <c r="DT14" s="294">
        <v>0</v>
      </c>
      <c r="DU14" s="295">
        <v>0</v>
      </c>
      <c r="DV14" s="296">
        <v>0</v>
      </c>
      <c r="DW14" s="300"/>
      <c r="DX14" s="295">
        <v>120562</v>
      </c>
      <c r="DY14" s="295">
        <v>514896</v>
      </c>
      <c r="DZ14" s="295">
        <v>3195007</v>
      </c>
      <c r="EA14" s="295">
        <v>4489907</v>
      </c>
      <c r="EB14" s="295">
        <v>4005620</v>
      </c>
      <c r="EC14" s="298">
        <v>12325992</v>
      </c>
      <c r="ED14" s="299">
        <v>12325992</v>
      </c>
      <c r="EE14" s="294">
        <v>0</v>
      </c>
      <c r="EF14" s="295">
        <v>0</v>
      </c>
      <c r="EG14" s="296">
        <v>0</v>
      </c>
      <c r="EH14" s="300"/>
      <c r="EI14" s="295">
        <v>97534</v>
      </c>
      <c r="EJ14" s="295">
        <v>68241</v>
      </c>
      <c r="EK14" s="295">
        <v>205658</v>
      </c>
      <c r="EL14" s="295">
        <v>110063</v>
      </c>
      <c r="EM14" s="295">
        <v>51074</v>
      </c>
      <c r="EN14" s="298">
        <v>532570</v>
      </c>
      <c r="EO14" s="299">
        <v>532570</v>
      </c>
      <c r="EP14" s="294">
        <v>0</v>
      </c>
      <c r="EQ14" s="295">
        <v>0</v>
      </c>
      <c r="ER14" s="296">
        <v>0</v>
      </c>
      <c r="ES14" s="300"/>
      <c r="ET14" s="295">
        <v>0</v>
      </c>
      <c r="EU14" s="295">
        <v>0</v>
      </c>
      <c r="EV14" s="295">
        <v>0</v>
      </c>
      <c r="EW14" s="295">
        <v>0</v>
      </c>
      <c r="EX14" s="295">
        <v>0</v>
      </c>
      <c r="EY14" s="298">
        <v>0</v>
      </c>
      <c r="EZ14" s="299">
        <v>0</v>
      </c>
      <c r="FA14" s="294">
        <v>0</v>
      </c>
      <c r="FB14" s="295">
        <v>0</v>
      </c>
      <c r="FC14" s="296">
        <v>0</v>
      </c>
      <c r="FD14" s="300"/>
      <c r="FE14" s="295">
        <v>0</v>
      </c>
      <c r="FF14" s="295">
        <v>0</v>
      </c>
      <c r="FG14" s="295">
        <v>0</v>
      </c>
      <c r="FH14" s="295">
        <v>217</v>
      </c>
      <c r="FI14" s="295">
        <v>2814</v>
      </c>
      <c r="FJ14" s="298">
        <v>3031</v>
      </c>
      <c r="FK14" s="299">
        <v>3031</v>
      </c>
      <c r="FL14" s="294">
        <v>0</v>
      </c>
      <c r="FM14" s="295">
        <v>0</v>
      </c>
      <c r="FN14" s="296">
        <v>0</v>
      </c>
      <c r="FO14" s="300"/>
      <c r="FP14" s="295">
        <v>0</v>
      </c>
      <c r="FQ14" s="295">
        <v>0</v>
      </c>
      <c r="FR14" s="295">
        <v>0</v>
      </c>
      <c r="FS14" s="295">
        <v>44857</v>
      </c>
      <c r="FT14" s="295">
        <v>69223</v>
      </c>
      <c r="FU14" s="298">
        <v>114080</v>
      </c>
      <c r="FV14" s="299">
        <v>114080</v>
      </c>
      <c r="FW14" s="294">
        <v>3165</v>
      </c>
      <c r="FX14" s="295">
        <v>12988</v>
      </c>
      <c r="FY14" s="296">
        <v>16153</v>
      </c>
      <c r="FZ14" s="297">
        <v>0</v>
      </c>
      <c r="GA14" s="295">
        <v>214213</v>
      </c>
      <c r="GB14" s="295">
        <v>438591</v>
      </c>
      <c r="GC14" s="295">
        <v>487079</v>
      </c>
      <c r="GD14" s="295">
        <v>408277</v>
      </c>
      <c r="GE14" s="295">
        <v>194450</v>
      </c>
      <c r="GF14" s="298">
        <v>1742610</v>
      </c>
      <c r="GG14" s="299">
        <v>1758763</v>
      </c>
      <c r="GH14" s="294">
        <v>0</v>
      </c>
      <c r="GI14" s="295">
        <v>0</v>
      </c>
      <c r="GJ14" s="296">
        <v>0</v>
      </c>
      <c r="GK14" s="297">
        <v>0</v>
      </c>
      <c r="GL14" s="295">
        <v>84</v>
      </c>
      <c r="GM14" s="295">
        <v>2864</v>
      </c>
      <c r="GN14" s="295">
        <v>112</v>
      </c>
      <c r="GO14" s="295">
        <v>3791</v>
      </c>
      <c r="GP14" s="295">
        <v>1151</v>
      </c>
      <c r="GQ14" s="298">
        <v>8002</v>
      </c>
      <c r="GR14" s="299">
        <v>8002</v>
      </c>
      <c r="GS14" s="294">
        <v>0</v>
      </c>
      <c r="GT14" s="295">
        <v>0</v>
      </c>
      <c r="GU14" s="296">
        <v>0</v>
      </c>
      <c r="GV14" s="297">
        <v>0</v>
      </c>
      <c r="GW14" s="295">
        <v>0</v>
      </c>
      <c r="GX14" s="295">
        <v>0</v>
      </c>
      <c r="GY14" s="295">
        <v>0</v>
      </c>
      <c r="GZ14" s="295">
        <v>0</v>
      </c>
      <c r="HA14" s="295">
        <v>0</v>
      </c>
      <c r="HB14" s="298">
        <v>0</v>
      </c>
      <c r="HC14" s="299">
        <v>0</v>
      </c>
      <c r="HD14" s="294">
        <v>0</v>
      </c>
      <c r="HE14" s="295">
        <v>0</v>
      </c>
      <c r="HF14" s="296">
        <v>0</v>
      </c>
      <c r="HG14" s="300"/>
      <c r="HH14" s="295">
        <v>0</v>
      </c>
      <c r="HI14" s="295">
        <v>0</v>
      </c>
      <c r="HJ14" s="295">
        <v>0</v>
      </c>
      <c r="HK14" s="295">
        <v>0</v>
      </c>
      <c r="HL14" s="295">
        <v>0</v>
      </c>
      <c r="HM14" s="298">
        <v>0</v>
      </c>
      <c r="HN14" s="299">
        <v>0</v>
      </c>
      <c r="HO14" s="294">
        <v>5565</v>
      </c>
      <c r="HP14" s="295">
        <v>25859</v>
      </c>
      <c r="HQ14" s="296">
        <v>31424</v>
      </c>
      <c r="HR14" s="297">
        <v>0</v>
      </c>
      <c r="HS14" s="295">
        <v>1305925</v>
      </c>
      <c r="HT14" s="295">
        <v>2318295</v>
      </c>
      <c r="HU14" s="295">
        <v>7023274</v>
      </c>
      <c r="HV14" s="295">
        <v>9335133</v>
      </c>
      <c r="HW14" s="295">
        <v>8660427</v>
      </c>
      <c r="HX14" s="298">
        <v>28643054</v>
      </c>
      <c r="HY14" s="299">
        <v>28674478</v>
      </c>
    </row>
    <row r="15" spans="2:233" ht="16.5" customHeight="1" x14ac:dyDescent="0.2">
      <c r="B15" s="292" t="s">
        <v>11</v>
      </c>
      <c r="C15" s="294">
        <v>1960</v>
      </c>
      <c r="D15" s="295">
        <v>3760</v>
      </c>
      <c r="E15" s="296">
        <v>5720</v>
      </c>
      <c r="F15" s="297">
        <v>0</v>
      </c>
      <c r="G15" s="295">
        <v>793280</v>
      </c>
      <c r="H15" s="295">
        <v>737269</v>
      </c>
      <c r="I15" s="295">
        <v>2872277</v>
      </c>
      <c r="J15" s="295">
        <v>4051275</v>
      </c>
      <c r="K15" s="295">
        <v>1770017</v>
      </c>
      <c r="L15" s="298">
        <v>10224118</v>
      </c>
      <c r="M15" s="299">
        <v>10229838</v>
      </c>
      <c r="N15" s="294">
        <v>0</v>
      </c>
      <c r="O15" s="295">
        <v>0</v>
      </c>
      <c r="P15" s="296">
        <v>0</v>
      </c>
      <c r="Q15" s="300"/>
      <c r="R15" s="295">
        <v>2635</v>
      </c>
      <c r="S15" s="295">
        <v>79375</v>
      </c>
      <c r="T15" s="295">
        <v>1976555</v>
      </c>
      <c r="U15" s="295">
        <v>2816715</v>
      </c>
      <c r="V15" s="295">
        <v>1291630</v>
      </c>
      <c r="W15" s="298">
        <v>6166910</v>
      </c>
      <c r="X15" s="299">
        <v>6166910</v>
      </c>
      <c r="Y15" s="294">
        <v>0</v>
      </c>
      <c r="Z15" s="295">
        <v>0</v>
      </c>
      <c r="AA15" s="296">
        <v>0</v>
      </c>
      <c r="AB15" s="300"/>
      <c r="AC15" s="295">
        <v>629115</v>
      </c>
      <c r="AD15" s="295">
        <v>519629</v>
      </c>
      <c r="AE15" s="295">
        <v>724560</v>
      </c>
      <c r="AF15" s="295">
        <v>1032481</v>
      </c>
      <c r="AG15" s="295">
        <v>202790</v>
      </c>
      <c r="AH15" s="298">
        <v>3108575</v>
      </c>
      <c r="AI15" s="299">
        <v>3108575</v>
      </c>
      <c r="AJ15" s="294">
        <v>0</v>
      </c>
      <c r="AK15" s="295">
        <v>0</v>
      </c>
      <c r="AL15" s="296">
        <v>0</v>
      </c>
      <c r="AM15" s="300"/>
      <c r="AN15" s="295">
        <v>0</v>
      </c>
      <c r="AO15" s="295">
        <v>0</v>
      </c>
      <c r="AP15" s="295">
        <v>0</v>
      </c>
      <c r="AQ15" s="295">
        <v>0</v>
      </c>
      <c r="AR15" s="295">
        <v>24645</v>
      </c>
      <c r="AS15" s="298">
        <v>24645</v>
      </c>
      <c r="AT15" s="299">
        <v>24645</v>
      </c>
      <c r="AU15" s="294">
        <v>0</v>
      </c>
      <c r="AV15" s="295">
        <v>0</v>
      </c>
      <c r="AW15" s="296">
        <v>0</v>
      </c>
      <c r="AX15" s="300"/>
      <c r="AY15" s="295">
        <v>60140</v>
      </c>
      <c r="AZ15" s="295">
        <v>2635</v>
      </c>
      <c r="BA15" s="295">
        <v>24390</v>
      </c>
      <c r="BB15" s="295">
        <v>73625</v>
      </c>
      <c r="BC15" s="295">
        <v>148605</v>
      </c>
      <c r="BD15" s="298">
        <v>309395</v>
      </c>
      <c r="BE15" s="299">
        <v>309395</v>
      </c>
      <c r="BF15" s="294">
        <v>0</v>
      </c>
      <c r="BG15" s="295">
        <v>0</v>
      </c>
      <c r="BH15" s="296">
        <v>0</v>
      </c>
      <c r="BI15" s="300"/>
      <c r="BJ15" s="295">
        <v>0</v>
      </c>
      <c r="BK15" s="295">
        <v>24645</v>
      </c>
      <c r="BL15" s="295">
        <v>0</v>
      </c>
      <c r="BM15" s="295">
        <v>0</v>
      </c>
      <c r="BN15" s="295">
        <v>0</v>
      </c>
      <c r="BO15" s="298">
        <v>24645</v>
      </c>
      <c r="BP15" s="299">
        <v>24645</v>
      </c>
      <c r="BQ15" s="294">
        <v>1960</v>
      </c>
      <c r="BR15" s="295">
        <v>3760</v>
      </c>
      <c r="BS15" s="296">
        <v>5720</v>
      </c>
      <c r="BT15" s="297">
        <v>0</v>
      </c>
      <c r="BU15" s="295">
        <v>101390</v>
      </c>
      <c r="BV15" s="295">
        <v>106930</v>
      </c>
      <c r="BW15" s="295">
        <v>146627</v>
      </c>
      <c r="BX15" s="295">
        <v>128454</v>
      </c>
      <c r="BY15" s="295">
        <v>102347</v>
      </c>
      <c r="BZ15" s="298">
        <v>585748</v>
      </c>
      <c r="CA15" s="299">
        <v>591468</v>
      </c>
      <c r="CB15" s="294">
        <v>0</v>
      </c>
      <c r="CC15" s="295">
        <v>0</v>
      </c>
      <c r="CD15" s="296">
        <v>0</v>
      </c>
      <c r="CE15" s="297">
        <v>0</v>
      </c>
      <c r="CF15" s="295">
        <v>0</v>
      </c>
      <c r="CG15" s="295">
        <v>4055</v>
      </c>
      <c r="CH15" s="295">
        <v>145</v>
      </c>
      <c r="CI15" s="295">
        <v>0</v>
      </c>
      <c r="CJ15" s="295">
        <v>0</v>
      </c>
      <c r="CK15" s="298">
        <v>4200</v>
      </c>
      <c r="CL15" s="299">
        <v>4200</v>
      </c>
      <c r="CM15" s="294">
        <v>0</v>
      </c>
      <c r="CN15" s="295">
        <v>0</v>
      </c>
      <c r="CO15" s="296">
        <v>0</v>
      </c>
      <c r="CP15" s="297">
        <v>0</v>
      </c>
      <c r="CQ15" s="295">
        <v>0</v>
      </c>
      <c r="CR15" s="295">
        <v>0</v>
      </c>
      <c r="CS15" s="295">
        <v>0</v>
      </c>
      <c r="CT15" s="295">
        <v>0</v>
      </c>
      <c r="CU15" s="295">
        <v>0</v>
      </c>
      <c r="CV15" s="298">
        <v>0</v>
      </c>
      <c r="CW15" s="299">
        <v>0</v>
      </c>
      <c r="CX15" s="294">
        <v>0</v>
      </c>
      <c r="CY15" s="295">
        <v>0</v>
      </c>
      <c r="CZ15" s="296">
        <v>0</v>
      </c>
      <c r="DA15" s="300"/>
      <c r="DB15" s="295">
        <v>0</v>
      </c>
      <c r="DC15" s="295">
        <v>0</v>
      </c>
      <c r="DD15" s="295">
        <v>0</v>
      </c>
      <c r="DE15" s="295">
        <v>0</v>
      </c>
      <c r="DF15" s="295">
        <v>0</v>
      </c>
      <c r="DG15" s="298">
        <v>0</v>
      </c>
      <c r="DH15" s="299">
        <v>0</v>
      </c>
      <c r="DI15" s="294">
        <v>3004</v>
      </c>
      <c r="DJ15" s="295">
        <v>3510</v>
      </c>
      <c r="DK15" s="296">
        <v>6514</v>
      </c>
      <c r="DL15" s="297">
        <v>0</v>
      </c>
      <c r="DM15" s="295">
        <v>284265</v>
      </c>
      <c r="DN15" s="295">
        <v>307010</v>
      </c>
      <c r="DO15" s="295">
        <v>2812568</v>
      </c>
      <c r="DP15" s="295">
        <v>3565129</v>
      </c>
      <c r="DQ15" s="295">
        <v>1830216</v>
      </c>
      <c r="DR15" s="298">
        <v>8799188</v>
      </c>
      <c r="DS15" s="301">
        <v>8805702</v>
      </c>
      <c r="DT15" s="294">
        <v>0</v>
      </c>
      <c r="DU15" s="295">
        <v>0</v>
      </c>
      <c r="DV15" s="296">
        <v>0</v>
      </c>
      <c r="DW15" s="300"/>
      <c r="DX15" s="295">
        <v>21576</v>
      </c>
      <c r="DY15" s="295">
        <v>82686</v>
      </c>
      <c r="DZ15" s="295">
        <v>2459420</v>
      </c>
      <c r="EA15" s="295">
        <v>3285336</v>
      </c>
      <c r="EB15" s="295">
        <v>1683962</v>
      </c>
      <c r="EC15" s="298">
        <v>7532980</v>
      </c>
      <c r="ED15" s="299">
        <v>7532980</v>
      </c>
      <c r="EE15" s="294">
        <v>0</v>
      </c>
      <c r="EF15" s="295">
        <v>0</v>
      </c>
      <c r="EG15" s="296">
        <v>0</v>
      </c>
      <c r="EH15" s="300"/>
      <c r="EI15" s="295">
        <v>134291</v>
      </c>
      <c r="EJ15" s="295">
        <v>97748</v>
      </c>
      <c r="EK15" s="295">
        <v>161974</v>
      </c>
      <c r="EL15" s="295">
        <v>111384</v>
      </c>
      <c r="EM15" s="295">
        <v>25792</v>
      </c>
      <c r="EN15" s="298">
        <v>531189</v>
      </c>
      <c r="EO15" s="299">
        <v>531189</v>
      </c>
      <c r="EP15" s="294">
        <v>0</v>
      </c>
      <c r="EQ15" s="295">
        <v>0</v>
      </c>
      <c r="ER15" s="296">
        <v>0</v>
      </c>
      <c r="ES15" s="300"/>
      <c r="ET15" s="295">
        <v>0</v>
      </c>
      <c r="EU15" s="295">
        <v>0</v>
      </c>
      <c r="EV15" s="295">
        <v>0</v>
      </c>
      <c r="EW15" s="295">
        <v>0</v>
      </c>
      <c r="EX15" s="295">
        <v>217</v>
      </c>
      <c r="EY15" s="298">
        <v>217</v>
      </c>
      <c r="EZ15" s="299">
        <v>217</v>
      </c>
      <c r="FA15" s="294">
        <v>0</v>
      </c>
      <c r="FB15" s="295">
        <v>0</v>
      </c>
      <c r="FC15" s="296">
        <v>0</v>
      </c>
      <c r="FD15" s="300"/>
      <c r="FE15" s="295">
        <v>11904</v>
      </c>
      <c r="FF15" s="295">
        <v>217</v>
      </c>
      <c r="FG15" s="295">
        <v>11904</v>
      </c>
      <c r="FH15" s="295">
        <v>23591</v>
      </c>
      <c r="FI15" s="295">
        <v>13150</v>
      </c>
      <c r="FJ15" s="298">
        <v>60766</v>
      </c>
      <c r="FK15" s="299">
        <v>60766</v>
      </c>
      <c r="FL15" s="294">
        <v>0</v>
      </c>
      <c r="FM15" s="295">
        <v>0</v>
      </c>
      <c r="FN15" s="296">
        <v>0</v>
      </c>
      <c r="FO15" s="300"/>
      <c r="FP15" s="295">
        <v>0</v>
      </c>
      <c r="FQ15" s="295">
        <v>21576</v>
      </c>
      <c r="FR15" s="295">
        <v>0</v>
      </c>
      <c r="FS15" s="295">
        <v>0</v>
      </c>
      <c r="FT15" s="295">
        <v>0</v>
      </c>
      <c r="FU15" s="298">
        <v>21576</v>
      </c>
      <c r="FV15" s="299">
        <v>21576</v>
      </c>
      <c r="FW15" s="294">
        <v>3004</v>
      </c>
      <c r="FX15" s="295">
        <v>3510</v>
      </c>
      <c r="FY15" s="296">
        <v>6514</v>
      </c>
      <c r="FZ15" s="297">
        <v>0</v>
      </c>
      <c r="GA15" s="295">
        <v>116494</v>
      </c>
      <c r="GB15" s="295">
        <v>104748</v>
      </c>
      <c r="GC15" s="295">
        <v>178554</v>
      </c>
      <c r="GD15" s="295">
        <v>144818</v>
      </c>
      <c r="GE15" s="295">
        <v>107095</v>
      </c>
      <c r="GF15" s="298">
        <v>651709</v>
      </c>
      <c r="GG15" s="299">
        <v>658223</v>
      </c>
      <c r="GH15" s="294">
        <v>0</v>
      </c>
      <c r="GI15" s="295">
        <v>0</v>
      </c>
      <c r="GJ15" s="296">
        <v>0</v>
      </c>
      <c r="GK15" s="297">
        <v>0</v>
      </c>
      <c r="GL15" s="295">
        <v>0</v>
      </c>
      <c r="GM15" s="295">
        <v>35</v>
      </c>
      <c r="GN15" s="295">
        <v>716</v>
      </c>
      <c r="GO15" s="295">
        <v>0</v>
      </c>
      <c r="GP15" s="295">
        <v>0</v>
      </c>
      <c r="GQ15" s="298">
        <v>751</v>
      </c>
      <c r="GR15" s="299">
        <v>751</v>
      </c>
      <c r="GS15" s="294">
        <v>0</v>
      </c>
      <c r="GT15" s="295">
        <v>0</v>
      </c>
      <c r="GU15" s="296">
        <v>0</v>
      </c>
      <c r="GV15" s="297">
        <v>0</v>
      </c>
      <c r="GW15" s="295">
        <v>0</v>
      </c>
      <c r="GX15" s="295">
        <v>0</v>
      </c>
      <c r="GY15" s="295">
        <v>0</v>
      </c>
      <c r="GZ15" s="295">
        <v>0</v>
      </c>
      <c r="HA15" s="295">
        <v>0</v>
      </c>
      <c r="HB15" s="298">
        <v>0</v>
      </c>
      <c r="HC15" s="299">
        <v>0</v>
      </c>
      <c r="HD15" s="294">
        <v>0</v>
      </c>
      <c r="HE15" s="295">
        <v>0</v>
      </c>
      <c r="HF15" s="296">
        <v>0</v>
      </c>
      <c r="HG15" s="300"/>
      <c r="HH15" s="295">
        <v>0</v>
      </c>
      <c r="HI15" s="295">
        <v>0</v>
      </c>
      <c r="HJ15" s="295">
        <v>0</v>
      </c>
      <c r="HK15" s="295">
        <v>0</v>
      </c>
      <c r="HL15" s="295">
        <v>0</v>
      </c>
      <c r="HM15" s="298">
        <v>0</v>
      </c>
      <c r="HN15" s="299">
        <v>0</v>
      </c>
      <c r="HO15" s="294">
        <v>4964</v>
      </c>
      <c r="HP15" s="295">
        <v>7270</v>
      </c>
      <c r="HQ15" s="296">
        <v>12234</v>
      </c>
      <c r="HR15" s="297">
        <v>0</v>
      </c>
      <c r="HS15" s="295">
        <v>1077545</v>
      </c>
      <c r="HT15" s="295">
        <v>1044279</v>
      </c>
      <c r="HU15" s="295">
        <v>5684845</v>
      </c>
      <c r="HV15" s="295">
        <v>7616404</v>
      </c>
      <c r="HW15" s="295">
        <v>3600233</v>
      </c>
      <c r="HX15" s="298">
        <v>19023306</v>
      </c>
      <c r="HY15" s="299">
        <v>19035540</v>
      </c>
    </row>
    <row r="16" spans="2:233" ht="16.5" customHeight="1" x14ac:dyDescent="0.2">
      <c r="B16" s="292" t="s">
        <v>12</v>
      </c>
      <c r="C16" s="294">
        <v>-17175</v>
      </c>
      <c r="D16" s="295">
        <v>5120</v>
      </c>
      <c r="E16" s="296">
        <v>-12055</v>
      </c>
      <c r="F16" s="297">
        <v>0</v>
      </c>
      <c r="G16" s="295">
        <v>300590</v>
      </c>
      <c r="H16" s="295">
        <v>349978</v>
      </c>
      <c r="I16" s="295">
        <v>2260992</v>
      </c>
      <c r="J16" s="295">
        <v>3476376</v>
      </c>
      <c r="K16" s="295">
        <v>2170140</v>
      </c>
      <c r="L16" s="298">
        <v>8558076</v>
      </c>
      <c r="M16" s="299">
        <v>8546021</v>
      </c>
      <c r="N16" s="294">
        <v>0</v>
      </c>
      <c r="O16" s="295">
        <v>0</v>
      </c>
      <c r="P16" s="296">
        <v>0</v>
      </c>
      <c r="Q16" s="300"/>
      <c r="R16" s="295">
        <v>35340</v>
      </c>
      <c r="S16" s="295">
        <v>45725</v>
      </c>
      <c r="T16" s="295">
        <v>1207679</v>
      </c>
      <c r="U16" s="295">
        <v>2480065</v>
      </c>
      <c r="V16" s="295">
        <v>1597315</v>
      </c>
      <c r="W16" s="298">
        <v>5366124</v>
      </c>
      <c r="X16" s="299">
        <v>5366124</v>
      </c>
      <c r="Y16" s="294">
        <v>0</v>
      </c>
      <c r="Z16" s="295">
        <v>0</v>
      </c>
      <c r="AA16" s="296">
        <v>0</v>
      </c>
      <c r="AB16" s="300"/>
      <c r="AC16" s="295">
        <v>235185</v>
      </c>
      <c r="AD16" s="295">
        <v>255725</v>
      </c>
      <c r="AE16" s="295">
        <v>667713</v>
      </c>
      <c r="AF16" s="295">
        <v>692969</v>
      </c>
      <c r="AG16" s="295">
        <v>338095</v>
      </c>
      <c r="AH16" s="298">
        <v>2189687</v>
      </c>
      <c r="AI16" s="299">
        <v>2189687</v>
      </c>
      <c r="AJ16" s="294">
        <v>0</v>
      </c>
      <c r="AK16" s="295">
        <v>0</v>
      </c>
      <c r="AL16" s="296">
        <v>0</v>
      </c>
      <c r="AM16" s="300"/>
      <c r="AN16" s="295">
        <v>0</v>
      </c>
      <c r="AO16" s="295">
        <v>0</v>
      </c>
      <c r="AP16" s="295">
        <v>0</v>
      </c>
      <c r="AQ16" s="295">
        <v>0</v>
      </c>
      <c r="AR16" s="295">
        <v>0</v>
      </c>
      <c r="AS16" s="298">
        <v>0</v>
      </c>
      <c r="AT16" s="299">
        <v>0</v>
      </c>
      <c r="AU16" s="294">
        <v>0</v>
      </c>
      <c r="AV16" s="295">
        <v>0</v>
      </c>
      <c r="AW16" s="296">
        <v>0</v>
      </c>
      <c r="AX16" s="300"/>
      <c r="AY16" s="295">
        <v>0</v>
      </c>
      <c r="AZ16" s="295">
        <v>0</v>
      </c>
      <c r="BA16" s="295">
        <v>0</v>
      </c>
      <c r="BB16" s="295">
        <v>5270</v>
      </c>
      <c r="BC16" s="295">
        <v>78585</v>
      </c>
      <c r="BD16" s="298">
        <v>83855</v>
      </c>
      <c r="BE16" s="299">
        <v>83855</v>
      </c>
      <c r="BF16" s="294">
        <v>0</v>
      </c>
      <c r="BG16" s="295">
        <v>0</v>
      </c>
      <c r="BH16" s="296">
        <v>0</v>
      </c>
      <c r="BI16" s="300"/>
      <c r="BJ16" s="295">
        <v>0</v>
      </c>
      <c r="BK16" s="295">
        <v>0</v>
      </c>
      <c r="BL16" s="295">
        <v>214915</v>
      </c>
      <c r="BM16" s="295">
        <v>65255</v>
      </c>
      <c r="BN16" s="295">
        <v>16945</v>
      </c>
      <c r="BO16" s="298">
        <v>297115</v>
      </c>
      <c r="BP16" s="299">
        <v>297115</v>
      </c>
      <c r="BQ16" s="294">
        <v>-17175</v>
      </c>
      <c r="BR16" s="295">
        <v>5120</v>
      </c>
      <c r="BS16" s="296">
        <v>-12055</v>
      </c>
      <c r="BT16" s="297">
        <v>0</v>
      </c>
      <c r="BU16" s="295">
        <v>30065</v>
      </c>
      <c r="BV16" s="295">
        <v>48528</v>
      </c>
      <c r="BW16" s="295">
        <v>170685</v>
      </c>
      <c r="BX16" s="295">
        <v>232672</v>
      </c>
      <c r="BY16" s="295">
        <v>139200</v>
      </c>
      <c r="BZ16" s="298">
        <v>621150</v>
      </c>
      <c r="CA16" s="299">
        <v>609095</v>
      </c>
      <c r="CB16" s="294">
        <v>0</v>
      </c>
      <c r="CC16" s="295">
        <v>0</v>
      </c>
      <c r="CD16" s="296">
        <v>0</v>
      </c>
      <c r="CE16" s="297">
        <v>0</v>
      </c>
      <c r="CF16" s="295">
        <v>0</v>
      </c>
      <c r="CG16" s="295">
        <v>0</v>
      </c>
      <c r="CH16" s="295">
        <v>0</v>
      </c>
      <c r="CI16" s="295">
        <v>145</v>
      </c>
      <c r="CJ16" s="295">
        <v>0</v>
      </c>
      <c r="CK16" s="298">
        <v>145</v>
      </c>
      <c r="CL16" s="299">
        <v>145</v>
      </c>
      <c r="CM16" s="294">
        <v>0</v>
      </c>
      <c r="CN16" s="295">
        <v>0</v>
      </c>
      <c r="CO16" s="296">
        <v>0</v>
      </c>
      <c r="CP16" s="297">
        <v>0</v>
      </c>
      <c r="CQ16" s="295">
        <v>0</v>
      </c>
      <c r="CR16" s="295">
        <v>0</v>
      </c>
      <c r="CS16" s="295">
        <v>0</v>
      </c>
      <c r="CT16" s="295">
        <v>0</v>
      </c>
      <c r="CU16" s="295">
        <v>0</v>
      </c>
      <c r="CV16" s="298">
        <v>0</v>
      </c>
      <c r="CW16" s="299">
        <v>0</v>
      </c>
      <c r="CX16" s="294">
        <v>0</v>
      </c>
      <c r="CY16" s="295">
        <v>0</v>
      </c>
      <c r="CZ16" s="296">
        <v>0</v>
      </c>
      <c r="DA16" s="300"/>
      <c r="DB16" s="295">
        <v>0</v>
      </c>
      <c r="DC16" s="295">
        <v>0</v>
      </c>
      <c r="DD16" s="295">
        <v>0</v>
      </c>
      <c r="DE16" s="295">
        <v>0</v>
      </c>
      <c r="DF16" s="295">
        <v>0</v>
      </c>
      <c r="DG16" s="298">
        <v>0</v>
      </c>
      <c r="DH16" s="299">
        <v>0</v>
      </c>
      <c r="DI16" s="294">
        <v>-12765</v>
      </c>
      <c r="DJ16" s="295">
        <v>9004</v>
      </c>
      <c r="DK16" s="296">
        <v>-3761</v>
      </c>
      <c r="DL16" s="297">
        <v>0</v>
      </c>
      <c r="DM16" s="295">
        <v>135291</v>
      </c>
      <c r="DN16" s="295">
        <v>376524</v>
      </c>
      <c r="DO16" s="295">
        <v>2488141</v>
      </c>
      <c r="DP16" s="295">
        <v>3736846</v>
      </c>
      <c r="DQ16" s="295">
        <v>2302671</v>
      </c>
      <c r="DR16" s="298">
        <v>9039473</v>
      </c>
      <c r="DS16" s="301">
        <v>9035712</v>
      </c>
      <c r="DT16" s="294">
        <v>0</v>
      </c>
      <c r="DU16" s="295">
        <v>0</v>
      </c>
      <c r="DV16" s="296">
        <v>0</v>
      </c>
      <c r="DW16" s="300"/>
      <c r="DX16" s="295">
        <v>58342</v>
      </c>
      <c r="DY16" s="295">
        <v>181102</v>
      </c>
      <c r="DZ16" s="295">
        <v>1813497</v>
      </c>
      <c r="EA16" s="295">
        <v>3151716</v>
      </c>
      <c r="EB16" s="295">
        <v>2026843</v>
      </c>
      <c r="EC16" s="298">
        <v>7231500</v>
      </c>
      <c r="ED16" s="299">
        <v>7231500</v>
      </c>
      <c r="EE16" s="294">
        <v>0</v>
      </c>
      <c r="EF16" s="295">
        <v>0</v>
      </c>
      <c r="EG16" s="296">
        <v>0</v>
      </c>
      <c r="EH16" s="300"/>
      <c r="EI16" s="295">
        <v>38891</v>
      </c>
      <c r="EJ16" s="295">
        <v>83954</v>
      </c>
      <c r="EK16" s="295">
        <v>64866</v>
      </c>
      <c r="EL16" s="295">
        <v>116330</v>
      </c>
      <c r="EM16" s="295">
        <v>48763</v>
      </c>
      <c r="EN16" s="298">
        <v>352804</v>
      </c>
      <c r="EO16" s="299">
        <v>352804</v>
      </c>
      <c r="EP16" s="294">
        <v>0</v>
      </c>
      <c r="EQ16" s="295">
        <v>0</v>
      </c>
      <c r="ER16" s="296">
        <v>0</v>
      </c>
      <c r="ES16" s="300"/>
      <c r="ET16" s="295">
        <v>0</v>
      </c>
      <c r="EU16" s="295">
        <v>0</v>
      </c>
      <c r="EV16" s="295">
        <v>0</v>
      </c>
      <c r="EW16" s="295">
        <v>0</v>
      </c>
      <c r="EX16" s="295">
        <v>0</v>
      </c>
      <c r="EY16" s="298">
        <v>0</v>
      </c>
      <c r="EZ16" s="299">
        <v>0</v>
      </c>
      <c r="FA16" s="294">
        <v>0</v>
      </c>
      <c r="FB16" s="295">
        <v>0</v>
      </c>
      <c r="FC16" s="296">
        <v>0</v>
      </c>
      <c r="FD16" s="300"/>
      <c r="FE16" s="295">
        <v>0</v>
      </c>
      <c r="FF16" s="295">
        <v>0</v>
      </c>
      <c r="FG16" s="295">
        <v>0</v>
      </c>
      <c r="FH16" s="295">
        <v>434</v>
      </c>
      <c r="FI16" s="295">
        <v>1519</v>
      </c>
      <c r="FJ16" s="298">
        <v>1953</v>
      </c>
      <c r="FK16" s="299">
        <v>1953</v>
      </c>
      <c r="FL16" s="294">
        <v>0</v>
      </c>
      <c r="FM16" s="295">
        <v>0</v>
      </c>
      <c r="FN16" s="296">
        <v>0</v>
      </c>
      <c r="FO16" s="300"/>
      <c r="FP16" s="295">
        <v>0</v>
      </c>
      <c r="FQ16" s="295">
        <v>0</v>
      </c>
      <c r="FR16" s="295">
        <v>303798</v>
      </c>
      <c r="FS16" s="295">
        <v>123070</v>
      </c>
      <c r="FT16" s="295">
        <v>34104</v>
      </c>
      <c r="FU16" s="298">
        <v>460972</v>
      </c>
      <c r="FV16" s="299">
        <v>460972</v>
      </c>
      <c r="FW16" s="294">
        <v>-12765</v>
      </c>
      <c r="FX16" s="295">
        <v>9004</v>
      </c>
      <c r="FY16" s="296">
        <v>-3761</v>
      </c>
      <c r="FZ16" s="297">
        <v>0</v>
      </c>
      <c r="GA16" s="295">
        <v>38058</v>
      </c>
      <c r="GB16" s="295">
        <v>111468</v>
      </c>
      <c r="GC16" s="295">
        <v>305980</v>
      </c>
      <c r="GD16" s="295">
        <v>345275</v>
      </c>
      <c r="GE16" s="295">
        <v>191442</v>
      </c>
      <c r="GF16" s="298">
        <v>992223</v>
      </c>
      <c r="GG16" s="299">
        <v>988462</v>
      </c>
      <c r="GH16" s="294">
        <v>0</v>
      </c>
      <c r="GI16" s="295">
        <v>0</v>
      </c>
      <c r="GJ16" s="296">
        <v>0</v>
      </c>
      <c r="GK16" s="297">
        <v>0</v>
      </c>
      <c r="GL16" s="295">
        <v>0</v>
      </c>
      <c r="GM16" s="295">
        <v>0</v>
      </c>
      <c r="GN16" s="295">
        <v>0</v>
      </c>
      <c r="GO16" s="295">
        <v>21</v>
      </c>
      <c r="GP16" s="295">
        <v>0</v>
      </c>
      <c r="GQ16" s="298">
        <v>21</v>
      </c>
      <c r="GR16" s="299">
        <v>21</v>
      </c>
      <c r="GS16" s="294">
        <v>0</v>
      </c>
      <c r="GT16" s="295">
        <v>0</v>
      </c>
      <c r="GU16" s="296">
        <v>0</v>
      </c>
      <c r="GV16" s="297">
        <v>0</v>
      </c>
      <c r="GW16" s="295">
        <v>0</v>
      </c>
      <c r="GX16" s="295">
        <v>0</v>
      </c>
      <c r="GY16" s="295">
        <v>0</v>
      </c>
      <c r="GZ16" s="295">
        <v>0</v>
      </c>
      <c r="HA16" s="295">
        <v>0</v>
      </c>
      <c r="HB16" s="298">
        <v>0</v>
      </c>
      <c r="HC16" s="299">
        <v>0</v>
      </c>
      <c r="HD16" s="294">
        <v>0</v>
      </c>
      <c r="HE16" s="295">
        <v>0</v>
      </c>
      <c r="HF16" s="296">
        <v>0</v>
      </c>
      <c r="HG16" s="300"/>
      <c r="HH16" s="295">
        <v>0</v>
      </c>
      <c r="HI16" s="295">
        <v>0</v>
      </c>
      <c r="HJ16" s="295">
        <v>0</v>
      </c>
      <c r="HK16" s="295">
        <v>0</v>
      </c>
      <c r="HL16" s="295">
        <v>0</v>
      </c>
      <c r="HM16" s="298">
        <v>0</v>
      </c>
      <c r="HN16" s="299">
        <v>0</v>
      </c>
      <c r="HO16" s="294">
        <v>-29940</v>
      </c>
      <c r="HP16" s="295">
        <v>14124</v>
      </c>
      <c r="HQ16" s="296">
        <v>-15816</v>
      </c>
      <c r="HR16" s="297">
        <v>0</v>
      </c>
      <c r="HS16" s="295">
        <v>435881</v>
      </c>
      <c r="HT16" s="295">
        <v>726502</v>
      </c>
      <c r="HU16" s="295">
        <v>4749133</v>
      </c>
      <c r="HV16" s="295">
        <v>7213222</v>
      </c>
      <c r="HW16" s="295">
        <v>4472811</v>
      </c>
      <c r="HX16" s="298">
        <v>17597549</v>
      </c>
      <c r="HY16" s="299">
        <v>17581733</v>
      </c>
    </row>
    <row r="17" spans="2:233" ht="16.5" customHeight="1" x14ac:dyDescent="0.2">
      <c r="B17" s="292" t="s">
        <v>13</v>
      </c>
      <c r="C17" s="294">
        <v>0</v>
      </c>
      <c r="D17" s="295">
        <v>0</v>
      </c>
      <c r="E17" s="296">
        <v>0</v>
      </c>
      <c r="F17" s="297">
        <v>0</v>
      </c>
      <c r="G17" s="295">
        <v>46623</v>
      </c>
      <c r="H17" s="295">
        <v>130687</v>
      </c>
      <c r="I17" s="295">
        <v>575308</v>
      </c>
      <c r="J17" s="295">
        <v>913198</v>
      </c>
      <c r="K17" s="295">
        <v>864338</v>
      </c>
      <c r="L17" s="298">
        <v>2530154</v>
      </c>
      <c r="M17" s="299">
        <v>2530154</v>
      </c>
      <c r="N17" s="294">
        <v>0</v>
      </c>
      <c r="O17" s="295">
        <v>0</v>
      </c>
      <c r="P17" s="296">
        <v>0</v>
      </c>
      <c r="Q17" s="300"/>
      <c r="R17" s="295">
        <v>2635</v>
      </c>
      <c r="S17" s="295">
        <v>0</v>
      </c>
      <c r="T17" s="295">
        <v>382810</v>
      </c>
      <c r="U17" s="295">
        <v>844880</v>
      </c>
      <c r="V17" s="295">
        <v>791527</v>
      </c>
      <c r="W17" s="298">
        <v>2021852</v>
      </c>
      <c r="X17" s="299">
        <v>2021852</v>
      </c>
      <c r="Y17" s="294">
        <v>0</v>
      </c>
      <c r="Z17" s="295">
        <v>0</v>
      </c>
      <c r="AA17" s="296">
        <v>0</v>
      </c>
      <c r="AB17" s="300"/>
      <c r="AC17" s="295">
        <v>40610</v>
      </c>
      <c r="AD17" s="295">
        <v>118172</v>
      </c>
      <c r="AE17" s="295">
        <v>140617</v>
      </c>
      <c r="AF17" s="295">
        <v>40455</v>
      </c>
      <c r="AG17" s="295">
        <v>47710</v>
      </c>
      <c r="AH17" s="298">
        <v>387564</v>
      </c>
      <c r="AI17" s="299">
        <v>387564</v>
      </c>
      <c r="AJ17" s="294">
        <v>0</v>
      </c>
      <c r="AK17" s="295">
        <v>0</v>
      </c>
      <c r="AL17" s="296">
        <v>0</v>
      </c>
      <c r="AM17" s="300"/>
      <c r="AN17" s="295">
        <v>0</v>
      </c>
      <c r="AO17" s="295">
        <v>0</v>
      </c>
      <c r="AP17" s="295">
        <v>0</v>
      </c>
      <c r="AQ17" s="295">
        <v>0</v>
      </c>
      <c r="AR17" s="295">
        <v>0</v>
      </c>
      <c r="AS17" s="298">
        <v>0</v>
      </c>
      <c r="AT17" s="299">
        <v>0</v>
      </c>
      <c r="AU17" s="294">
        <v>0</v>
      </c>
      <c r="AV17" s="295">
        <v>0</v>
      </c>
      <c r="AW17" s="296">
        <v>0</v>
      </c>
      <c r="AX17" s="300"/>
      <c r="AY17" s="295">
        <v>0</v>
      </c>
      <c r="AZ17" s="295">
        <v>0</v>
      </c>
      <c r="BA17" s="295">
        <v>0</v>
      </c>
      <c r="BB17" s="295">
        <v>0</v>
      </c>
      <c r="BC17" s="295">
        <v>0</v>
      </c>
      <c r="BD17" s="298">
        <v>0</v>
      </c>
      <c r="BE17" s="299">
        <v>0</v>
      </c>
      <c r="BF17" s="294">
        <v>0</v>
      </c>
      <c r="BG17" s="295">
        <v>0</v>
      </c>
      <c r="BH17" s="296">
        <v>0</v>
      </c>
      <c r="BI17" s="300"/>
      <c r="BJ17" s="295">
        <v>0</v>
      </c>
      <c r="BK17" s="295">
        <v>0</v>
      </c>
      <c r="BL17" s="295">
        <v>0</v>
      </c>
      <c r="BM17" s="295">
        <v>0</v>
      </c>
      <c r="BN17" s="295">
        <v>0</v>
      </c>
      <c r="BO17" s="298">
        <v>0</v>
      </c>
      <c r="BP17" s="299">
        <v>0</v>
      </c>
      <c r="BQ17" s="294">
        <v>0</v>
      </c>
      <c r="BR17" s="295">
        <v>0</v>
      </c>
      <c r="BS17" s="296">
        <v>0</v>
      </c>
      <c r="BT17" s="297">
        <v>0</v>
      </c>
      <c r="BU17" s="295">
        <v>3378</v>
      </c>
      <c r="BV17" s="295">
        <v>12515</v>
      </c>
      <c r="BW17" s="295">
        <v>51431</v>
      </c>
      <c r="BX17" s="295">
        <v>27030</v>
      </c>
      <c r="BY17" s="295">
        <v>18471</v>
      </c>
      <c r="BZ17" s="298">
        <v>112825</v>
      </c>
      <c r="CA17" s="299">
        <v>112825</v>
      </c>
      <c r="CB17" s="294">
        <v>0</v>
      </c>
      <c r="CC17" s="295">
        <v>0</v>
      </c>
      <c r="CD17" s="296">
        <v>0</v>
      </c>
      <c r="CE17" s="297">
        <v>0</v>
      </c>
      <c r="CF17" s="295">
        <v>0</v>
      </c>
      <c r="CG17" s="295">
        <v>0</v>
      </c>
      <c r="CH17" s="295">
        <v>450</v>
      </c>
      <c r="CI17" s="295">
        <v>833</v>
      </c>
      <c r="CJ17" s="295">
        <v>6630</v>
      </c>
      <c r="CK17" s="298">
        <v>7913</v>
      </c>
      <c r="CL17" s="299">
        <v>7913</v>
      </c>
      <c r="CM17" s="294">
        <v>0</v>
      </c>
      <c r="CN17" s="295">
        <v>0</v>
      </c>
      <c r="CO17" s="296">
        <v>0</v>
      </c>
      <c r="CP17" s="297">
        <v>0</v>
      </c>
      <c r="CQ17" s="295">
        <v>0</v>
      </c>
      <c r="CR17" s="295">
        <v>0</v>
      </c>
      <c r="CS17" s="295">
        <v>0</v>
      </c>
      <c r="CT17" s="295">
        <v>0</v>
      </c>
      <c r="CU17" s="295">
        <v>0</v>
      </c>
      <c r="CV17" s="298">
        <v>0</v>
      </c>
      <c r="CW17" s="299">
        <v>0</v>
      </c>
      <c r="CX17" s="294">
        <v>0</v>
      </c>
      <c r="CY17" s="295">
        <v>0</v>
      </c>
      <c r="CZ17" s="296">
        <v>0</v>
      </c>
      <c r="DA17" s="300"/>
      <c r="DB17" s="295">
        <v>0</v>
      </c>
      <c r="DC17" s="295">
        <v>0</v>
      </c>
      <c r="DD17" s="295">
        <v>0</v>
      </c>
      <c r="DE17" s="295">
        <v>0</v>
      </c>
      <c r="DF17" s="295">
        <v>0</v>
      </c>
      <c r="DG17" s="298">
        <v>0</v>
      </c>
      <c r="DH17" s="299">
        <v>0</v>
      </c>
      <c r="DI17" s="294">
        <v>0</v>
      </c>
      <c r="DJ17" s="295">
        <v>0</v>
      </c>
      <c r="DK17" s="296">
        <v>0</v>
      </c>
      <c r="DL17" s="297">
        <v>0</v>
      </c>
      <c r="DM17" s="295">
        <v>44738</v>
      </c>
      <c r="DN17" s="295">
        <v>23381</v>
      </c>
      <c r="DO17" s="295">
        <v>711929</v>
      </c>
      <c r="DP17" s="295">
        <v>982747</v>
      </c>
      <c r="DQ17" s="295">
        <v>945638</v>
      </c>
      <c r="DR17" s="298">
        <v>2708433</v>
      </c>
      <c r="DS17" s="301">
        <v>2708433</v>
      </c>
      <c r="DT17" s="294">
        <v>0</v>
      </c>
      <c r="DU17" s="295">
        <v>0</v>
      </c>
      <c r="DV17" s="296">
        <v>0</v>
      </c>
      <c r="DW17" s="300"/>
      <c r="DX17" s="295">
        <v>21576</v>
      </c>
      <c r="DY17" s="295">
        <v>0</v>
      </c>
      <c r="DZ17" s="295">
        <v>585022</v>
      </c>
      <c r="EA17" s="295">
        <v>912924</v>
      </c>
      <c r="EB17" s="295">
        <v>855102</v>
      </c>
      <c r="EC17" s="298">
        <v>2374624</v>
      </c>
      <c r="ED17" s="299">
        <v>2374624</v>
      </c>
      <c r="EE17" s="294">
        <v>0</v>
      </c>
      <c r="EF17" s="295">
        <v>0</v>
      </c>
      <c r="EG17" s="296">
        <v>0</v>
      </c>
      <c r="EH17" s="300"/>
      <c r="EI17" s="295">
        <v>11749</v>
      </c>
      <c r="EJ17" s="295">
        <v>1953</v>
      </c>
      <c r="EK17" s="295">
        <v>38695</v>
      </c>
      <c r="EL17" s="295">
        <v>1302</v>
      </c>
      <c r="EM17" s="295">
        <v>34054</v>
      </c>
      <c r="EN17" s="298">
        <v>87753</v>
      </c>
      <c r="EO17" s="299">
        <v>87753</v>
      </c>
      <c r="EP17" s="294">
        <v>0</v>
      </c>
      <c r="EQ17" s="295">
        <v>0</v>
      </c>
      <c r="ER17" s="296">
        <v>0</v>
      </c>
      <c r="ES17" s="300"/>
      <c r="ET17" s="295">
        <v>0</v>
      </c>
      <c r="EU17" s="295">
        <v>0</v>
      </c>
      <c r="EV17" s="295">
        <v>0</v>
      </c>
      <c r="EW17" s="295">
        <v>0</v>
      </c>
      <c r="EX17" s="295">
        <v>0</v>
      </c>
      <c r="EY17" s="298">
        <v>0</v>
      </c>
      <c r="EZ17" s="299">
        <v>0</v>
      </c>
      <c r="FA17" s="294">
        <v>0</v>
      </c>
      <c r="FB17" s="295">
        <v>0</v>
      </c>
      <c r="FC17" s="296">
        <v>0</v>
      </c>
      <c r="FD17" s="300"/>
      <c r="FE17" s="295">
        <v>0</v>
      </c>
      <c r="FF17" s="295">
        <v>0</v>
      </c>
      <c r="FG17" s="295">
        <v>0</v>
      </c>
      <c r="FH17" s="295">
        <v>0</v>
      </c>
      <c r="FI17" s="295">
        <v>0</v>
      </c>
      <c r="FJ17" s="298">
        <v>0</v>
      </c>
      <c r="FK17" s="299">
        <v>0</v>
      </c>
      <c r="FL17" s="294">
        <v>0</v>
      </c>
      <c r="FM17" s="295">
        <v>0</v>
      </c>
      <c r="FN17" s="296">
        <v>0</v>
      </c>
      <c r="FO17" s="300"/>
      <c r="FP17" s="295">
        <v>0</v>
      </c>
      <c r="FQ17" s="295">
        <v>0</v>
      </c>
      <c r="FR17" s="295">
        <v>0</v>
      </c>
      <c r="FS17" s="295">
        <v>0</v>
      </c>
      <c r="FT17" s="295">
        <v>0</v>
      </c>
      <c r="FU17" s="298">
        <v>0</v>
      </c>
      <c r="FV17" s="299">
        <v>0</v>
      </c>
      <c r="FW17" s="294">
        <v>0</v>
      </c>
      <c r="FX17" s="295">
        <v>0</v>
      </c>
      <c r="FY17" s="296">
        <v>0</v>
      </c>
      <c r="FZ17" s="297">
        <v>0</v>
      </c>
      <c r="GA17" s="295">
        <v>11413</v>
      </c>
      <c r="GB17" s="295">
        <v>21428</v>
      </c>
      <c r="GC17" s="295">
        <v>88212</v>
      </c>
      <c r="GD17" s="295">
        <v>63649</v>
      </c>
      <c r="GE17" s="295">
        <v>56482</v>
      </c>
      <c r="GF17" s="298">
        <v>241184</v>
      </c>
      <c r="GG17" s="299">
        <v>241184</v>
      </c>
      <c r="GH17" s="294">
        <v>0</v>
      </c>
      <c r="GI17" s="295">
        <v>0</v>
      </c>
      <c r="GJ17" s="296">
        <v>0</v>
      </c>
      <c r="GK17" s="297">
        <v>0</v>
      </c>
      <c r="GL17" s="295">
        <v>0</v>
      </c>
      <c r="GM17" s="295">
        <v>0</v>
      </c>
      <c r="GN17" s="295">
        <v>0</v>
      </c>
      <c r="GO17" s="295">
        <v>4872</v>
      </c>
      <c r="GP17" s="295">
        <v>0</v>
      </c>
      <c r="GQ17" s="298">
        <v>4872</v>
      </c>
      <c r="GR17" s="299">
        <v>4872</v>
      </c>
      <c r="GS17" s="294">
        <v>0</v>
      </c>
      <c r="GT17" s="295">
        <v>0</v>
      </c>
      <c r="GU17" s="296">
        <v>0</v>
      </c>
      <c r="GV17" s="297">
        <v>0</v>
      </c>
      <c r="GW17" s="295">
        <v>0</v>
      </c>
      <c r="GX17" s="295">
        <v>0</v>
      </c>
      <c r="GY17" s="295">
        <v>0</v>
      </c>
      <c r="GZ17" s="295">
        <v>0</v>
      </c>
      <c r="HA17" s="295">
        <v>0</v>
      </c>
      <c r="HB17" s="298">
        <v>0</v>
      </c>
      <c r="HC17" s="299">
        <v>0</v>
      </c>
      <c r="HD17" s="294">
        <v>0</v>
      </c>
      <c r="HE17" s="295">
        <v>0</v>
      </c>
      <c r="HF17" s="296">
        <v>0</v>
      </c>
      <c r="HG17" s="300"/>
      <c r="HH17" s="295">
        <v>0</v>
      </c>
      <c r="HI17" s="295">
        <v>0</v>
      </c>
      <c r="HJ17" s="295">
        <v>0</v>
      </c>
      <c r="HK17" s="295">
        <v>0</v>
      </c>
      <c r="HL17" s="295">
        <v>0</v>
      </c>
      <c r="HM17" s="298">
        <v>0</v>
      </c>
      <c r="HN17" s="299">
        <v>0</v>
      </c>
      <c r="HO17" s="294">
        <v>0</v>
      </c>
      <c r="HP17" s="295">
        <v>0</v>
      </c>
      <c r="HQ17" s="296">
        <v>0</v>
      </c>
      <c r="HR17" s="297">
        <v>0</v>
      </c>
      <c r="HS17" s="295">
        <v>91361</v>
      </c>
      <c r="HT17" s="295">
        <v>154068</v>
      </c>
      <c r="HU17" s="295">
        <v>1287237</v>
      </c>
      <c r="HV17" s="295">
        <v>1895945</v>
      </c>
      <c r="HW17" s="295">
        <v>1809976</v>
      </c>
      <c r="HX17" s="298">
        <v>5238587</v>
      </c>
      <c r="HY17" s="299">
        <v>5238587</v>
      </c>
    </row>
    <row r="18" spans="2:233" ht="16.5" customHeight="1" x14ac:dyDescent="0.2">
      <c r="B18" s="292" t="s">
        <v>15</v>
      </c>
      <c r="C18" s="294">
        <v>0</v>
      </c>
      <c r="D18" s="295">
        <v>0</v>
      </c>
      <c r="E18" s="296">
        <v>0</v>
      </c>
      <c r="F18" s="297">
        <v>0</v>
      </c>
      <c r="G18" s="295">
        <v>182125</v>
      </c>
      <c r="H18" s="295">
        <v>518043</v>
      </c>
      <c r="I18" s="295">
        <v>1694296</v>
      </c>
      <c r="J18" s="295">
        <v>2082119</v>
      </c>
      <c r="K18" s="295">
        <v>1288115</v>
      </c>
      <c r="L18" s="298">
        <v>5764698</v>
      </c>
      <c r="M18" s="299">
        <v>5764698</v>
      </c>
      <c r="N18" s="294">
        <v>0</v>
      </c>
      <c r="O18" s="295">
        <v>0</v>
      </c>
      <c r="P18" s="296">
        <v>0</v>
      </c>
      <c r="Q18" s="300"/>
      <c r="R18" s="295">
        <v>0</v>
      </c>
      <c r="S18" s="295">
        <v>35495</v>
      </c>
      <c r="T18" s="295">
        <v>914810</v>
      </c>
      <c r="U18" s="295">
        <v>1326950</v>
      </c>
      <c r="V18" s="295">
        <v>927180</v>
      </c>
      <c r="W18" s="298">
        <v>3204435</v>
      </c>
      <c r="X18" s="299">
        <v>3204435</v>
      </c>
      <c r="Y18" s="294">
        <v>0</v>
      </c>
      <c r="Z18" s="295">
        <v>0</v>
      </c>
      <c r="AA18" s="296">
        <v>0</v>
      </c>
      <c r="AB18" s="300"/>
      <c r="AC18" s="295">
        <v>182125</v>
      </c>
      <c r="AD18" s="295">
        <v>437140</v>
      </c>
      <c r="AE18" s="295">
        <v>492855</v>
      </c>
      <c r="AF18" s="295">
        <v>486238</v>
      </c>
      <c r="AG18" s="295">
        <v>146237</v>
      </c>
      <c r="AH18" s="298">
        <v>1744595</v>
      </c>
      <c r="AI18" s="299">
        <v>1744595</v>
      </c>
      <c r="AJ18" s="294">
        <v>0</v>
      </c>
      <c r="AK18" s="295">
        <v>0</v>
      </c>
      <c r="AL18" s="296">
        <v>0</v>
      </c>
      <c r="AM18" s="300"/>
      <c r="AN18" s="295">
        <v>0</v>
      </c>
      <c r="AO18" s="295">
        <v>0</v>
      </c>
      <c r="AP18" s="295">
        <v>0</v>
      </c>
      <c r="AQ18" s="295">
        <v>0</v>
      </c>
      <c r="AR18" s="295">
        <v>2635</v>
      </c>
      <c r="AS18" s="298">
        <v>2635</v>
      </c>
      <c r="AT18" s="299">
        <v>2635</v>
      </c>
      <c r="AU18" s="294">
        <v>0</v>
      </c>
      <c r="AV18" s="295">
        <v>0</v>
      </c>
      <c r="AW18" s="296">
        <v>0</v>
      </c>
      <c r="AX18" s="300"/>
      <c r="AY18" s="295">
        <v>0</v>
      </c>
      <c r="AZ18" s="295">
        <v>0</v>
      </c>
      <c r="BA18" s="295">
        <v>0</v>
      </c>
      <c r="BB18" s="295">
        <v>0</v>
      </c>
      <c r="BC18" s="295">
        <v>0</v>
      </c>
      <c r="BD18" s="298">
        <v>0</v>
      </c>
      <c r="BE18" s="299">
        <v>0</v>
      </c>
      <c r="BF18" s="294">
        <v>0</v>
      </c>
      <c r="BG18" s="295">
        <v>0</v>
      </c>
      <c r="BH18" s="296">
        <v>0</v>
      </c>
      <c r="BI18" s="300"/>
      <c r="BJ18" s="295">
        <v>0</v>
      </c>
      <c r="BK18" s="295">
        <v>0</v>
      </c>
      <c r="BL18" s="295">
        <v>135935</v>
      </c>
      <c r="BM18" s="295">
        <v>75950</v>
      </c>
      <c r="BN18" s="295">
        <v>62620</v>
      </c>
      <c r="BO18" s="298">
        <v>274505</v>
      </c>
      <c r="BP18" s="299">
        <v>274505</v>
      </c>
      <c r="BQ18" s="294">
        <v>0</v>
      </c>
      <c r="BR18" s="295">
        <v>0</v>
      </c>
      <c r="BS18" s="296">
        <v>0</v>
      </c>
      <c r="BT18" s="297">
        <v>0</v>
      </c>
      <c r="BU18" s="295">
        <v>0</v>
      </c>
      <c r="BV18" s="295">
        <v>43668</v>
      </c>
      <c r="BW18" s="295">
        <v>147480</v>
      </c>
      <c r="BX18" s="295">
        <v>182081</v>
      </c>
      <c r="BY18" s="295">
        <v>149443</v>
      </c>
      <c r="BZ18" s="298">
        <v>522672</v>
      </c>
      <c r="CA18" s="299">
        <v>522672</v>
      </c>
      <c r="CB18" s="294">
        <v>0</v>
      </c>
      <c r="CC18" s="295">
        <v>0</v>
      </c>
      <c r="CD18" s="296">
        <v>0</v>
      </c>
      <c r="CE18" s="297">
        <v>0</v>
      </c>
      <c r="CF18" s="295">
        <v>0</v>
      </c>
      <c r="CG18" s="295">
        <v>1740</v>
      </c>
      <c r="CH18" s="295">
        <v>3216</v>
      </c>
      <c r="CI18" s="295">
        <v>10900</v>
      </c>
      <c r="CJ18" s="295">
        <v>0</v>
      </c>
      <c r="CK18" s="298">
        <v>15856</v>
      </c>
      <c r="CL18" s="299">
        <v>15856</v>
      </c>
      <c r="CM18" s="294">
        <v>0</v>
      </c>
      <c r="CN18" s="295">
        <v>0</v>
      </c>
      <c r="CO18" s="296">
        <v>0</v>
      </c>
      <c r="CP18" s="297">
        <v>0</v>
      </c>
      <c r="CQ18" s="295">
        <v>0</v>
      </c>
      <c r="CR18" s="295">
        <v>0</v>
      </c>
      <c r="CS18" s="295">
        <v>0</v>
      </c>
      <c r="CT18" s="295">
        <v>0</v>
      </c>
      <c r="CU18" s="295">
        <v>0</v>
      </c>
      <c r="CV18" s="298">
        <v>0</v>
      </c>
      <c r="CW18" s="299">
        <v>0</v>
      </c>
      <c r="CX18" s="294">
        <v>0</v>
      </c>
      <c r="CY18" s="295">
        <v>0</v>
      </c>
      <c r="CZ18" s="296">
        <v>0</v>
      </c>
      <c r="DA18" s="300"/>
      <c r="DB18" s="295">
        <v>0</v>
      </c>
      <c r="DC18" s="295">
        <v>0</v>
      </c>
      <c r="DD18" s="295">
        <v>0</v>
      </c>
      <c r="DE18" s="295">
        <v>0</v>
      </c>
      <c r="DF18" s="295">
        <v>0</v>
      </c>
      <c r="DG18" s="298">
        <v>0</v>
      </c>
      <c r="DH18" s="299">
        <v>0</v>
      </c>
      <c r="DI18" s="294">
        <v>0</v>
      </c>
      <c r="DJ18" s="295">
        <v>0</v>
      </c>
      <c r="DK18" s="296">
        <v>0</v>
      </c>
      <c r="DL18" s="297">
        <v>0</v>
      </c>
      <c r="DM18" s="295">
        <v>13857</v>
      </c>
      <c r="DN18" s="295">
        <v>144053</v>
      </c>
      <c r="DO18" s="295">
        <v>1616560</v>
      </c>
      <c r="DP18" s="295">
        <v>1775235</v>
      </c>
      <c r="DQ18" s="295">
        <v>1346069</v>
      </c>
      <c r="DR18" s="298">
        <v>4895774</v>
      </c>
      <c r="DS18" s="301">
        <v>4895774</v>
      </c>
      <c r="DT18" s="294">
        <v>0</v>
      </c>
      <c r="DU18" s="295">
        <v>0</v>
      </c>
      <c r="DV18" s="296">
        <v>0</v>
      </c>
      <c r="DW18" s="300"/>
      <c r="DX18" s="295">
        <v>0</v>
      </c>
      <c r="DY18" s="295">
        <v>26505</v>
      </c>
      <c r="DZ18" s="295">
        <v>1042313</v>
      </c>
      <c r="EA18" s="295">
        <v>1387778</v>
      </c>
      <c r="EB18" s="295">
        <v>1043362</v>
      </c>
      <c r="EC18" s="298">
        <v>3499958</v>
      </c>
      <c r="ED18" s="299">
        <v>3499958</v>
      </c>
      <c r="EE18" s="294">
        <v>0</v>
      </c>
      <c r="EF18" s="295">
        <v>0</v>
      </c>
      <c r="EG18" s="296">
        <v>0</v>
      </c>
      <c r="EH18" s="300"/>
      <c r="EI18" s="295">
        <v>13857</v>
      </c>
      <c r="EJ18" s="295">
        <v>76534</v>
      </c>
      <c r="EK18" s="295">
        <v>67751</v>
      </c>
      <c r="EL18" s="295">
        <v>8971</v>
      </c>
      <c r="EM18" s="295">
        <v>34060</v>
      </c>
      <c r="EN18" s="298">
        <v>201173</v>
      </c>
      <c r="EO18" s="299">
        <v>201173</v>
      </c>
      <c r="EP18" s="294">
        <v>0</v>
      </c>
      <c r="EQ18" s="295">
        <v>0</v>
      </c>
      <c r="ER18" s="296">
        <v>0</v>
      </c>
      <c r="ES18" s="300"/>
      <c r="ET18" s="295">
        <v>0</v>
      </c>
      <c r="EU18" s="295">
        <v>0</v>
      </c>
      <c r="EV18" s="295">
        <v>0</v>
      </c>
      <c r="EW18" s="295">
        <v>0</v>
      </c>
      <c r="EX18" s="295">
        <v>217</v>
      </c>
      <c r="EY18" s="298">
        <v>217</v>
      </c>
      <c r="EZ18" s="299">
        <v>217</v>
      </c>
      <c r="FA18" s="294">
        <v>0</v>
      </c>
      <c r="FB18" s="295">
        <v>0</v>
      </c>
      <c r="FC18" s="296">
        <v>0</v>
      </c>
      <c r="FD18" s="300"/>
      <c r="FE18" s="295">
        <v>0</v>
      </c>
      <c r="FF18" s="295">
        <v>0</v>
      </c>
      <c r="FG18" s="295">
        <v>0</v>
      </c>
      <c r="FH18" s="295">
        <v>0</v>
      </c>
      <c r="FI18" s="295">
        <v>0</v>
      </c>
      <c r="FJ18" s="298">
        <v>0</v>
      </c>
      <c r="FK18" s="299">
        <v>0</v>
      </c>
      <c r="FL18" s="294">
        <v>0</v>
      </c>
      <c r="FM18" s="295">
        <v>0</v>
      </c>
      <c r="FN18" s="296">
        <v>0</v>
      </c>
      <c r="FO18" s="300"/>
      <c r="FP18" s="295">
        <v>0</v>
      </c>
      <c r="FQ18" s="295">
        <v>0</v>
      </c>
      <c r="FR18" s="295">
        <v>239754</v>
      </c>
      <c r="FS18" s="295">
        <v>159836</v>
      </c>
      <c r="FT18" s="295">
        <v>101494</v>
      </c>
      <c r="FU18" s="298">
        <v>501084</v>
      </c>
      <c r="FV18" s="299">
        <v>501084</v>
      </c>
      <c r="FW18" s="294">
        <v>0</v>
      </c>
      <c r="FX18" s="295">
        <v>0</v>
      </c>
      <c r="FY18" s="296">
        <v>0</v>
      </c>
      <c r="FZ18" s="297">
        <v>0</v>
      </c>
      <c r="GA18" s="295">
        <v>0</v>
      </c>
      <c r="GB18" s="295">
        <v>40930</v>
      </c>
      <c r="GC18" s="295">
        <v>265611</v>
      </c>
      <c r="GD18" s="295">
        <v>218559</v>
      </c>
      <c r="GE18" s="295">
        <v>166936</v>
      </c>
      <c r="GF18" s="298">
        <v>692036</v>
      </c>
      <c r="GG18" s="299">
        <v>692036</v>
      </c>
      <c r="GH18" s="294">
        <v>0</v>
      </c>
      <c r="GI18" s="295">
        <v>0</v>
      </c>
      <c r="GJ18" s="296">
        <v>0</v>
      </c>
      <c r="GK18" s="297">
        <v>0</v>
      </c>
      <c r="GL18" s="295">
        <v>0</v>
      </c>
      <c r="GM18" s="295">
        <v>84</v>
      </c>
      <c r="GN18" s="295">
        <v>1131</v>
      </c>
      <c r="GO18" s="295">
        <v>91</v>
      </c>
      <c r="GP18" s="295">
        <v>0</v>
      </c>
      <c r="GQ18" s="298">
        <v>1306</v>
      </c>
      <c r="GR18" s="299">
        <v>1306</v>
      </c>
      <c r="GS18" s="294">
        <v>0</v>
      </c>
      <c r="GT18" s="295">
        <v>0</v>
      </c>
      <c r="GU18" s="296">
        <v>0</v>
      </c>
      <c r="GV18" s="297">
        <v>0</v>
      </c>
      <c r="GW18" s="295">
        <v>0</v>
      </c>
      <c r="GX18" s="295">
        <v>0</v>
      </c>
      <c r="GY18" s="295">
        <v>0</v>
      </c>
      <c r="GZ18" s="295">
        <v>0</v>
      </c>
      <c r="HA18" s="295">
        <v>0</v>
      </c>
      <c r="HB18" s="298">
        <v>0</v>
      </c>
      <c r="HC18" s="299">
        <v>0</v>
      </c>
      <c r="HD18" s="294">
        <v>0</v>
      </c>
      <c r="HE18" s="295">
        <v>0</v>
      </c>
      <c r="HF18" s="296">
        <v>0</v>
      </c>
      <c r="HG18" s="300"/>
      <c r="HH18" s="295">
        <v>0</v>
      </c>
      <c r="HI18" s="295">
        <v>0</v>
      </c>
      <c r="HJ18" s="295">
        <v>0</v>
      </c>
      <c r="HK18" s="295">
        <v>0</v>
      </c>
      <c r="HL18" s="295">
        <v>0</v>
      </c>
      <c r="HM18" s="298">
        <v>0</v>
      </c>
      <c r="HN18" s="299">
        <v>0</v>
      </c>
      <c r="HO18" s="294">
        <v>0</v>
      </c>
      <c r="HP18" s="295">
        <v>0</v>
      </c>
      <c r="HQ18" s="296">
        <v>0</v>
      </c>
      <c r="HR18" s="297">
        <v>0</v>
      </c>
      <c r="HS18" s="295">
        <v>195982</v>
      </c>
      <c r="HT18" s="295">
        <v>662096</v>
      </c>
      <c r="HU18" s="295">
        <v>3310856</v>
      </c>
      <c r="HV18" s="295">
        <v>3857354</v>
      </c>
      <c r="HW18" s="295">
        <v>2634184</v>
      </c>
      <c r="HX18" s="298">
        <v>10660472</v>
      </c>
      <c r="HY18" s="299">
        <v>10660472</v>
      </c>
    </row>
    <row r="19" spans="2:233" ht="16.5" customHeight="1" x14ac:dyDescent="0.2">
      <c r="B19" s="292" t="s">
        <v>16</v>
      </c>
      <c r="C19" s="294">
        <v>0</v>
      </c>
      <c r="D19" s="295">
        <v>0</v>
      </c>
      <c r="E19" s="296">
        <v>0</v>
      </c>
      <c r="F19" s="297">
        <v>0</v>
      </c>
      <c r="G19" s="295">
        <v>411440</v>
      </c>
      <c r="H19" s="295">
        <v>1017990</v>
      </c>
      <c r="I19" s="295">
        <v>2760009</v>
      </c>
      <c r="J19" s="295">
        <v>3399841</v>
      </c>
      <c r="K19" s="295">
        <v>2169511</v>
      </c>
      <c r="L19" s="298">
        <v>9758791</v>
      </c>
      <c r="M19" s="299">
        <v>9758791</v>
      </c>
      <c r="N19" s="294">
        <v>0</v>
      </c>
      <c r="O19" s="295">
        <v>0</v>
      </c>
      <c r="P19" s="296">
        <v>0</v>
      </c>
      <c r="Q19" s="300"/>
      <c r="R19" s="295">
        <v>67890</v>
      </c>
      <c r="S19" s="295">
        <v>216515</v>
      </c>
      <c r="T19" s="295">
        <v>1770485</v>
      </c>
      <c r="U19" s="295">
        <v>2134485</v>
      </c>
      <c r="V19" s="295">
        <v>1765669</v>
      </c>
      <c r="W19" s="298">
        <v>5955044</v>
      </c>
      <c r="X19" s="299">
        <v>5955044</v>
      </c>
      <c r="Y19" s="294">
        <v>0</v>
      </c>
      <c r="Z19" s="295">
        <v>0</v>
      </c>
      <c r="AA19" s="296">
        <v>0</v>
      </c>
      <c r="AB19" s="300"/>
      <c r="AC19" s="295">
        <v>264930</v>
      </c>
      <c r="AD19" s="295">
        <v>708610</v>
      </c>
      <c r="AE19" s="295">
        <v>702330</v>
      </c>
      <c r="AF19" s="295">
        <v>929965</v>
      </c>
      <c r="AG19" s="295">
        <v>219312</v>
      </c>
      <c r="AH19" s="298">
        <v>2825147</v>
      </c>
      <c r="AI19" s="299">
        <v>2825147</v>
      </c>
      <c r="AJ19" s="294">
        <v>0</v>
      </c>
      <c r="AK19" s="295">
        <v>0</v>
      </c>
      <c r="AL19" s="296">
        <v>0</v>
      </c>
      <c r="AM19" s="300"/>
      <c r="AN19" s="295">
        <v>0</v>
      </c>
      <c r="AO19" s="295">
        <v>0</v>
      </c>
      <c r="AP19" s="295">
        <v>0</v>
      </c>
      <c r="AQ19" s="295">
        <v>0</v>
      </c>
      <c r="AR19" s="295">
        <v>2635</v>
      </c>
      <c r="AS19" s="298">
        <v>2635</v>
      </c>
      <c r="AT19" s="299">
        <v>2635</v>
      </c>
      <c r="AU19" s="294">
        <v>0</v>
      </c>
      <c r="AV19" s="295">
        <v>0</v>
      </c>
      <c r="AW19" s="296">
        <v>0</v>
      </c>
      <c r="AX19" s="300"/>
      <c r="AY19" s="295">
        <v>35495</v>
      </c>
      <c r="AZ19" s="295">
        <v>0</v>
      </c>
      <c r="BA19" s="295">
        <v>68200</v>
      </c>
      <c r="BB19" s="295">
        <v>108810</v>
      </c>
      <c r="BC19" s="295">
        <v>40765</v>
      </c>
      <c r="BD19" s="298">
        <v>253270</v>
      </c>
      <c r="BE19" s="299">
        <v>253270</v>
      </c>
      <c r="BF19" s="294">
        <v>0</v>
      </c>
      <c r="BG19" s="295">
        <v>0</v>
      </c>
      <c r="BH19" s="296">
        <v>0</v>
      </c>
      <c r="BI19" s="300"/>
      <c r="BJ19" s="295">
        <v>0</v>
      </c>
      <c r="BK19" s="295">
        <v>29915</v>
      </c>
      <c r="BL19" s="295">
        <v>65255</v>
      </c>
      <c r="BM19" s="295">
        <v>130665</v>
      </c>
      <c r="BN19" s="295">
        <v>95325</v>
      </c>
      <c r="BO19" s="298">
        <v>321160</v>
      </c>
      <c r="BP19" s="299">
        <v>321160</v>
      </c>
      <c r="BQ19" s="294">
        <v>0</v>
      </c>
      <c r="BR19" s="295">
        <v>0</v>
      </c>
      <c r="BS19" s="296">
        <v>0</v>
      </c>
      <c r="BT19" s="297">
        <v>0</v>
      </c>
      <c r="BU19" s="295">
        <v>39335</v>
      </c>
      <c r="BV19" s="295">
        <v>62950</v>
      </c>
      <c r="BW19" s="295">
        <v>140974</v>
      </c>
      <c r="BX19" s="295">
        <v>86206</v>
      </c>
      <c r="BY19" s="295">
        <v>45805</v>
      </c>
      <c r="BZ19" s="298">
        <v>375270</v>
      </c>
      <c r="CA19" s="299">
        <v>375270</v>
      </c>
      <c r="CB19" s="294">
        <v>0</v>
      </c>
      <c r="CC19" s="295">
        <v>0</v>
      </c>
      <c r="CD19" s="296">
        <v>0</v>
      </c>
      <c r="CE19" s="297">
        <v>0</v>
      </c>
      <c r="CF19" s="295">
        <v>3790</v>
      </c>
      <c r="CG19" s="295">
        <v>0</v>
      </c>
      <c r="CH19" s="295">
        <v>12765</v>
      </c>
      <c r="CI19" s="295">
        <v>9710</v>
      </c>
      <c r="CJ19" s="295">
        <v>0</v>
      </c>
      <c r="CK19" s="298">
        <v>26265</v>
      </c>
      <c r="CL19" s="299">
        <v>26265</v>
      </c>
      <c r="CM19" s="294">
        <v>0</v>
      </c>
      <c r="CN19" s="295">
        <v>0</v>
      </c>
      <c r="CO19" s="296">
        <v>0</v>
      </c>
      <c r="CP19" s="297">
        <v>0</v>
      </c>
      <c r="CQ19" s="295">
        <v>0</v>
      </c>
      <c r="CR19" s="295">
        <v>0</v>
      </c>
      <c r="CS19" s="295">
        <v>0</v>
      </c>
      <c r="CT19" s="295">
        <v>0</v>
      </c>
      <c r="CU19" s="295">
        <v>0</v>
      </c>
      <c r="CV19" s="298">
        <v>0</v>
      </c>
      <c r="CW19" s="299">
        <v>0</v>
      </c>
      <c r="CX19" s="294">
        <v>0</v>
      </c>
      <c r="CY19" s="295">
        <v>0</v>
      </c>
      <c r="CZ19" s="296">
        <v>0</v>
      </c>
      <c r="DA19" s="300"/>
      <c r="DB19" s="295">
        <v>0</v>
      </c>
      <c r="DC19" s="295">
        <v>0</v>
      </c>
      <c r="DD19" s="295">
        <v>0</v>
      </c>
      <c r="DE19" s="295">
        <v>0</v>
      </c>
      <c r="DF19" s="295">
        <v>0</v>
      </c>
      <c r="DG19" s="298">
        <v>0</v>
      </c>
      <c r="DH19" s="299">
        <v>0</v>
      </c>
      <c r="DI19" s="294">
        <v>0</v>
      </c>
      <c r="DJ19" s="295">
        <v>0</v>
      </c>
      <c r="DK19" s="296">
        <v>0</v>
      </c>
      <c r="DL19" s="297">
        <v>0</v>
      </c>
      <c r="DM19" s="295">
        <v>355208</v>
      </c>
      <c r="DN19" s="295">
        <v>784186</v>
      </c>
      <c r="DO19" s="295">
        <v>3210123</v>
      </c>
      <c r="DP19" s="295">
        <v>3694869</v>
      </c>
      <c r="DQ19" s="295">
        <v>2292141</v>
      </c>
      <c r="DR19" s="298">
        <v>10336527</v>
      </c>
      <c r="DS19" s="301">
        <v>10336527</v>
      </c>
      <c r="DT19" s="294">
        <v>0</v>
      </c>
      <c r="DU19" s="295">
        <v>0</v>
      </c>
      <c r="DV19" s="296">
        <v>0</v>
      </c>
      <c r="DW19" s="300"/>
      <c r="DX19" s="295">
        <v>91357</v>
      </c>
      <c r="DY19" s="295">
        <v>427536</v>
      </c>
      <c r="DZ19" s="295">
        <v>2518382</v>
      </c>
      <c r="EA19" s="295">
        <v>3074646</v>
      </c>
      <c r="EB19" s="295">
        <v>2039302</v>
      </c>
      <c r="EC19" s="298">
        <v>8151223</v>
      </c>
      <c r="ED19" s="299">
        <v>8151223</v>
      </c>
      <c r="EE19" s="294">
        <v>0</v>
      </c>
      <c r="EF19" s="295">
        <v>0</v>
      </c>
      <c r="EG19" s="296">
        <v>0</v>
      </c>
      <c r="EH19" s="300"/>
      <c r="EI19" s="295">
        <v>192708</v>
      </c>
      <c r="EJ19" s="295">
        <v>237189</v>
      </c>
      <c r="EK19" s="295">
        <v>293172</v>
      </c>
      <c r="EL19" s="295">
        <v>244673</v>
      </c>
      <c r="EM19" s="295">
        <v>37713</v>
      </c>
      <c r="EN19" s="298">
        <v>1005455</v>
      </c>
      <c r="EO19" s="299">
        <v>1005455</v>
      </c>
      <c r="EP19" s="294">
        <v>0</v>
      </c>
      <c r="EQ19" s="295">
        <v>0</v>
      </c>
      <c r="ER19" s="296">
        <v>0</v>
      </c>
      <c r="ES19" s="300"/>
      <c r="ET19" s="295">
        <v>0</v>
      </c>
      <c r="EU19" s="295">
        <v>0</v>
      </c>
      <c r="EV19" s="295">
        <v>0</v>
      </c>
      <c r="EW19" s="295">
        <v>0</v>
      </c>
      <c r="EX19" s="295">
        <v>217</v>
      </c>
      <c r="EY19" s="298">
        <v>217</v>
      </c>
      <c r="EZ19" s="299">
        <v>217</v>
      </c>
      <c r="FA19" s="294">
        <v>0</v>
      </c>
      <c r="FB19" s="295">
        <v>0</v>
      </c>
      <c r="FC19" s="296">
        <v>0</v>
      </c>
      <c r="FD19" s="300"/>
      <c r="FE19" s="295">
        <v>11687</v>
      </c>
      <c r="FF19" s="295">
        <v>0</v>
      </c>
      <c r="FG19" s="295">
        <v>11904</v>
      </c>
      <c r="FH19" s="295">
        <v>12772</v>
      </c>
      <c r="FI19" s="295">
        <v>12352</v>
      </c>
      <c r="FJ19" s="298">
        <v>48715</v>
      </c>
      <c r="FK19" s="299">
        <v>48715</v>
      </c>
      <c r="FL19" s="294">
        <v>0</v>
      </c>
      <c r="FM19" s="295">
        <v>0</v>
      </c>
      <c r="FN19" s="296">
        <v>0</v>
      </c>
      <c r="FO19" s="300"/>
      <c r="FP19" s="295">
        <v>0</v>
      </c>
      <c r="FQ19" s="295">
        <v>64728</v>
      </c>
      <c r="FR19" s="295">
        <v>127246</v>
      </c>
      <c r="FS19" s="295">
        <v>197298</v>
      </c>
      <c r="FT19" s="295">
        <v>138260</v>
      </c>
      <c r="FU19" s="298">
        <v>527532</v>
      </c>
      <c r="FV19" s="299">
        <v>527532</v>
      </c>
      <c r="FW19" s="294">
        <v>0</v>
      </c>
      <c r="FX19" s="295">
        <v>0</v>
      </c>
      <c r="FY19" s="296">
        <v>0</v>
      </c>
      <c r="FZ19" s="297">
        <v>0</v>
      </c>
      <c r="GA19" s="295">
        <v>54086</v>
      </c>
      <c r="GB19" s="295">
        <v>54733</v>
      </c>
      <c r="GC19" s="295">
        <v>259293</v>
      </c>
      <c r="GD19" s="295">
        <v>151248</v>
      </c>
      <c r="GE19" s="295">
        <v>64297</v>
      </c>
      <c r="GF19" s="298">
        <v>583657</v>
      </c>
      <c r="GG19" s="299">
        <v>583657</v>
      </c>
      <c r="GH19" s="294">
        <v>0</v>
      </c>
      <c r="GI19" s="295">
        <v>0</v>
      </c>
      <c r="GJ19" s="296">
        <v>0</v>
      </c>
      <c r="GK19" s="297">
        <v>0</v>
      </c>
      <c r="GL19" s="295">
        <v>5370</v>
      </c>
      <c r="GM19" s="295">
        <v>0</v>
      </c>
      <c r="GN19" s="295">
        <v>126</v>
      </c>
      <c r="GO19" s="295">
        <v>14232</v>
      </c>
      <c r="GP19" s="295">
        <v>0</v>
      </c>
      <c r="GQ19" s="298">
        <v>19728</v>
      </c>
      <c r="GR19" s="299">
        <v>19728</v>
      </c>
      <c r="GS19" s="294">
        <v>0</v>
      </c>
      <c r="GT19" s="295">
        <v>0</v>
      </c>
      <c r="GU19" s="296">
        <v>0</v>
      </c>
      <c r="GV19" s="297">
        <v>0</v>
      </c>
      <c r="GW19" s="295">
        <v>0</v>
      </c>
      <c r="GX19" s="295">
        <v>0</v>
      </c>
      <c r="GY19" s="295">
        <v>0</v>
      </c>
      <c r="GZ19" s="295">
        <v>0</v>
      </c>
      <c r="HA19" s="295">
        <v>0</v>
      </c>
      <c r="HB19" s="298">
        <v>0</v>
      </c>
      <c r="HC19" s="299">
        <v>0</v>
      </c>
      <c r="HD19" s="294">
        <v>0</v>
      </c>
      <c r="HE19" s="295">
        <v>0</v>
      </c>
      <c r="HF19" s="296">
        <v>0</v>
      </c>
      <c r="HG19" s="300"/>
      <c r="HH19" s="295">
        <v>0</v>
      </c>
      <c r="HI19" s="295">
        <v>0</v>
      </c>
      <c r="HJ19" s="295">
        <v>0</v>
      </c>
      <c r="HK19" s="295">
        <v>0</v>
      </c>
      <c r="HL19" s="295">
        <v>0</v>
      </c>
      <c r="HM19" s="298">
        <v>0</v>
      </c>
      <c r="HN19" s="299">
        <v>0</v>
      </c>
      <c r="HO19" s="294">
        <v>0</v>
      </c>
      <c r="HP19" s="295">
        <v>0</v>
      </c>
      <c r="HQ19" s="296">
        <v>0</v>
      </c>
      <c r="HR19" s="297">
        <v>0</v>
      </c>
      <c r="HS19" s="295">
        <v>766648</v>
      </c>
      <c r="HT19" s="295">
        <v>1802176</v>
      </c>
      <c r="HU19" s="295">
        <v>5970132</v>
      </c>
      <c r="HV19" s="295">
        <v>7094710</v>
      </c>
      <c r="HW19" s="295">
        <v>4461652</v>
      </c>
      <c r="HX19" s="298">
        <v>20095318</v>
      </c>
      <c r="HY19" s="299">
        <v>20095318</v>
      </c>
    </row>
    <row r="20" spans="2:233" ht="16.5" customHeight="1" x14ac:dyDescent="0.2">
      <c r="B20" s="292" t="s">
        <v>17</v>
      </c>
      <c r="C20" s="294">
        <v>0</v>
      </c>
      <c r="D20" s="295">
        <v>4025</v>
      </c>
      <c r="E20" s="296">
        <v>4025</v>
      </c>
      <c r="F20" s="297">
        <v>0</v>
      </c>
      <c r="G20" s="295">
        <v>186020</v>
      </c>
      <c r="H20" s="295">
        <v>1000105</v>
      </c>
      <c r="I20" s="295">
        <v>2691721</v>
      </c>
      <c r="J20" s="295">
        <v>3069138</v>
      </c>
      <c r="K20" s="295">
        <v>2571700</v>
      </c>
      <c r="L20" s="298">
        <v>9518684</v>
      </c>
      <c r="M20" s="299">
        <v>9522709</v>
      </c>
      <c r="N20" s="294">
        <v>0</v>
      </c>
      <c r="O20" s="295">
        <v>0</v>
      </c>
      <c r="P20" s="296">
        <v>0</v>
      </c>
      <c r="Q20" s="300"/>
      <c r="R20" s="295">
        <v>30495</v>
      </c>
      <c r="S20" s="295">
        <v>210180</v>
      </c>
      <c r="T20" s="295">
        <v>1636495</v>
      </c>
      <c r="U20" s="295">
        <v>2230065</v>
      </c>
      <c r="V20" s="295">
        <v>1860405</v>
      </c>
      <c r="W20" s="298">
        <v>5967640</v>
      </c>
      <c r="X20" s="299">
        <v>5967640</v>
      </c>
      <c r="Y20" s="294">
        <v>0</v>
      </c>
      <c r="Z20" s="295">
        <v>0</v>
      </c>
      <c r="AA20" s="296">
        <v>0</v>
      </c>
      <c r="AB20" s="300"/>
      <c r="AC20" s="295">
        <v>92990</v>
      </c>
      <c r="AD20" s="295">
        <v>673725</v>
      </c>
      <c r="AE20" s="295">
        <v>688026</v>
      </c>
      <c r="AF20" s="295">
        <v>422443</v>
      </c>
      <c r="AG20" s="295">
        <v>202255</v>
      </c>
      <c r="AH20" s="298">
        <v>2079439</v>
      </c>
      <c r="AI20" s="299">
        <v>2079439</v>
      </c>
      <c r="AJ20" s="294">
        <v>0</v>
      </c>
      <c r="AK20" s="295">
        <v>0</v>
      </c>
      <c r="AL20" s="296">
        <v>0</v>
      </c>
      <c r="AM20" s="300"/>
      <c r="AN20" s="295">
        <v>0</v>
      </c>
      <c r="AO20" s="295">
        <v>0</v>
      </c>
      <c r="AP20" s="295">
        <v>0</v>
      </c>
      <c r="AQ20" s="295">
        <v>0</v>
      </c>
      <c r="AR20" s="295">
        <v>35340</v>
      </c>
      <c r="AS20" s="298">
        <v>35340</v>
      </c>
      <c r="AT20" s="299">
        <v>35340</v>
      </c>
      <c r="AU20" s="294">
        <v>0</v>
      </c>
      <c r="AV20" s="295">
        <v>0</v>
      </c>
      <c r="AW20" s="296">
        <v>0</v>
      </c>
      <c r="AX20" s="300"/>
      <c r="AY20" s="295">
        <v>0</v>
      </c>
      <c r="AZ20" s="295">
        <v>0</v>
      </c>
      <c r="BA20" s="295">
        <v>0</v>
      </c>
      <c r="BB20" s="295">
        <v>2635</v>
      </c>
      <c r="BC20" s="295">
        <v>62620</v>
      </c>
      <c r="BD20" s="298">
        <v>65255</v>
      </c>
      <c r="BE20" s="299">
        <v>65255</v>
      </c>
      <c r="BF20" s="294">
        <v>0</v>
      </c>
      <c r="BG20" s="295">
        <v>0</v>
      </c>
      <c r="BH20" s="296">
        <v>0</v>
      </c>
      <c r="BI20" s="300"/>
      <c r="BJ20" s="295">
        <v>0</v>
      </c>
      <c r="BK20" s="295">
        <v>3995</v>
      </c>
      <c r="BL20" s="295">
        <v>150780</v>
      </c>
      <c r="BM20" s="295">
        <v>146475</v>
      </c>
      <c r="BN20" s="295">
        <v>277140</v>
      </c>
      <c r="BO20" s="298">
        <v>578390</v>
      </c>
      <c r="BP20" s="299">
        <v>578390</v>
      </c>
      <c r="BQ20" s="294">
        <v>0</v>
      </c>
      <c r="BR20" s="295">
        <v>4025</v>
      </c>
      <c r="BS20" s="296">
        <v>4025</v>
      </c>
      <c r="BT20" s="297">
        <v>0</v>
      </c>
      <c r="BU20" s="295">
        <v>60910</v>
      </c>
      <c r="BV20" s="295">
        <v>99720</v>
      </c>
      <c r="BW20" s="295">
        <v>213665</v>
      </c>
      <c r="BX20" s="295">
        <v>267520</v>
      </c>
      <c r="BY20" s="295">
        <v>123705</v>
      </c>
      <c r="BZ20" s="298">
        <v>765520</v>
      </c>
      <c r="CA20" s="299">
        <v>769545</v>
      </c>
      <c r="CB20" s="294">
        <v>0</v>
      </c>
      <c r="CC20" s="295">
        <v>0</v>
      </c>
      <c r="CD20" s="296">
        <v>0</v>
      </c>
      <c r="CE20" s="297">
        <v>0</v>
      </c>
      <c r="CF20" s="295">
        <v>1625</v>
      </c>
      <c r="CG20" s="295">
        <v>12485</v>
      </c>
      <c r="CH20" s="295">
        <v>2755</v>
      </c>
      <c r="CI20" s="295">
        <v>0</v>
      </c>
      <c r="CJ20" s="295">
        <v>10235</v>
      </c>
      <c r="CK20" s="298">
        <v>27100</v>
      </c>
      <c r="CL20" s="299">
        <v>27100</v>
      </c>
      <c r="CM20" s="294">
        <v>0</v>
      </c>
      <c r="CN20" s="295">
        <v>0</v>
      </c>
      <c r="CO20" s="296">
        <v>0</v>
      </c>
      <c r="CP20" s="297">
        <v>0</v>
      </c>
      <c r="CQ20" s="295">
        <v>0</v>
      </c>
      <c r="CR20" s="295">
        <v>0</v>
      </c>
      <c r="CS20" s="295">
        <v>0</v>
      </c>
      <c r="CT20" s="295">
        <v>0</v>
      </c>
      <c r="CU20" s="295">
        <v>0</v>
      </c>
      <c r="CV20" s="298">
        <v>0</v>
      </c>
      <c r="CW20" s="299">
        <v>0</v>
      </c>
      <c r="CX20" s="294">
        <v>0</v>
      </c>
      <c r="CY20" s="295">
        <v>0</v>
      </c>
      <c r="CZ20" s="296">
        <v>0</v>
      </c>
      <c r="DA20" s="300"/>
      <c r="DB20" s="295">
        <v>0</v>
      </c>
      <c r="DC20" s="295">
        <v>0</v>
      </c>
      <c r="DD20" s="295">
        <v>0</v>
      </c>
      <c r="DE20" s="295">
        <v>0</v>
      </c>
      <c r="DF20" s="295">
        <v>0</v>
      </c>
      <c r="DG20" s="298">
        <v>0</v>
      </c>
      <c r="DH20" s="299">
        <v>0</v>
      </c>
      <c r="DI20" s="294">
        <v>0</v>
      </c>
      <c r="DJ20" s="295">
        <v>20880</v>
      </c>
      <c r="DK20" s="296">
        <v>20880</v>
      </c>
      <c r="DL20" s="297">
        <v>0</v>
      </c>
      <c r="DM20" s="295">
        <v>148307</v>
      </c>
      <c r="DN20" s="295">
        <v>363700</v>
      </c>
      <c r="DO20" s="295">
        <v>3021881</v>
      </c>
      <c r="DP20" s="295">
        <v>3634778</v>
      </c>
      <c r="DQ20" s="295">
        <v>2826472</v>
      </c>
      <c r="DR20" s="298">
        <v>9995138</v>
      </c>
      <c r="DS20" s="301">
        <v>10016018</v>
      </c>
      <c r="DT20" s="294">
        <v>0</v>
      </c>
      <c r="DU20" s="295">
        <v>0</v>
      </c>
      <c r="DV20" s="296">
        <v>0</v>
      </c>
      <c r="DW20" s="300"/>
      <c r="DX20" s="295">
        <v>62067</v>
      </c>
      <c r="DY20" s="295">
        <v>181288</v>
      </c>
      <c r="DZ20" s="295">
        <v>2438738</v>
      </c>
      <c r="EA20" s="295">
        <v>3072245</v>
      </c>
      <c r="EB20" s="295">
        <v>2234828</v>
      </c>
      <c r="EC20" s="298">
        <v>7989166</v>
      </c>
      <c r="ED20" s="299">
        <v>7989166</v>
      </c>
      <c r="EE20" s="294">
        <v>0</v>
      </c>
      <c r="EF20" s="295">
        <v>0</v>
      </c>
      <c r="EG20" s="296">
        <v>0</v>
      </c>
      <c r="EH20" s="300"/>
      <c r="EI20" s="295">
        <v>1820</v>
      </c>
      <c r="EJ20" s="295">
        <v>30450</v>
      </c>
      <c r="EK20" s="295">
        <v>69015</v>
      </c>
      <c r="EL20" s="295">
        <v>26032</v>
      </c>
      <c r="EM20" s="295">
        <v>15733</v>
      </c>
      <c r="EN20" s="298">
        <v>143050</v>
      </c>
      <c r="EO20" s="299">
        <v>143050</v>
      </c>
      <c r="EP20" s="294">
        <v>0</v>
      </c>
      <c r="EQ20" s="295">
        <v>0</v>
      </c>
      <c r="ER20" s="296">
        <v>0</v>
      </c>
      <c r="ES20" s="300"/>
      <c r="ET20" s="295">
        <v>0</v>
      </c>
      <c r="EU20" s="295">
        <v>0</v>
      </c>
      <c r="EV20" s="295">
        <v>0</v>
      </c>
      <c r="EW20" s="295">
        <v>0</v>
      </c>
      <c r="EX20" s="295">
        <v>217</v>
      </c>
      <c r="EY20" s="298">
        <v>217</v>
      </c>
      <c r="EZ20" s="299">
        <v>217</v>
      </c>
      <c r="FA20" s="294">
        <v>0</v>
      </c>
      <c r="FB20" s="295">
        <v>0</v>
      </c>
      <c r="FC20" s="296">
        <v>0</v>
      </c>
      <c r="FD20" s="300"/>
      <c r="FE20" s="295">
        <v>0</v>
      </c>
      <c r="FF20" s="295">
        <v>0</v>
      </c>
      <c r="FG20" s="295">
        <v>0</v>
      </c>
      <c r="FH20" s="295">
        <v>217</v>
      </c>
      <c r="FI20" s="295">
        <v>868</v>
      </c>
      <c r="FJ20" s="298">
        <v>1085</v>
      </c>
      <c r="FK20" s="299">
        <v>1085</v>
      </c>
      <c r="FL20" s="294">
        <v>0</v>
      </c>
      <c r="FM20" s="295">
        <v>0</v>
      </c>
      <c r="FN20" s="296">
        <v>0</v>
      </c>
      <c r="FO20" s="300"/>
      <c r="FP20" s="295">
        <v>0</v>
      </c>
      <c r="FQ20" s="295">
        <v>18603</v>
      </c>
      <c r="FR20" s="295">
        <v>260956</v>
      </c>
      <c r="FS20" s="295">
        <v>240839</v>
      </c>
      <c r="FT20" s="295">
        <v>415524</v>
      </c>
      <c r="FU20" s="298">
        <v>935922</v>
      </c>
      <c r="FV20" s="299">
        <v>935922</v>
      </c>
      <c r="FW20" s="294">
        <v>0</v>
      </c>
      <c r="FX20" s="295">
        <v>20880</v>
      </c>
      <c r="FY20" s="296">
        <v>20880</v>
      </c>
      <c r="FZ20" s="297">
        <v>0</v>
      </c>
      <c r="GA20" s="295">
        <v>84378</v>
      </c>
      <c r="GB20" s="295">
        <v>131418</v>
      </c>
      <c r="GC20" s="295">
        <v>253032</v>
      </c>
      <c r="GD20" s="295">
        <v>295445</v>
      </c>
      <c r="GE20" s="295">
        <v>157351</v>
      </c>
      <c r="GF20" s="298">
        <v>921624</v>
      </c>
      <c r="GG20" s="299">
        <v>942504</v>
      </c>
      <c r="GH20" s="294">
        <v>0</v>
      </c>
      <c r="GI20" s="295">
        <v>0</v>
      </c>
      <c r="GJ20" s="296">
        <v>0</v>
      </c>
      <c r="GK20" s="297">
        <v>0</v>
      </c>
      <c r="GL20" s="295">
        <v>42</v>
      </c>
      <c r="GM20" s="295">
        <v>1941</v>
      </c>
      <c r="GN20" s="295">
        <v>140</v>
      </c>
      <c r="GO20" s="295">
        <v>0</v>
      </c>
      <c r="GP20" s="295">
        <v>1951</v>
      </c>
      <c r="GQ20" s="298">
        <v>4074</v>
      </c>
      <c r="GR20" s="299">
        <v>4074</v>
      </c>
      <c r="GS20" s="294">
        <v>0</v>
      </c>
      <c r="GT20" s="295">
        <v>0</v>
      </c>
      <c r="GU20" s="296">
        <v>0</v>
      </c>
      <c r="GV20" s="297">
        <v>0</v>
      </c>
      <c r="GW20" s="295">
        <v>0</v>
      </c>
      <c r="GX20" s="295">
        <v>0</v>
      </c>
      <c r="GY20" s="295">
        <v>0</v>
      </c>
      <c r="GZ20" s="295">
        <v>0</v>
      </c>
      <c r="HA20" s="295">
        <v>0</v>
      </c>
      <c r="HB20" s="298">
        <v>0</v>
      </c>
      <c r="HC20" s="299">
        <v>0</v>
      </c>
      <c r="HD20" s="294">
        <v>0</v>
      </c>
      <c r="HE20" s="295">
        <v>0</v>
      </c>
      <c r="HF20" s="296">
        <v>0</v>
      </c>
      <c r="HG20" s="300"/>
      <c r="HH20" s="295">
        <v>0</v>
      </c>
      <c r="HI20" s="295">
        <v>0</v>
      </c>
      <c r="HJ20" s="295">
        <v>0</v>
      </c>
      <c r="HK20" s="295">
        <v>0</v>
      </c>
      <c r="HL20" s="295">
        <v>0</v>
      </c>
      <c r="HM20" s="298">
        <v>0</v>
      </c>
      <c r="HN20" s="299">
        <v>0</v>
      </c>
      <c r="HO20" s="294">
        <v>0</v>
      </c>
      <c r="HP20" s="295">
        <v>24905</v>
      </c>
      <c r="HQ20" s="296">
        <v>24905</v>
      </c>
      <c r="HR20" s="297">
        <v>0</v>
      </c>
      <c r="HS20" s="295">
        <v>334327</v>
      </c>
      <c r="HT20" s="295">
        <v>1363805</v>
      </c>
      <c r="HU20" s="295">
        <v>5713602</v>
      </c>
      <c r="HV20" s="295">
        <v>6703916</v>
      </c>
      <c r="HW20" s="295">
        <v>5398172</v>
      </c>
      <c r="HX20" s="298">
        <v>19513822</v>
      </c>
      <c r="HY20" s="299">
        <v>19538727</v>
      </c>
    </row>
    <row r="21" spans="2:233" ht="16.5" customHeight="1" x14ac:dyDescent="0.2">
      <c r="B21" s="292" t="s">
        <v>18</v>
      </c>
      <c r="C21" s="294">
        <v>0</v>
      </c>
      <c r="D21" s="295">
        <v>3155</v>
      </c>
      <c r="E21" s="296">
        <v>3155</v>
      </c>
      <c r="F21" s="297">
        <v>0</v>
      </c>
      <c r="G21" s="295">
        <v>228800</v>
      </c>
      <c r="H21" s="295">
        <v>462471</v>
      </c>
      <c r="I21" s="295">
        <v>2303841</v>
      </c>
      <c r="J21" s="295">
        <v>3167409</v>
      </c>
      <c r="K21" s="295">
        <v>2821372</v>
      </c>
      <c r="L21" s="298">
        <v>8983893</v>
      </c>
      <c r="M21" s="299">
        <v>8987048</v>
      </c>
      <c r="N21" s="294">
        <v>0</v>
      </c>
      <c r="O21" s="295">
        <v>0</v>
      </c>
      <c r="P21" s="296">
        <v>0</v>
      </c>
      <c r="Q21" s="300"/>
      <c r="R21" s="295">
        <v>27900</v>
      </c>
      <c r="S21" s="295">
        <v>83080</v>
      </c>
      <c r="T21" s="295">
        <v>1295366</v>
      </c>
      <c r="U21" s="295">
        <v>2305302</v>
      </c>
      <c r="V21" s="295">
        <v>2128652</v>
      </c>
      <c r="W21" s="298">
        <v>5840300</v>
      </c>
      <c r="X21" s="299">
        <v>5840300</v>
      </c>
      <c r="Y21" s="294">
        <v>0</v>
      </c>
      <c r="Z21" s="295">
        <v>0</v>
      </c>
      <c r="AA21" s="296">
        <v>0</v>
      </c>
      <c r="AB21" s="300"/>
      <c r="AC21" s="295">
        <v>155290</v>
      </c>
      <c r="AD21" s="295">
        <v>313327</v>
      </c>
      <c r="AE21" s="295">
        <v>545265</v>
      </c>
      <c r="AF21" s="295">
        <v>518355</v>
      </c>
      <c r="AG21" s="295">
        <v>374110</v>
      </c>
      <c r="AH21" s="298">
        <v>1906347</v>
      </c>
      <c r="AI21" s="299">
        <v>1906347</v>
      </c>
      <c r="AJ21" s="294">
        <v>0</v>
      </c>
      <c r="AK21" s="295">
        <v>0</v>
      </c>
      <c r="AL21" s="296">
        <v>0</v>
      </c>
      <c r="AM21" s="300"/>
      <c r="AN21" s="295">
        <v>0</v>
      </c>
      <c r="AO21" s="295">
        <v>0</v>
      </c>
      <c r="AP21" s="295">
        <v>0</v>
      </c>
      <c r="AQ21" s="295">
        <v>2635</v>
      </c>
      <c r="AR21" s="295">
        <v>73625</v>
      </c>
      <c r="AS21" s="298">
        <v>76260</v>
      </c>
      <c r="AT21" s="299">
        <v>76260</v>
      </c>
      <c r="AU21" s="294">
        <v>0</v>
      </c>
      <c r="AV21" s="295">
        <v>0</v>
      </c>
      <c r="AW21" s="296">
        <v>0</v>
      </c>
      <c r="AX21" s="300"/>
      <c r="AY21" s="295">
        <v>0</v>
      </c>
      <c r="AZ21" s="295">
        <v>0</v>
      </c>
      <c r="BA21" s="295">
        <v>0</v>
      </c>
      <c r="BB21" s="295">
        <v>24645</v>
      </c>
      <c r="BC21" s="295">
        <v>147250</v>
      </c>
      <c r="BD21" s="298">
        <v>171895</v>
      </c>
      <c r="BE21" s="299">
        <v>171895</v>
      </c>
      <c r="BF21" s="294">
        <v>0</v>
      </c>
      <c r="BG21" s="295">
        <v>0</v>
      </c>
      <c r="BH21" s="296">
        <v>0</v>
      </c>
      <c r="BI21" s="300"/>
      <c r="BJ21" s="295">
        <v>0</v>
      </c>
      <c r="BK21" s="295">
        <v>0</v>
      </c>
      <c r="BL21" s="295">
        <v>40525</v>
      </c>
      <c r="BM21" s="295">
        <v>82665</v>
      </c>
      <c r="BN21" s="295">
        <v>40100</v>
      </c>
      <c r="BO21" s="298">
        <v>163290</v>
      </c>
      <c r="BP21" s="299">
        <v>163290</v>
      </c>
      <c r="BQ21" s="294">
        <v>0</v>
      </c>
      <c r="BR21" s="295">
        <v>3155</v>
      </c>
      <c r="BS21" s="296">
        <v>3155</v>
      </c>
      <c r="BT21" s="297">
        <v>0</v>
      </c>
      <c r="BU21" s="295">
        <v>43920</v>
      </c>
      <c r="BV21" s="295">
        <v>65339</v>
      </c>
      <c r="BW21" s="295">
        <v>422685</v>
      </c>
      <c r="BX21" s="295">
        <v>230490</v>
      </c>
      <c r="BY21" s="295">
        <v>57635</v>
      </c>
      <c r="BZ21" s="298">
        <v>820069</v>
      </c>
      <c r="CA21" s="299">
        <v>823224</v>
      </c>
      <c r="CB21" s="294">
        <v>0</v>
      </c>
      <c r="CC21" s="295">
        <v>0</v>
      </c>
      <c r="CD21" s="296">
        <v>0</v>
      </c>
      <c r="CE21" s="297">
        <v>0</v>
      </c>
      <c r="CF21" s="295">
        <v>1690</v>
      </c>
      <c r="CG21" s="295">
        <v>725</v>
      </c>
      <c r="CH21" s="295">
        <v>0</v>
      </c>
      <c r="CI21" s="295">
        <v>3317</v>
      </c>
      <c r="CJ21" s="295">
        <v>0</v>
      </c>
      <c r="CK21" s="298">
        <v>5732</v>
      </c>
      <c r="CL21" s="299">
        <v>5732</v>
      </c>
      <c r="CM21" s="294">
        <v>0</v>
      </c>
      <c r="CN21" s="295">
        <v>0</v>
      </c>
      <c r="CO21" s="296">
        <v>0</v>
      </c>
      <c r="CP21" s="297">
        <v>0</v>
      </c>
      <c r="CQ21" s="295">
        <v>0</v>
      </c>
      <c r="CR21" s="295">
        <v>0</v>
      </c>
      <c r="CS21" s="295">
        <v>0</v>
      </c>
      <c r="CT21" s="295">
        <v>0</v>
      </c>
      <c r="CU21" s="295">
        <v>0</v>
      </c>
      <c r="CV21" s="298">
        <v>0</v>
      </c>
      <c r="CW21" s="299">
        <v>0</v>
      </c>
      <c r="CX21" s="294">
        <v>0</v>
      </c>
      <c r="CY21" s="295">
        <v>0</v>
      </c>
      <c r="CZ21" s="296">
        <v>0</v>
      </c>
      <c r="DA21" s="300"/>
      <c r="DB21" s="295">
        <v>0</v>
      </c>
      <c r="DC21" s="295">
        <v>0</v>
      </c>
      <c r="DD21" s="295">
        <v>0</v>
      </c>
      <c r="DE21" s="295">
        <v>0</v>
      </c>
      <c r="DF21" s="295">
        <v>0</v>
      </c>
      <c r="DG21" s="298">
        <v>0</v>
      </c>
      <c r="DH21" s="299">
        <v>0</v>
      </c>
      <c r="DI21" s="294">
        <v>0</v>
      </c>
      <c r="DJ21" s="295">
        <v>4744</v>
      </c>
      <c r="DK21" s="296">
        <v>4744</v>
      </c>
      <c r="DL21" s="297">
        <v>0</v>
      </c>
      <c r="DM21" s="295">
        <v>193402</v>
      </c>
      <c r="DN21" s="295">
        <v>354902</v>
      </c>
      <c r="DO21" s="295">
        <v>2914635</v>
      </c>
      <c r="DP21" s="295">
        <v>3946763</v>
      </c>
      <c r="DQ21" s="295">
        <v>3048642</v>
      </c>
      <c r="DR21" s="298">
        <v>10458344</v>
      </c>
      <c r="DS21" s="301">
        <v>10463088</v>
      </c>
      <c r="DT21" s="294">
        <v>0</v>
      </c>
      <c r="DU21" s="295">
        <v>0</v>
      </c>
      <c r="DV21" s="296">
        <v>0</v>
      </c>
      <c r="DW21" s="300"/>
      <c r="DX21" s="295">
        <v>63612</v>
      </c>
      <c r="DY21" s="295">
        <v>163835</v>
      </c>
      <c r="DZ21" s="295">
        <v>2182595</v>
      </c>
      <c r="EA21" s="295">
        <v>3305175</v>
      </c>
      <c r="EB21" s="295">
        <v>2722639</v>
      </c>
      <c r="EC21" s="298">
        <v>8437856</v>
      </c>
      <c r="ED21" s="299">
        <v>8437856</v>
      </c>
      <c r="EE21" s="294">
        <v>0</v>
      </c>
      <c r="EF21" s="295">
        <v>0</v>
      </c>
      <c r="EG21" s="296">
        <v>0</v>
      </c>
      <c r="EH21" s="300"/>
      <c r="EI21" s="295">
        <v>45347</v>
      </c>
      <c r="EJ21" s="295">
        <v>37337</v>
      </c>
      <c r="EK21" s="295">
        <v>131544</v>
      </c>
      <c r="EL21" s="295">
        <v>97372</v>
      </c>
      <c r="EM21" s="295">
        <v>101260</v>
      </c>
      <c r="EN21" s="298">
        <v>412860</v>
      </c>
      <c r="EO21" s="299">
        <v>412860</v>
      </c>
      <c r="EP21" s="294">
        <v>0</v>
      </c>
      <c r="EQ21" s="295">
        <v>0</v>
      </c>
      <c r="ER21" s="296">
        <v>0</v>
      </c>
      <c r="ES21" s="300"/>
      <c r="ET21" s="295">
        <v>0</v>
      </c>
      <c r="EU21" s="295">
        <v>0</v>
      </c>
      <c r="EV21" s="295">
        <v>0</v>
      </c>
      <c r="EW21" s="295">
        <v>217</v>
      </c>
      <c r="EX21" s="295">
        <v>22940</v>
      </c>
      <c r="EY21" s="298">
        <v>23157</v>
      </c>
      <c r="EZ21" s="299">
        <v>23157</v>
      </c>
      <c r="FA21" s="294">
        <v>0</v>
      </c>
      <c r="FB21" s="295">
        <v>0</v>
      </c>
      <c r="FC21" s="296">
        <v>0</v>
      </c>
      <c r="FD21" s="300"/>
      <c r="FE21" s="295">
        <v>0</v>
      </c>
      <c r="FF21" s="295">
        <v>0</v>
      </c>
      <c r="FG21" s="295">
        <v>0</v>
      </c>
      <c r="FH21" s="295">
        <v>252</v>
      </c>
      <c r="FI21" s="295">
        <v>1736</v>
      </c>
      <c r="FJ21" s="298">
        <v>1988</v>
      </c>
      <c r="FK21" s="299">
        <v>1988</v>
      </c>
      <c r="FL21" s="294">
        <v>0</v>
      </c>
      <c r="FM21" s="295">
        <v>0</v>
      </c>
      <c r="FN21" s="296">
        <v>0</v>
      </c>
      <c r="FO21" s="300"/>
      <c r="FP21" s="295">
        <v>0</v>
      </c>
      <c r="FQ21" s="295">
        <v>0</v>
      </c>
      <c r="FR21" s="295">
        <v>101494</v>
      </c>
      <c r="FS21" s="295">
        <v>218996</v>
      </c>
      <c r="FT21" s="295">
        <v>101494</v>
      </c>
      <c r="FU21" s="298">
        <v>421984</v>
      </c>
      <c r="FV21" s="299">
        <v>421984</v>
      </c>
      <c r="FW21" s="294">
        <v>0</v>
      </c>
      <c r="FX21" s="295">
        <v>4744</v>
      </c>
      <c r="FY21" s="296">
        <v>4744</v>
      </c>
      <c r="FZ21" s="297">
        <v>0</v>
      </c>
      <c r="GA21" s="295">
        <v>82087</v>
      </c>
      <c r="GB21" s="295">
        <v>153688</v>
      </c>
      <c r="GC21" s="295">
        <v>499002</v>
      </c>
      <c r="GD21" s="295">
        <v>324583</v>
      </c>
      <c r="GE21" s="295">
        <v>98573</v>
      </c>
      <c r="GF21" s="298">
        <v>1157933</v>
      </c>
      <c r="GG21" s="299">
        <v>1162677</v>
      </c>
      <c r="GH21" s="294">
        <v>0</v>
      </c>
      <c r="GI21" s="295">
        <v>0</v>
      </c>
      <c r="GJ21" s="296">
        <v>0</v>
      </c>
      <c r="GK21" s="297">
        <v>0</v>
      </c>
      <c r="GL21" s="295">
        <v>2356</v>
      </c>
      <c r="GM21" s="295">
        <v>42</v>
      </c>
      <c r="GN21" s="295">
        <v>0</v>
      </c>
      <c r="GO21" s="295">
        <v>168</v>
      </c>
      <c r="GP21" s="295">
        <v>0</v>
      </c>
      <c r="GQ21" s="298">
        <v>2566</v>
      </c>
      <c r="GR21" s="299">
        <v>2566</v>
      </c>
      <c r="GS21" s="294">
        <v>0</v>
      </c>
      <c r="GT21" s="295">
        <v>0</v>
      </c>
      <c r="GU21" s="296">
        <v>0</v>
      </c>
      <c r="GV21" s="297">
        <v>0</v>
      </c>
      <c r="GW21" s="295">
        <v>0</v>
      </c>
      <c r="GX21" s="295">
        <v>0</v>
      </c>
      <c r="GY21" s="295">
        <v>0</v>
      </c>
      <c r="GZ21" s="295">
        <v>0</v>
      </c>
      <c r="HA21" s="295">
        <v>0</v>
      </c>
      <c r="HB21" s="298">
        <v>0</v>
      </c>
      <c r="HC21" s="299">
        <v>0</v>
      </c>
      <c r="HD21" s="294">
        <v>0</v>
      </c>
      <c r="HE21" s="295">
        <v>0</v>
      </c>
      <c r="HF21" s="296">
        <v>0</v>
      </c>
      <c r="HG21" s="300"/>
      <c r="HH21" s="295">
        <v>0</v>
      </c>
      <c r="HI21" s="295">
        <v>0</v>
      </c>
      <c r="HJ21" s="295">
        <v>0</v>
      </c>
      <c r="HK21" s="295">
        <v>0</v>
      </c>
      <c r="HL21" s="295">
        <v>0</v>
      </c>
      <c r="HM21" s="298">
        <v>0</v>
      </c>
      <c r="HN21" s="299">
        <v>0</v>
      </c>
      <c r="HO21" s="294">
        <v>0</v>
      </c>
      <c r="HP21" s="295">
        <v>7899</v>
      </c>
      <c r="HQ21" s="296">
        <v>7899</v>
      </c>
      <c r="HR21" s="297">
        <v>0</v>
      </c>
      <c r="HS21" s="295">
        <v>422202</v>
      </c>
      <c r="HT21" s="295">
        <v>817373</v>
      </c>
      <c r="HU21" s="295">
        <v>5218476</v>
      </c>
      <c r="HV21" s="295">
        <v>7114172</v>
      </c>
      <c r="HW21" s="295">
        <v>5870014</v>
      </c>
      <c r="HX21" s="298">
        <v>19442237</v>
      </c>
      <c r="HY21" s="299">
        <v>19450136</v>
      </c>
    </row>
    <row r="22" spans="2:233" ht="16.5" customHeight="1" x14ac:dyDescent="0.2">
      <c r="B22" s="292" t="s">
        <v>19</v>
      </c>
      <c r="C22" s="294">
        <v>0</v>
      </c>
      <c r="D22" s="295">
        <v>0</v>
      </c>
      <c r="E22" s="296">
        <v>0</v>
      </c>
      <c r="F22" s="297">
        <v>0</v>
      </c>
      <c r="G22" s="295">
        <v>138775</v>
      </c>
      <c r="H22" s="295">
        <v>346710</v>
      </c>
      <c r="I22" s="295">
        <v>1475865</v>
      </c>
      <c r="J22" s="295">
        <v>1402580</v>
      </c>
      <c r="K22" s="295">
        <v>1068110</v>
      </c>
      <c r="L22" s="298">
        <v>4432040</v>
      </c>
      <c r="M22" s="299">
        <v>4432040</v>
      </c>
      <c r="N22" s="294">
        <v>0</v>
      </c>
      <c r="O22" s="295">
        <v>0</v>
      </c>
      <c r="P22" s="296">
        <v>0</v>
      </c>
      <c r="Q22" s="300"/>
      <c r="R22" s="295">
        <v>0</v>
      </c>
      <c r="S22" s="295">
        <v>81375</v>
      </c>
      <c r="T22" s="295">
        <v>1077900</v>
      </c>
      <c r="U22" s="295">
        <v>1041130</v>
      </c>
      <c r="V22" s="295">
        <v>872410</v>
      </c>
      <c r="W22" s="298">
        <v>3072815</v>
      </c>
      <c r="X22" s="299">
        <v>3072815</v>
      </c>
      <c r="Y22" s="294">
        <v>0</v>
      </c>
      <c r="Z22" s="295">
        <v>0</v>
      </c>
      <c r="AA22" s="296">
        <v>0</v>
      </c>
      <c r="AB22" s="300"/>
      <c r="AC22" s="295">
        <v>106020</v>
      </c>
      <c r="AD22" s="295">
        <v>208235</v>
      </c>
      <c r="AE22" s="295">
        <v>359190</v>
      </c>
      <c r="AF22" s="295">
        <v>302225</v>
      </c>
      <c r="AG22" s="295">
        <v>138725</v>
      </c>
      <c r="AH22" s="298">
        <v>1114395</v>
      </c>
      <c r="AI22" s="299">
        <v>1114395</v>
      </c>
      <c r="AJ22" s="294">
        <v>0</v>
      </c>
      <c r="AK22" s="295">
        <v>0</v>
      </c>
      <c r="AL22" s="296">
        <v>0</v>
      </c>
      <c r="AM22" s="300"/>
      <c r="AN22" s="295">
        <v>0</v>
      </c>
      <c r="AO22" s="295">
        <v>0</v>
      </c>
      <c r="AP22" s="295">
        <v>0</v>
      </c>
      <c r="AQ22" s="295">
        <v>0</v>
      </c>
      <c r="AR22" s="295">
        <v>0</v>
      </c>
      <c r="AS22" s="298">
        <v>0</v>
      </c>
      <c r="AT22" s="299">
        <v>0</v>
      </c>
      <c r="AU22" s="294">
        <v>0</v>
      </c>
      <c r="AV22" s="295">
        <v>0</v>
      </c>
      <c r="AW22" s="296">
        <v>0</v>
      </c>
      <c r="AX22" s="300"/>
      <c r="AY22" s="295">
        <v>0</v>
      </c>
      <c r="AZ22" s="295">
        <v>0</v>
      </c>
      <c r="BA22" s="295">
        <v>0</v>
      </c>
      <c r="BB22" s="295">
        <v>0</v>
      </c>
      <c r="BC22" s="295">
        <v>0</v>
      </c>
      <c r="BD22" s="298">
        <v>0</v>
      </c>
      <c r="BE22" s="299">
        <v>0</v>
      </c>
      <c r="BF22" s="294">
        <v>0</v>
      </c>
      <c r="BG22" s="295">
        <v>0</v>
      </c>
      <c r="BH22" s="296">
        <v>0</v>
      </c>
      <c r="BI22" s="300"/>
      <c r="BJ22" s="295">
        <v>0</v>
      </c>
      <c r="BK22" s="295">
        <v>0</v>
      </c>
      <c r="BL22" s="295">
        <v>0</v>
      </c>
      <c r="BM22" s="295">
        <v>0</v>
      </c>
      <c r="BN22" s="295">
        <v>0</v>
      </c>
      <c r="BO22" s="298">
        <v>0</v>
      </c>
      <c r="BP22" s="299">
        <v>0</v>
      </c>
      <c r="BQ22" s="294">
        <v>0</v>
      </c>
      <c r="BR22" s="295">
        <v>0</v>
      </c>
      <c r="BS22" s="296">
        <v>0</v>
      </c>
      <c r="BT22" s="297">
        <v>0</v>
      </c>
      <c r="BU22" s="295">
        <v>30975</v>
      </c>
      <c r="BV22" s="295">
        <v>51170</v>
      </c>
      <c r="BW22" s="295">
        <v>38775</v>
      </c>
      <c r="BX22" s="295">
        <v>57630</v>
      </c>
      <c r="BY22" s="295">
        <v>37600</v>
      </c>
      <c r="BZ22" s="298">
        <v>216150</v>
      </c>
      <c r="CA22" s="299">
        <v>216150</v>
      </c>
      <c r="CB22" s="294">
        <v>0</v>
      </c>
      <c r="CC22" s="295">
        <v>0</v>
      </c>
      <c r="CD22" s="296">
        <v>0</v>
      </c>
      <c r="CE22" s="297">
        <v>0</v>
      </c>
      <c r="CF22" s="295">
        <v>1780</v>
      </c>
      <c r="CG22" s="295">
        <v>5930</v>
      </c>
      <c r="CH22" s="295">
        <v>0</v>
      </c>
      <c r="CI22" s="295">
        <v>1595</v>
      </c>
      <c r="CJ22" s="295">
        <v>19375</v>
      </c>
      <c r="CK22" s="298">
        <v>28680</v>
      </c>
      <c r="CL22" s="299">
        <v>28680</v>
      </c>
      <c r="CM22" s="294">
        <v>0</v>
      </c>
      <c r="CN22" s="295">
        <v>0</v>
      </c>
      <c r="CO22" s="296">
        <v>0</v>
      </c>
      <c r="CP22" s="297">
        <v>0</v>
      </c>
      <c r="CQ22" s="295">
        <v>0</v>
      </c>
      <c r="CR22" s="295">
        <v>0</v>
      </c>
      <c r="CS22" s="295">
        <v>0</v>
      </c>
      <c r="CT22" s="295">
        <v>0</v>
      </c>
      <c r="CU22" s="295">
        <v>0</v>
      </c>
      <c r="CV22" s="298">
        <v>0</v>
      </c>
      <c r="CW22" s="299">
        <v>0</v>
      </c>
      <c r="CX22" s="294">
        <v>0</v>
      </c>
      <c r="CY22" s="295">
        <v>0</v>
      </c>
      <c r="CZ22" s="296">
        <v>0</v>
      </c>
      <c r="DA22" s="300"/>
      <c r="DB22" s="295">
        <v>0</v>
      </c>
      <c r="DC22" s="295">
        <v>0</v>
      </c>
      <c r="DD22" s="295">
        <v>0</v>
      </c>
      <c r="DE22" s="295">
        <v>0</v>
      </c>
      <c r="DF22" s="295">
        <v>0</v>
      </c>
      <c r="DG22" s="298">
        <v>0</v>
      </c>
      <c r="DH22" s="299">
        <v>0</v>
      </c>
      <c r="DI22" s="294">
        <v>0</v>
      </c>
      <c r="DJ22" s="295">
        <v>0</v>
      </c>
      <c r="DK22" s="296">
        <v>0</v>
      </c>
      <c r="DL22" s="297">
        <v>0</v>
      </c>
      <c r="DM22" s="295">
        <v>38931</v>
      </c>
      <c r="DN22" s="295">
        <v>239565</v>
      </c>
      <c r="DO22" s="295">
        <v>1487760</v>
      </c>
      <c r="DP22" s="295">
        <v>1679770</v>
      </c>
      <c r="DQ22" s="295">
        <v>1069708</v>
      </c>
      <c r="DR22" s="298">
        <v>4515734</v>
      </c>
      <c r="DS22" s="301">
        <v>4515734</v>
      </c>
      <c r="DT22" s="294">
        <v>0</v>
      </c>
      <c r="DU22" s="295">
        <v>0</v>
      </c>
      <c r="DV22" s="296">
        <v>0</v>
      </c>
      <c r="DW22" s="300"/>
      <c r="DX22" s="295">
        <v>0</v>
      </c>
      <c r="DY22" s="295">
        <v>142414</v>
      </c>
      <c r="DZ22" s="295">
        <v>1370695</v>
      </c>
      <c r="EA22" s="295">
        <v>1577415</v>
      </c>
      <c r="EB22" s="295">
        <v>983693</v>
      </c>
      <c r="EC22" s="298">
        <v>4074217</v>
      </c>
      <c r="ED22" s="299">
        <v>4074217</v>
      </c>
      <c r="EE22" s="294">
        <v>0</v>
      </c>
      <c r="EF22" s="295">
        <v>0</v>
      </c>
      <c r="EG22" s="296">
        <v>0</v>
      </c>
      <c r="EH22" s="300"/>
      <c r="EI22" s="295">
        <v>13206</v>
      </c>
      <c r="EJ22" s="295">
        <v>36536</v>
      </c>
      <c r="EK22" s="295">
        <v>47055</v>
      </c>
      <c r="EL22" s="295">
        <v>25689</v>
      </c>
      <c r="EM22" s="295">
        <v>23436</v>
      </c>
      <c r="EN22" s="298">
        <v>145922</v>
      </c>
      <c r="EO22" s="299">
        <v>145922</v>
      </c>
      <c r="EP22" s="294">
        <v>0</v>
      </c>
      <c r="EQ22" s="295">
        <v>0</v>
      </c>
      <c r="ER22" s="296">
        <v>0</v>
      </c>
      <c r="ES22" s="300"/>
      <c r="ET22" s="295">
        <v>0</v>
      </c>
      <c r="EU22" s="295">
        <v>0</v>
      </c>
      <c r="EV22" s="295">
        <v>0</v>
      </c>
      <c r="EW22" s="295">
        <v>0</v>
      </c>
      <c r="EX22" s="295">
        <v>0</v>
      </c>
      <c r="EY22" s="298">
        <v>0</v>
      </c>
      <c r="EZ22" s="299">
        <v>0</v>
      </c>
      <c r="FA22" s="294">
        <v>0</v>
      </c>
      <c r="FB22" s="295">
        <v>0</v>
      </c>
      <c r="FC22" s="296">
        <v>0</v>
      </c>
      <c r="FD22" s="300"/>
      <c r="FE22" s="295">
        <v>0</v>
      </c>
      <c r="FF22" s="295">
        <v>0</v>
      </c>
      <c r="FG22" s="295">
        <v>0</v>
      </c>
      <c r="FH22" s="295">
        <v>0</v>
      </c>
      <c r="FI22" s="295">
        <v>0</v>
      </c>
      <c r="FJ22" s="298">
        <v>0</v>
      </c>
      <c r="FK22" s="299">
        <v>0</v>
      </c>
      <c r="FL22" s="294">
        <v>0</v>
      </c>
      <c r="FM22" s="295">
        <v>0</v>
      </c>
      <c r="FN22" s="296">
        <v>0</v>
      </c>
      <c r="FO22" s="300"/>
      <c r="FP22" s="295">
        <v>0</v>
      </c>
      <c r="FQ22" s="295">
        <v>0</v>
      </c>
      <c r="FR22" s="295">
        <v>0</v>
      </c>
      <c r="FS22" s="295">
        <v>0</v>
      </c>
      <c r="FT22" s="295">
        <v>0</v>
      </c>
      <c r="FU22" s="298">
        <v>0</v>
      </c>
      <c r="FV22" s="299">
        <v>0</v>
      </c>
      <c r="FW22" s="294">
        <v>0</v>
      </c>
      <c r="FX22" s="295">
        <v>0</v>
      </c>
      <c r="FY22" s="296">
        <v>0</v>
      </c>
      <c r="FZ22" s="297">
        <v>0</v>
      </c>
      <c r="GA22" s="295">
        <v>24293</v>
      </c>
      <c r="GB22" s="295">
        <v>48535</v>
      </c>
      <c r="GC22" s="295">
        <v>70010</v>
      </c>
      <c r="GD22" s="295">
        <v>67358</v>
      </c>
      <c r="GE22" s="295">
        <v>61105</v>
      </c>
      <c r="GF22" s="298">
        <v>271301</v>
      </c>
      <c r="GG22" s="299">
        <v>271301</v>
      </c>
      <c r="GH22" s="294">
        <v>0</v>
      </c>
      <c r="GI22" s="295">
        <v>0</v>
      </c>
      <c r="GJ22" s="296">
        <v>0</v>
      </c>
      <c r="GK22" s="297">
        <v>0</v>
      </c>
      <c r="GL22" s="295">
        <v>1432</v>
      </c>
      <c r="GM22" s="295">
        <v>12080</v>
      </c>
      <c r="GN22" s="295">
        <v>0</v>
      </c>
      <c r="GO22" s="295">
        <v>9308</v>
      </c>
      <c r="GP22" s="295">
        <v>1474</v>
      </c>
      <c r="GQ22" s="298">
        <v>24294</v>
      </c>
      <c r="GR22" s="299">
        <v>24294</v>
      </c>
      <c r="GS22" s="294">
        <v>0</v>
      </c>
      <c r="GT22" s="295">
        <v>0</v>
      </c>
      <c r="GU22" s="296">
        <v>0</v>
      </c>
      <c r="GV22" s="297">
        <v>0</v>
      </c>
      <c r="GW22" s="295">
        <v>0</v>
      </c>
      <c r="GX22" s="295">
        <v>0</v>
      </c>
      <c r="GY22" s="295">
        <v>0</v>
      </c>
      <c r="GZ22" s="295">
        <v>0</v>
      </c>
      <c r="HA22" s="295">
        <v>0</v>
      </c>
      <c r="HB22" s="298">
        <v>0</v>
      </c>
      <c r="HC22" s="299">
        <v>0</v>
      </c>
      <c r="HD22" s="294">
        <v>0</v>
      </c>
      <c r="HE22" s="295">
        <v>0</v>
      </c>
      <c r="HF22" s="296">
        <v>0</v>
      </c>
      <c r="HG22" s="300"/>
      <c r="HH22" s="295">
        <v>0</v>
      </c>
      <c r="HI22" s="295">
        <v>0</v>
      </c>
      <c r="HJ22" s="295">
        <v>0</v>
      </c>
      <c r="HK22" s="295">
        <v>0</v>
      </c>
      <c r="HL22" s="295">
        <v>0</v>
      </c>
      <c r="HM22" s="298">
        <v>0</v>
      </c>
      <c r="HN22" s="299">
        <v>0</v>
      </c>
      <c r="HO22" s="294">
        <v>0</v>
      </c>
      <c r="HP22" s="295">
        <v>0</v>
      </c>
      <c r="HQ22" s="296">
        <v>0</v>
      </c>
      <c r="HR22" s="297">
        <v>0</v>
      </c>
      <c r="HS22" s="295">
        <v>177706</v>
      </c>
      <c r="HT22" s="295">
        <v>586275</v>
      </c>
      <c r="HU22" s="295">
        <v>2963625</v>
      </c>
      <c r="HV22" s="295">
        <v>3082350</v>
      </c>
      <c r="HW22" s="295">
        <v>2137818</v>
      </c>
      <c r="HX22" s="298">
        <v>8947774</v>
      </c>
      <c r="HY22" s="299">
        <v>8947774</v>
      </c>
    </row>
    <row r="23" spans="2:233" ht="16.5" customHeight="1" x14ac:dyDescent="0.2">
      <c r="B23" s="292" t="s">
        <v>20</v>
      </c>
      <c r="C23" s="294">
        <v>0</v>
      </c>
      <c r="D23" s="295">
        <v>145</v>
      </c>
      <c r="E23" s="296">
        <v>145</v>
      </c>
      <c r="F23" s="297">
        <v>0</v>
      </c>
      <c r="G23" s="295">
        <v>162215</v>
      </c>
      <c r="H23" s="295">
        <v>369610</v>
      </c>
      <c r="I23" s="295">
        <v>1279773</v>
      </c>
      <c r="J23" s="295">
        <v>1810600</v>
      </c>
      <c r="K23" s="295">
        <v>555615</v>
      </c>
      <c r="L23" s="298">
        <v>4177813</v>
      </c>
      <c r="M23" s="299">
        <v>4177958</v>
      </c>
      <c r="N23" s="294">
        <v>0</v>
      </c>
      <c r="O23" s="295">
        <v>0</v>
      </c>
      <c r="P23" s="296">
        <v>0</v>
      </c>
      <c r="Q23" s="300"/>
      <c r="R23" s="295">
        <v>10205</v>
      </c>
      <c r="S23" s="295">
        <v>163215</v>
      </c>
      <c r="T23" s="295">
        <v>979260</v>
      </c>
      <c r="U23" s="295">
        <v>1432970</v>
      </c>
      <c r="V23" s="295">
        <v>444610</v>
      </c>
      <c r="W23" s="298">
        <v>3030260</v>
      </c>
      <c r="X23" s="299">
        <v>3030260</v>
      </c>
      <c r="Y23" s="294">
        <v>0</v>
      </c>
      <c r="Z23" s="295">
        <v>0</v>
      </c>
      <c r="AA23" s="296">
        <v>0</v>
      </c>
      <c r="AB23" s="300"/>
      <c r="AC23" s="295">
        <v>81205</v>
      </c>
      <c r="AD23" s="295">
        <v>168400</v>
      </c>
      <c r="AE23" s="295">
        <v>196708</v>
      </c>
      <c r="AF23" s="295">
        <v>269595</v>
      </c>
      <c r="AG23" s="295">
        <v>74225</v>
      </c>
      <c r="AH23" s="298">
        <v>790133</v>
      </c>
      <c r="AI23" s="299">
        <v>790133</v>
      </c>
      <c r="AJ23" s="294">
        <v>0</v>
      </c>
      <c r="AK23" s="295">
        <v>0</v>
      </c>
      <c r="AL23" s="296">
        <v>0</v>
      </c>
      <c r="AM23" s="300"/>
      <c r="AN23" s="295">
        <v>0</v>
      </c>
      <c r="AO23" s="295">
        <v>0</v>
      </c>
      <c r="AP23" s="295">
        <v>0</v>
      </c>
      <c r="AQ23" s="295">
        <v>0</v>
      </c>
      <c r="AR23" s="295">
        <v>0</v>
      </c>
      <c r="AS23" s="298">
        <v>0</v>
      </c>
      <c r="AT23" s="299">
        <v>0</v>
      </c>
      <c r="AU23" s="294">
        <v>0</v>
      </c>
      <c r="AV23" s="295">
        <v>0</v>
      </c>
      <c r="AW23" s="296">
        <v>0</v>
      </c>
      <c r="AX23" s="300"/>
      <c r="AY23" s="295">
        <v>0</v>
      </c>
      <c r="AZ23" s="295">
        <v>0</v>
      </c>
      <c r="BA23" s="295">
        <v>1615</v>
      </c>
      <c r="BB23" s="295">
        <v>0</v>
      </c>
      <c r="BC23" s="295">
        <v>4080</v>
      </c>
      <c r="BD23" s="298">
        <v>5695</v>
      </c>
      <c r="BE23" s="299">
        <v>5695</v>
      </c>
      <c r="BF23" s="294">
        <v>0</v>
      </c>
      <c r="BG23" s="295">
        <v>0</v>
      </c>
      <c r="BH23" s="296">
        <v>0</v>
      </c>
      <c r="BI23" s="300"/>
      <c r="BJ23" s="295">
        <v>0</v>
      </c>
      <c r="BK23" s="295">
        <v>0</v>
      </c>
      <c r="BL23" s="295">
        <v>0</v>
      </c>
      <c r="BM23" s="295">
        <v>0</v>
      </c>
      <c r="BN23" s="295">
        <v>0</v>
      </c>
      <c r="BO23" s="298">
        <v>0</v>
      </c>
      <c r="BP23" s="299">
        <v>0</v>
      </c>
      <c r="BQ23" s="294">
        <v>0</v>
      </c>
      <c r="BR23" s="295">
        <v>145</v>
      </c>
      <c r="BS23" s="296">
        <v>145</v>
      </c>
      <c r="BT23" s="297">
        <v>0</v>
      </c>
      <c r="BU23" s="295">
        <v>70805</v>
      </c>
      <c r="BV23" s="295">
        <v>34990</v>
      </c>
      <c r="BW23" s="295">
        <v>98565</v>
      </c>
      <c r="BX23" s="295">
        <v>108035</v>
      </c>
      <c r="BY23" s="295">
        <v>32700</v>
      </c>
      <c r="BZ23" s="298">
        <v>345095</v>
      </c>
      <c r="CA23" s="299">
        <v>345240</v>
      </c>
      <c r="CB23" s="294">
        <v>0</v>
      </c>
      <c r="CC23" s="295">
        <v>0</v>
      </c>
      <c r="CD23" s="296">
        <v>0</v>
      </c>
      <c r="CE23" s="297">
        <v>0</v>
      </c>
      <c r="CF23" s="295">
        <v>0</v>
      </c>
      <c r="CG23" s="295">
        <v>3005</v>
      </c>
      <c r="CH23" s="295">
        <v>3625</v>
      </c>
      <c r="CI23" s="295">
        <v>0</v>
      </c>
      <c r="CJ23" s="295">
        <v>0</v>
      </c>
      <c r="CK23" s="298">
        <v>6630</v>
      </c>
      <c r="CL23" s="299">
        <v>6630</v>
      </c>
      <c r="CM23" s="294">
        <v>0</v>
      </c>
      <c r="CN23" s="295">
        <v>0</v>
      </c>
      <c r="CO23" s="296">
        <v>0</v>
      </c>
      <c r="CP23" s="297">
        <v>0</v>
      </c>
      <c r="CQ23" s="295">
        <v>0</v>
      </c>
      <c r="CR23" s="295">
        <v>0</v>
      </c>
      <c r="CS23" s="295">
        <v>0</v>
      </c>
      <c r="CT23" s="295">
        <v>0</v>
      </c>
      <c r="CU23" s="295">
        <v>0</v>
      </c>
      <c r="CV23" s="298">
        <v>0</v>
      </c>
      <c r="CW23" s="299">
        <v>0</v>
      </c>
      <c r="CX23" s="294">
        <v>0</v>
      </c>
      <c r="CY23" s="295">
        <v>0</v>
      </c>
      <c r="CZ23" s="296">
        <v>0</v>
      </c>
      <c r="DA23" s="300"/>
      <c r="DB23" s="295">
        <v>0</v>
      </c>
      <c r="DC23" s="295">
        <v>0</v>
      </c>
      <c r="DD23" s="295">
        <v>0</v>
      </c>
      <c r="DE23" s="295">
        <v>0</v>
      </c>
      <c r="DF23" s="295">
        <v>0</v>
      </c>
      <c r="DG23" s="298">
        <v>0</v>
      </c>
      <c r="DH23" s="299">
        <v>0</v>
      </c>
      <c r="DI23" s="294">
        <v>0</v>
      </c>
      <c r="DJ23" s="295">
        <v>1392</v>
      </c>
      <c r="DK23" s="296">
        <v>1392</v>
      </c>
      <c r="DL23" s="297">
        <v>0</v>
      </c>
      <c r="DM23" s="295">
        <v>186899</v>
      </c>
      <c r="DN23" s="295">
        <v>434275</v>
      </c>
      <c r="DO23" s="295">
        <v>1877141</v>
      </c>
      <c r="DP23" s="295">
        <v>2291672</v>
      </c>
      <c r="DQ23" s="295">
        <v>907006</v>
      </c>
      <c r="DR23" s="298">
        <v>5696993</v>
      </c>
      <c r="DS23" s="301">
        <v>5698385</v>
      </c>
      <c r="DT23" s="294">
        <v>0</v>
      </c>
      <c r="DU23" s="295">
        <v>0</v>
      </c>
      <c r="DV23" s="296">
        <v>0</v>
      </c>
      <c r="DW23" s="300"/>
      <c r="DX23" s="295">
        <v>43039</v>
      </c>
      <c r="DY23" s="295">
        <v>307237</v>
      </c>
      <c r="DZ23" s="295">
        <v>1645267</v>
      </c>
      <c r="EA23" s="295">
        <v>2094636</v>
      </c>
      <c r="EB23" s="295">
        <v>813297</v>
      </c>
      <c r="EC23" s="298">
        <v>4903476</v>
      </c>
      <c r="ED23" s="299">
        <v>4903476</v>
      </c>
      <c r="EE23" s="294">
        <v>0</v>
      </c>
      <c r="EF23" s="295">
        <v>0</v>
      </c>
      <c r="EG23" s="296">
        <v>0</v>
      </c>
      <c r="EH23" s="300"/>
      <c r="EI23" s="295">
        <v>23863</v>
      </c>
      <c r="EJ23" s="295">
        <v>36270</v>
      </c>
      <c r="EK23" s="295">
        <v>25136</v>
      </c>
      <c r="EL23" s="295">
        <v>3493</v>
      </c>
      <c r="EM23" s="295">
        <v>1169</v>
      </c>
      <c r="EN23" s="298">
        <v>89931</v>
      </c>
      <c r="EO23" s="299">
        <v>89931</v>
      </c>
      <c r="EP23" s="294">
        <v>0</v>
      </c>
      <c r="EQ23" s="295">
        <v>0</v>
      </c>
      <c r="ER23" s="296">
        <v>0</v>
      </c>
      <c r="ES23" s="300"/>
      <c r="ET23" s="295">
        <v>0</v>
      </c>
      <c r="EU23" s="295">
        <v>0</v>
      </c>
      <c r="EV23" s="295">
        <v>0</v>
      </c>
      <c r="EW23" s="295">
        <v>0</v>
      </c>
      <c r="EX23" s="295">
        <v>0</v>
      </c>
      <c r="EY23" s="298">
        <v>0</v>
      </c>
      <c r="EZ23" s="299">
        <v>0</v>
      </c>
      <c r="FA23" s="294">
        <v>0</v>
      </c>
      <c r="FB23" s="295">
        <v>0</v>
      </c>
      <c r="FC23" s="296">
        <v>0</v>
      </c>
      <c r="FD23" s="300"/>
      <c r="FE23" s="295">
        <v>0</v>
      </c>
      <c r="FF23" s="295">
        <v>0</v>
      </c>
      <c r="FG23" s="295">
        <v>133</v>
      </c>
      <c r="FH23" s="295">
        <v>0</v>
      </c>
      <c r="FI23" s="295">
        <v>378</v>
      </c>
      <c r="FJ23" s="298">
        <v>511</v>
      </c>
      <c r="FK23" s="299">
        <v>511</v>
      </c>
      <c r="FL23" s="294">
        <v>0</v>
      </c>
      <c r="FM23" s="295">
        <v>0</v>
      </c>
      <c r="FN23" s="296">
        <v>0</v>
      </c>
      <c r="FO23" s="300"/>
      <c r="FP23" s="295">
        <v>0</v>
      </c>
      <c r="FQ23" s="295">
        <v>0</v>
      </c>
      <c r="FR23" s="295">
        <v>0</v>
      </c>
      <c r="FS23" s="295">
        <v>0</v>
      </c>
      <c r="FT23" s="295">
        <v>0</v>
      </c>
      <c r="FU23" s="298">
        <v>0</v>
      </c>
      <c r="FV23" s="299">
        <v>0</v>
      </c>
      <c r="FW23" s="294">
        <v>0</v>
      </c>
      <c r="FX23" s="295">
        <v>1392</v>
      </c>
      <c r="FY23" s="296">
        <v>1392</v>
      </c>
      <c r="FZ23" s="297">
        <v>0</v>
      </c>
      <c r="GA23" s="295">
        <v>119997</v>
      </c>
      <c r="GB23" s="295">
        <v>86472</v>
      </c>
      <c r="GC23" s="295">
        <v>201509</v>
      </c>
      <c r="GD23" s="295">
        <v>193543</v>
      </c>
      <c r="GE23" s="295">
        <v>92162</v>
      </c>
      <c r="GF23" s="298">
        <v>693683</v>
      </c>
      <c r="GG23" s="299">
        <v>695075</v>
      </c>
      <c r="GH23" s="294">
        <v>0</v>
      </c>
      <c r="GI23" s="295">
        <v>0</v>
      </c>
      <c r="GJ23" s="296">
        <v>0</v>
      </c>
      <c r="GK23" s="297">
        <v>0</v>
      </c>
      <c r="GL23" s="295">
        <v>0</v>
      </c>
      <c r="GM23" s="295">
        <v>4296</v>
      </c>
      <c r="GN23" s="295">
        <v>5096</v>
      </c>
      <c r="GO23" s="295">
        <v>0</v>
      </c>
      <c r="GP23" s="295">
        <v>0</v>
      </c>
      <c r="GQ23" s="298">
        <v>9392</v>
      </c>
      <c r="GR23" s="299">
        <v>9392</v>
      </c>
      <c r="GS23" s="294">
        <v>0</v>
      </c>
      <c r="GT23" s="295">
        <v>0</v>
      </c>
      <c r="GU23" s="296">
        <v>0</v>
      </c>
      <c r="GV23" s="297">
        <v>0</v>
      </c>
      <c r="GW23" s="295">
        <v>0</v>
      </c>
      <c r="GX23" s="295">
        <v>0</v>
      </c>
      <c r="GY23" s="295">
        <v>0</v>
      </c>
      <c r="GZ23" s="295">
        <v>0</v>
      </c>
      <c r="HA23" s="295">
        <v>0</v>
      </c>
      <c r="HB23" s="298">
        <v>0</v>
      </c>
      <c r="HC23" s="299">
        <v>0</v>
      </c>
      <c r="HD23" s="294">
        <v>0</v>
      </c>
      <c r="HE23" s="295">
        <v>0</v>
      </c>
      <c r="HF23" s="296">
        <v>0</v>
      </c>
      <c r="HG23" s="300"/>
      <c r="HH23" s="295">
        <v>0</v>
      </c>
      <c r="HI23" s="295">
        <v>0</v>
      </c>
      <c r="HJ23" s="295">
        <v>0</v>
      </c>
      <c r="HK23" s="295">
        <v>0</v>
      </c>
      <c r="HL23" s="295">
        <v>0</v>
      </c>
      <c r="HM23" s="298">
        <v>0</v>
      </c>
      <c r="HN23" s="299">
        <v>0</v>
      </c>
      <c r="HO23" s="294">
        <v>0</v>
      </c>
      <c r="HP23" s="295">
        <v>1537</v>
      </c>
      <c r="HQ23" s="296">
        <v>1537</v>
      </c>
      <c r="HR23" s="297">
        <v>0</v>
      </c>
      <c r="HS23" s="295">
        <v>349114</v>
      </c>
      <c r="HT23" s="295">
        <v>803885</v>
      </c>
      <c r="HU23" s="295">
        <v>3156914</v>
      </c>
      <c r="HV23" s="295">
        <v>4102272</v>
      </c>
      <c r="HW23" s="295">
        <v>1462621</v>
      </c>
      <c r="HX23" s="298">
        <v>9874806</v>
      </c>
      <c r="HY23" s="299">
        <v>9876343</v>
      </c>
    </row>
    <row r="24" spans="2:233" ht="16.5" customHeight="1" x14ac:dyDescent="0.2">
      <c r="B24" s="292" t="s">
        <v>21</v>
      </c>
      <c r="C24" s="294">
        <v>0</v>
      </c>
      <c r="D24" s="295">
        <v>0</v>
      </c>
      <c r="E24" s="296">
        <v>0</v>
      </c>
      <c r="F24" s="297">
        <v>0</v>
      </c>
      <c r="G24" s="295">
        <v>115850</v>
      </c>
      <c r="H24" s="295">
        <v>355510</v>
      </c>
      <c r="I24" s="295">
        <v>2153500</v>
      </c>
      <c r="J24" s="295">
        <v>1713975</v>
      </c>
      <c r="K24" s="295">
        <v>1054155</v>
      </c>
      <c r="L24" s="298">
        <v>5392990</v>
      </c>
      <c r="M24" s="299">
        <v>5392990</v>
      </c>
      <c r="N24" s="294">
        <v>0</v>
      </c>
      <c r="O24" s="295">
        <v>0</v>
      </c>
      <c r="P24" s="296">
        <v>0</v>
      </c>
      <c r="Q24" s="300"/>
      <c r="R24" s="295">
        <v>5270</v>
      </c>
      <c r="S24" s="295">
        <v>179855</v>
      </c>
      <c r="T24" s="295">
        <v>1715406</v>
      </c>
      <c r="U24" s="295">
        <v>1319730</v>
      </c>
      <c r="V24" s="295">
        <v>842320</v>
      </c>
      <c r="W24" s="298">
        <v>4062581</v>
      </c>
      <c r="X24" s="299">
        <v>4062581</v>
      </c>
      <c r="Y24" s="294">
        <v>0</v>
      </c>
      <c r="Z24" s="295">
        <v>0</v>
      </c>
      <c r="AA24" s="296">
        <v>0</v>
      </c>
      <c r="AB24" s="300"/>
      <c r="AC24" s="295">
        <v>102255</v>
      </c>
      <c r="AD24" s="295">
        <v>135935</v>
      </c>
      <c r="AE24" s="295">
        <v>265475</v>
      </c>
      <c r="AF24" s="295">
        <v>231165</v>
      </c>
      <c r="AG24" s="295">
        <v>132875</v>
      </c>
      <c r="AH24" s="298">
        <v>867705</v>
      </c>
      <c r="AI24" s="299">
        <v>867705</v>
      </c>
      <c r="AJ24" s="294">
        <v>0</v>
      </c>
      <c r="AK24" s="295">
        <v>0</v>
      </c>
      <c r="AL24" s="296">
        <v>0</v>
      </c>
      <c r="AM24" s="300"/>
      <c r="AN24" s="295">
        <v>0</v>
      </c>
      <c r="AO24" s="295">
        <v>0</v>
      </c>
      <c r="AP24" s="295">
        <v>2635</v>
      </c>
      <c r="AQ24" s="295">
        <v>32705</v>
      </c>
      <c r="AR24" s="295">
        <v>2635</v>
      </c>
      <c r="AS24" s="298">
        <v>37975</v>
      </c>
      <c r="AT24" s="299">
        <v>37975</v>
      </c>
      <c r="AU24" s="294">
        <v>0</v>
      </c>
      <c r="AV24" s="295">
        <v>0</v>
      </c>
      <c r="AW24" s="296">
        <v>0</v>
      </c>
      <c r="AX24" s="300"/>
      <c r="AY24" s="295">
        <v>0</v>
      </c>
      <c r="AZ24" s="295">
        <v>0</v>
      </c>
      <c r="BA24" s="295">
        <v>35495</v>
      </c>
      <c r="BB24" s="295">
        <v>29915</v>
      </c>
      <c r="BC24" s="295">
        <v>52545</v>
      </c>
      <c r="BD24" s="298">
        <v>117955</v>
      </c>
      <c r="BE24" s="299">
        <v>117955</v>
      </c>
      <c r="BF24" s="294">
        <v>0</v>
      </c>
      <c r="BG24" s="295">
        <v>0</v>
      </c>
      <c r="BH24" s="296">
        <v>0</v>
      </c>
      <c r="BI24" s="300"/>
      <c r="BJ24" s="295">
        <v>0</v>
      </c>
      <c r="BK24" s="295">
        <v>0</v>
      </c>
      <c r="BL24" s="295">
        <v>0</v>
      </c>
      <c r="BM24" s="295">
        <v>0</v>
      </c>
      <c r="BN24" s="295">
        <v>0</v>
      </c>
      <c r="BO24" s="298">
        <v>0</v>
      </c>
      <c r="BP24" s="299">
        <v>0</v>
      </c>
      <c r="BQ24" s="294">
        <v>0</v>
      </c>
      <c r="BR24" s="295">
        <v>0</v>
      </c>
      <c r="BS24" s="296">
        <v>0</v>
      </c>
      <c r="BT24" s="297">
        <v>0</v>
      </c>
      <c r="BU24" s="295">
        <v>8325</v>
      </c>
      <c r="BV24" s="295">
        <v>39720</v>
      </c>
      <c r="BW24" s="295">
        <v>134199</v>
      </c>
      <c r="BX24" s="295">
        <v>100460</v>
      </c>
      <c r="BY24" s="295">
        <v>23345</v>
      </c>
      <c r="BZ24" s="298">
        <v>306049</v>
      </c>
      <c r="CA24" s="299">
        <v>306049</v>
      </c>
      <c r="CB24" s="294">
        <v>0</v>
      </c>
      <c r="CC24" s="295">
        <v>0</v>
      </c>
      <c r="CD24" s="296">
        <v>0</v>
      </c>
      <c r="CE24" s="297">
        <v>0</v>
      </c>
      <c r="CF24" s="295">
        <v>0</v>
      </c>
      <c r="CG24" s="295">
        <v>0</v>
      </c>
      <c r="CH24" s="295">
        <v>290</v>
      </c>
      <c r="CI24" s="295">
        <v>0</v>
      </c>
      <c r="CJ24" s="295">
        <v>435</v>
      </c>
      <c r="CK24" s="298">
        <v>725</v>
      </c>
      <c r="CL24" s="299">
        <v>725</v>
      </c>
      <c r="CM24" s="294">
        <v>0</v>
      </c>
      <c r="CN24" s="295">
        <v>0</v>
      </c>
      <c r="CO24" s="296">
        <v>0</v>
      </c>
      <c r="CP24" s="297">
        <v>0</v>
      </c>
      <c r="CQ24" s="295">
        <v>0</v>
      </c>
      <c r="CR24" s="295">
        <v>0</v>
      </c>
      <c r="CS24" s="295">
        <v>0</v>
      </c>
      <c r="CT24" s="295">
        <v>0</v>
      </c>
      <c r="CU24" s="295">
        <v>0</v>
      </c>
      <c r="CV24" s="298">
        <v>0</v>
      </c>
      <c r="CW24" s="299">
        <v>0</v>
      </c>
      <c r="CX24" s="294">
        <v>0</v>
      </c>
      <c r="CY24" s="295">
        <v>0</v>
      </c>
      <c r="CZ24" s="296">
        <v>0</v>
      </c>
      <c r="DA24" s="300"/>
      <c r="DB24" s="295">
        <v>0</v>
      </c>
      <c r="DC24" s="295">
        <v>0</v>
      </c>
      <c r="DD24" s="295">
        <v>0</v>
      </c>
      <c r="DE24" s="295">
        <v>0</v>
      </c>
      <c r="DF24" s="295">
        <v>0</v>
      </c>
      <c r="DG24" s="298">
        <v>0</v>
      </c>
      <c r="DH24" s="299">
        <v>0</v>
      </c>
      <c r="DI24" s="294">
        <v>0</v>
      </c>
      <c r="DJ24" s="295">
        <v>0</v>
      </c>
      <c r="DK24" s="296">
        <v>0</v>
      </c>
      <c r="DL24" s="297">
        <v>0</v>
      </c>
      <c r="DM24" s="295">
        <v>55205</v>
      </c>
      <c r="DN24" s="295">
        <v>350495</v>
      </c>
      <c r="DO24" s="295">
        <v>2279068</v>
      </c>
      <c r="DP24" s="295">
        <v>1910775</v>
      </c>
      <c r="DQ24" s="295">
        <v>1146245</v>
      </c>
      <c r="DR24" s="298">
        <v>5741788</v>
      </c>
      <c r="DS24" s="301">
        <v>5741788</v>
      </c>
      <c r="DT24" s="294">
        <v>0</v>
      </c>
      <c r="DU24" s="295">
        <v>0</v>
      </c>
      <c r="DV24" s="296">
        <v>0</v>
      </c>
      <c r="DW24" s="300"/>
      <c r="DX24" s="295">
        <v>36611</v>
      </c>
      <c r="DY24" s="295">
        <v>189289</v>
      </c>
      <c r="DZ24" s="295">
        <v>1981282</v>
      </c>
      <c r="EA24" s="295">
        <v>1724451</v>
      </c>
      <c r="EB24" s="295">
        <v>1086874</v>
      </c>
      <c r="EC24" s="298">
        <v>5018507</v>
      </c>
      <c r="ED24" s="299">
        <v>5018507</v>
      </c>
      <c r="EE24" s="294">
        <v>0</v>
      </c>
      <c r="EF24" s="295">
        <v>0</v>
      </c>
      <c r="EG24" s="296">
        <v>0</v>
      </c>
      <c r="EH24" s="300"/>
      <c r="EI24" s="295">
        <v>2268</v>
      </c>
      <c r="EJ24" s="295">
        <v>56283</v>
      </c>
      <c r="EK24" s="295">
        <v>92093</v>
      </c>
      <c r="EL24" s="295">
        <v>15681</v>
      </c>
      <c r="EM24" s="295">
        <v>12582</v>
      </c>
      <c r="EN24" s="298">
        <v>178907</v>
      </c>
      <c r="EO24" s="299">
        <v>178907</v>
      </c>
      <c r="EP24" s="294">
        <v>0</v>
      </c>
      <c r="EQ24" s="295">
        <v>0</v>
      </c>
      <c r="ER24" s="296">
        <v>0</v>
      </c>
      <c r="ES24" s="300"/>
      <c r="ET24" s="295">
        <v>0</v>
      </c>
      <c r="EU24" s="295">
        <v>0</v>
      </c>
      <c r="EV24" s="295">
        <v>217</v>
      </c>
      <c r="EW24" s="295">
        <v>0</v>
      </c>
      <c r="EX24" s="295">
        <v>0</v>
      </c>
      <c r="EY24" s="298">
        <v>217</v>
      </c>
      <c r="EZ24" s="299">
        <v>217</v>
      </c>
      <c r="FA24" s="294">
        <v>0</v>
      </c>
      <c r="FB24" s="295">
        <v>0</v>
      </c>
      <c r="FC24" s="296">
        <v>0</v>
      </c>
      <c r="FD24" s="300"/>
      <c r="FE24" s="295">
        <v>0</v>
      </c>
      <c r="FF24" s="295">
        <v>0</v>
      </c>
      <c r="FG24" s="295">
        <v>11687</v>
      </c>
      <c r="FH24" s="295">
        <v>651</v>
      </c>
      <c r="FI24" s="295">
        <v>651</v>
      </c>
      <c r="FJ24" s="298">
        <v>12989</v>
      </c>
      <c r="FK24" s="299">
        <v>12989</v>
      </c>
      <c r="FL24" s="294">
        <v>0</v>
      </c>
      <c r="FM24" s="295">
        <v>0</v>
      </c>
      <c r="FN24" s="296">
        <v>0</v>
      </c>
      <c r="FO24" s="300"/>
      <c r="FP24" s="295">
        <v>0</v>
      </c>
      <c r="FQ24" s="295">
        <v>0</v>
      </c>
      <c r="FR24" s="295">
        <v>0</v>
      </c>
      <c r="FS24" s="295">
        <v>0</v>
      </c>
      <c r="FT24" s="295">
        <v>0</v>
      </c>
      <c r="FU24" s="298">
        <v>0</v>
      </c>
      <c r="FV24" s="299">
        <v>0</v>
      </c>
      <c r="FW24" s="294">
        <v>0</v>
      </c>
      <c r="FX24" s="295">
        <v>0</v>
      </c>
      <c r="FY24" s="296">
        <v>0</v>
      </c>
      <c r="FZ24" s="297">
        <v>0</v>
      </c>
      <c r="GA24" s="295">
        <v>16326</v>
      </c>
      <c r="GB24" s="295">
        <v>104923</v>
      </c>
      <c r="GC24" s="295">
        <v>193768</v>
      </c>
      <c r="GD24" s="295">
        <v>169992</v>
      </c>
      <c r="GE24" s="295">
        <v>46138</v>
      </c>
      <c r="GF24" s="298">
        <v>531147</v>
      </c>
      <c r="GG24" s="299">
        <v>531147</v>
      </c>
      <c r="GH24" s="294">
        <v>0</v>
      </c>
      <c r="GI24" s="295">
        <v>0</v>
      </c>
      <c r="GJ24" s="296">
        <v>0</v>
      </c>
      <c r="GK24" s="297">
        <v>0</v>
      </c>
      <c r="GL24" s="295">
        <v>0</v>
      </c>
      <c r="GM24" s="295">
        <v>0</v>
      </c>
      <c r="GN24" s="295">
        <v>21</v>
      </c>
      <c r="GO24" s="295">
        <v>0</v>
      </c>
      <c r="GP24" s="295">
        <v>0</v>
      </c>
      <c r="GQ24" s="298">
        <v>21</v>
      </c>
      <c r="GR24" s="299">
        <v>21</v>
      </c>
      <c r="GS24" s="294">
        <v>0</v>
      </c>
      <c r="GT24" s="295">
        <v>0</v>
      </c>
      <c r="GU24" s="296">
        <v>0</v>
      </c>
      <c r="GV24" s="297">
        <v>0</v>
      </c>
      <c r="GW24" s="295">
        <v>0</v>
      </c>
      <c r="GX24" s="295">
        <v>0</v>
      </c>
      <c r="GY24" s="295">
        <v>0</v>
      </c>
      <c r="GZ24" s="295">
        <v>0</v>
      </c>
      <c r="HA24" s="295">
        <v>0</v>
      </c>
      <c r="HB24" s="298">
        <v>0</v>
      </c>
      <c r="HC24" s="299">
        <v>0</v>
      </c>
      <c r="HD24" s="294">
        <v>0</v>
      </c>
      <c r="HE24" s="295">
        <v>0</v>
      </c>
      <c r="HF24" s="296">
        <v>0</v>
      </c>
      <c r="HG24" s="300"/>
      <c r="HH24" s="295">
        <v>0</v>
      </c>
      <c r="HI24" s="295">
        <v>0</v>
      </c>
      <c r="HJ24" s="295">
        <v>0</v>
      </c>
      <c r="HK24" s="295">
        <v>0</v>
      </c>
      <c r="HL24" s="295">
        <v>0</v>
      </c>
      <c r="HM24" s="298">
        <v>0</v>
      </c>
      <c r="HN24" s="299">
        <v>0</v>
      </c>
      <c r="HO24" s="294">
        <v>0</v>
      </c>
      <c r="HP24" s="295">
        <v>0</v>
      </c>
      <c r="HQ24" s="296">
        <v>0</v>
      </c>
      <c r="HR24" s="297">
        <v>0</v>
      </c>
      <c r="HS24" s="295">
        <v>171055</v>
      </c>
      <c r="HT24" s="295">
        <v>706005</v>
      </c>
      <c r="HU24" s="295">
        <v>4432568</v>
      </c>
      <c r="HV24" s="295">
        <v>3624750</v>
      </c>
      <c r="HW24" s="295">
        <v>2200400</v>
      </c>
      <c r="HX24" s="298">
        <v>11134778</v>
      </c>
      <c r="HY24" s="299">
        <v>11134778</v>
      </c>
    </row>
    <row r="25" spans="2:233" ht="16.5" customHeight="1" x14ac:dyDescent="0.2">
      <c r="B25" s="292" t="s">
        <v>22</v>
      </c>
      <c r="C25" s="294">
        <v>0</v>
      </c>
      <c r="D25" s="295">
        <v>0</v>
      </c>
      <c r="E25" s="296">
        <v>0</v>
      </c>
      <c r="F25" s="297">
        <v>0</v>
      </c>
      <c r="G25" s="295">
        <v>40620</v>
      </c>
      <c r="H25" s="295">
        <v>343850</v>
      </c>
      <c r="I25" s="295">
        <v>678116</v>
      </c>
      <c r="J25" s="295">
        <v>880290</v>
      </c>
      <c r="K25" s="295">
        <v>359960</v>
      </c>
      <c r="L25" s="298">
        <v>2302836</v>
      </c>
      <c r="M25" s="299">
        <v>2302836</v>
      </c>
      <c r="N25" s="294">
        <v>0</v>
      </c>
      <c r="O25" s="295">
        <v>0</v>
      </c>
      <c r="P25" s="296">
        <v>0</v>
      </c>
      <c r="Q25" s="300"/>
      <c r="R25" s="295">
        <v>0</v>
      </c>
      <c r="S25" s="295">
        <v>32705</v>
      </c>
      <c r="T25" s="295">
        <v>474230</v>
      </c>
      <c r="U25" s="295">
        <v>529300</v>
      </c>
      <c r="V25" s="295">
        <v>194440</v>
      </c>
      <c r="W25" s="298">
        <v>1230675</v>
      </c>
      <c r="X25" s="299">
        <v>1230675</v>
      </c>
      <c r="Y25" s="294">
        <v>0</v>
      </c>
      <c r="Z25" s="295">
        <v>0</v>
      </c>
      <c r="AA25" s="296">
        <v>0</v>
      </c>
      <c r="AB25" s="300"/>
      <c r="AC25" s="295">
        <v>37975</v>
      </c>
      <c r="AD25" s="295">
        <v>278400</v>
      </c>
      <c r="AE25" s="295">
        <v>97805</v>
      </c>
      <c r="AF25" s="295">
        <v>198175</v>
      </c>
      <c r="AG25" s="295">
        <v>128185</v>
      </c>
      <c r="AH25" s="298">
        <v>740540</v>
      </c>
      <c r="AI25" s="299">
        <v>740540</v>
      </c>
      <c r="AJ25" s="294">
        <v>0</v>
      </c>
      <c r="AK25" s="295">
        <v>0</v>
      </c>
      <c r="AL25" s="296">
        <v>0</v>
      </c>
      <c r="AM25" s="300"/>
      <c r="AN25" s="295">
        <v>0</v>
      </c>
      <c r="AO25" s="295">
        <v>0</v>
      </c>
      <c r="AP25" s="295">
        <v>0</v>
      </c>
      <c r="AQ25" s="295">
        <v>0</v>
      </c>
      <c r="AR25" s="295">
        <v>2635</v>
      </c>
      <c r="AS25" s="298">
        <v>2635</v>
      </c>
      <c r="AT25" s="299">
        <v>2635</v>
      </c>
      <c r="AU25" s="294">
        <v>0</v>
      </c>
      <c r="AV25" s="295">
        <v>0</v>
      </c>
      <c r="AW25" s="296">
        <v>0</v>
      </c>
      <c r="AX25" s="300"/>
      <c r="AY25" s="295">
        <v>0</v>
      </c>
      <c r="AZ25" s="295">
        <v>0</v>
      </c>
      <c r="BA25" s="295">
        <v>0</v>
      </c>
      <c r="BB25" s="295">
        <v>2635</v>
      </c>
      <c r="BC25" s="295">
        <v>24645</v>
      </c>
      <c r="BD25" s="298">
        <v>27280</v>
      </c>
      <c r="BE25" s="299">
        <v>27280</v>
      </c>
      <c r="BF25" s="294">
        <v>0</v>
      </c>
      <c r="BG25" s="295">
        <v>0</v>
      </c>
      <c r="BH25" s="296">
        <v>0</v>
      </c>
      <c r="BI25" s="300"/>
      <c r="BJ25" s="295">
        <v>0</v>
      </c>
      <c r="BK25" s="295">
        <v>0</v>
      </c>
      <c r="BL25" s="295">
        <v>24645</v>
      </c>
      <c r="BM25" s="295">
        <v>117040</v>
      </c>
      <c r="BN25" s="295">
        <v>5270</v>
      </c>
      <c r="BO25" s="298">
        <v>146955</v>
      </c>
      <c r="BP25" s="299">
        <v>146955</v>
      </c>
      <c r="BQ25" s="294">
        <v>0</v>
      </c>
      <c r="BR25" s="295">
        <v>0</v>
      </c>
      <c r="BS25" s="296">
        <v>0</v>
      </c>
      <c r="BT25" s="297">
        <v>0</v>
      </c>
      <c r="BU25" s="295">
        <v>2645</v>
      </c>
      <c r="BV25" s="295">
        <v>32455</v>
      </c>
      <c r="BW25" s="295">
        <v>79741</v>
      </c>
      <c r="BX25" s="295">
        <v>33140</v>
      </c>
      <c r="BY25" s="295">
        <v>4785</v>
      </c>
      <c r="BZ25" s="298">
        <v>152766</v>
      </c>
      <c r="CA25" s="299">
        <v>152766</v>
      </c>
      <c r="CB25" s="294">
        <v>0</v>
      </c>
      <c r="CC25" s="295">
        <v>0</v>
      </c>
      <c r="CD25" s="296">
        <v>0</v>
      </c>
      <c r="CE25" s="297">
        <v>0</v>
      </c>
      <c r="CF25" s="295">
        <v>0</v>
      </c>
      <c r="CG25" s="295">
        <v>290</v>
      </c>
      <c r="CH25" s="295">
        <v>1695</v>
      </c>
      <c r="CI25" s="295">
        <v>0</v>
      </c>
      <c r="CJ25" s="295">
        <v>0</v>
      </c>
      <c r="CK25" s="298">
        <v>1985</v>
      </c>
      <c r="CL25" s="299">
        <v>1985</v>
      </c>
      <c r="CM25" s="294">
        <v>0</v>
      </c>
      <c r="CN25" s="295">
        <v>0</v>
      </c>
      <c r="CO25" s="296">
        <v>0</v>
      </c>
      <c r="CP25" s="297">
        <v>0</v>
      </c>
      <c r="CQ25" s="295">
        <v>0</v>
      </c>
      <c r="CR25" s="295">
        <v>0</v>
      </c>
      <c r="CS25" s="295">
        <v>0</v>
      </c>
      <c r="CT25" s="295">
        <v>0</v>
      </c>
      <c r="CU25" s="295">
        <v>0</v>
      </c>
      <c r="CV25" s="298">
        <v>0</v>
      </c>
      <c r="CW25" s="299">
        <v>0</v>
      </c>
      <c r="CX25" s="294">
        <v>0</v>
      </c>
      <c r="CY25" s="295">
        <v>0</v>
      </c>
      <c r="CZ25" s="296">
        <v>0</v>
      </c>
      <c r="DA25" s="300"/>
      <c r="DB25" s="295">
        <v>0</v>
      </c>
      <c r="DC25" s="295">
        <v>0</v>
      </c>
      <c r="DD25" s="295">
        <v>0</v>
      </c>
      <c r="DE25" s="295">
        <v>0</v>
      </c>
      <c r="DF25" s="295">
        <v>0</v>
      </c>
      <c r="DG25" s="298">
        <v>0</v>
      </c>
      <c r="DH25" s="299">
        <v>0</v>
      </c>
      <c r="DI25" s="294">
        <v>0</v>
      </c>
      <c r="DJ25" s="295">
        <v>0</v>
      </c>
      <c r="DK25" s="296">
        <v>0</v>
      </c>
      <c r="DL25" s="297">
        <v>0</v>
      </c>
      <c r="DM25" s="295">
        <v>3185</v>
      </c>
      <c r="DN25" s="295">
        <v>105381</v>
      </c>
      <c r="DO25" s="295">
        <v>702930</v>
      </c>
      <c r="DP25" s="295">
        <v>953354</v>
      </c>
      <c r="DQ25" s="295">
        <v>311739</v>
      </c>
      <c r="DR25" s="298">
        <v>2076589</v>
      </c>
      <c r="DS25" s="301">
        <v>2076589</v>
      </c>
      <c r="DT25" s="294">
        <v>0</v>
      </c>
      <c r="DU25" s="295">
        <v>0</v>
      </c>
      <c r="DV25" s="296">
        <v>0</v>
      </c>
      <c r="DW25" s="300"/>
      <c r="DX25" s="295">
        <v>0</v>
      </c>
      <c r="DY25" s="295">
        <v>15035</v>
      </c>
      <c r="DZ25" s="295">
        <v>532017</v>
      </c>
      <c r="EA25" s="295">
        <v>716714</v>
      </c>
      <c r="EB25" s="295">
        <v>227629</v>
      </c>
      <c r="EC25" s="298">
        <v>1491395</v>
      </c>
      <c r="ED25" s="299">
        <v>1491395</v>
      </c>
      <c r="EE25" s="294">
        <v>0</v>
      </c>
      <c r="EF25" s="295">
        <v>0</v>
      </c>
      <c r="EG25" s="296">
        <v>0</v>
      </c>
      <c r="EH25" s="300"/>
      <c r="EI25" s="295">
        <v>620</v>
      </c>
      <c r="EJ25" s="295">
        <v>51657</v>
      </c>
      <c r="EK25" s="295">
        <v>1953</v>
      </c>
      <c r="EL25" s="295">
        <v>13653</v>
      </c>
      <c r="EM25" s="295">
        <v>12555</v>
      </c>
      <c r="EN25" s="298">
        <v>80438</v>
      </c>
      <c r="EO25" s="299">
        <v>80438</v>
      </c>
      <c r="EP25" s="294">
        <v>0</v>
      </c>
      <c r="EQ25" s="295">
        <v>0</v>
      </c>
      <c r="ER25" s="296">
        <v>0</v>
      </c>
      <c r="ES25" s="300"/>
      <c r="ET25" s="295">
        <v>0</v>
      </c>
      <c r="EU25" s="295">
        <v>0</v>
      </c>
      <c r="EV25" s="295">
        <v>0</v>
      </c>
      <c r="EW25" s="295">
        <v>0</v>
      </c>
      <c r="EX25" s="295">
        <v>217</v>
      </c>
      <c r="EY25" s="298">
        <v>217</v>
      </c>
      <c r="EZ25" s="299">
        <v>217</v>
      </c>
      <c r="FA25" s="294">
        <v>0</v>
      </c>
      <c r="FB25" s="295">
        <v>0</v>
      </c>
      <c r="FC25" s="296">
        <v>0</v>
      </c>
      <c r="FD25" s="300"/>
      <c r="FE25" s="295">
        <v>0</v>
      </c>
      <c r="FF25" s="295">
        <v>0</v>
      </c>
      <c r="FG25" s="295">
        <v>0</v>
      </c>
      <c r="FH25" s="295">
        <v>217</v>
      </c>
      <c r="FI25" s="295">
        <v>11098</v>
      </c>
      <c r="FJ25" s="298">
        <v>11315</v>
      </c>
      <c r="FK25" s="299">
        <v>11315</v>
      </c>
      <c r="FL25" s="294">
        <v>0</v>
      </c>
      <c r="FM25" s="295">
        <v>0</v>
      </c>
      <c r="FN25" s="296">
        <v>0</v>
      </c>
      <c r="FO25" s="300"/>
      <c r="FP25" s="295">
        <v>0</v>
      </c>
      <c r="FQ25" s="295">
        <v>0</v>
      </c>
      <c r="FR25" s="295">
        <v>21390</v>
      </c>
      <c r="FS25" s="295">
        <v>175280</v>
      </c>
      <c r="FT25" s="295">
        <v>42780</v>
      </c>
      <c r="FU25" s="298">
        <v>239450</v>
      </c>
      <c r="FV25" s="299">
        <v>239450</v>
      </c>
      <c r="FW25" s="294">
        <v>0</v>
      </c>
      <c r="FX25" s="295">
        <v>0</v>
      </c>
      <c r="FY25" s="296">
        <v>0</v>
      </c>
      <c r="FZ25" s="297">
        <v>0</v>
      </c>
      <c r="GA25" s="295">
        <v>2565</v>
      </c>
      <c r="GB25" s="295">
        <v>38324</v>
      </c>
      <c r="GC25" s="295">
        <v>147486</v>
      </c>
      <c r="GD25" s="295">
        <v>47490</v>
      </c>
      <c r="GE25" s="295">
        <v>17460</v>
      </c>
      <c r="GF25" s="298">
        <v>253325</v>
      </c>
      <c r="GG25" s="299">
        <v>253325</v>
      </c>
      <c r="GH25" s="294">
        <v>0</v>
      </c>
      <c r="GI25" s="295">
        <v>0</v>
      </c>
      <c r="GJ25" s="296">
        <v>0</v>
      </c>
      <c r="GK25" s="297">
        <v>0</v>
      </c>
      <c r="GL25" s="295">
        <v>0</v>
      </c>
      <c r="GM25" s="295">
        <v>365</v>
      </c>
      <c r="GN25" s="295">
        <v>84</v>
      </c>
      <c r="GO25" s="295">
        <v>0</v>
      </c>
      <c r="GP25" s="295">
        <v>0</v>
      </c>
      <c r="GQ25" s="298">
        <v>449</v>
      </c>
      <c r="GR25" s="299">
        <v>449</v>
      </c>
      <c r="GS25" s="294">
        <v>0</v>
      </c>
      <c r="GT25" s="295">
        <v>0</v>
      </c>
      <c r="GU25" s="296">
        <v>0</v>
      </c>
      <c r="GV25" s="297">
        <v>0</v>
      </c>
      <c r="GW25" s="295">
        <v>0</v>
      </c>
      <c r="GX25" s="295">
        <v>0</v>
      </c>
      <c r="GY25" s="295">
        <v>0</v>
      </c>
      <c r="GZ25" s="295">
        <v>0</v>
      </c>
      <c r="HA25" s="295">
        <v>0</v>
      </c>
      <c r="HB25" s="298">
        <v>0</v>
      </c>
      <c r="HC25" s="299">
        <v>0</v>
      </c>
      <c r="HD25" s="294">
        <v>0</v>
      </c>
      <c r="HE25" s="295">
        <v>0</v>
      </c>
      <c r="HF25" s="296">
        <v>0</v>
      </c>
      <c r="HG25" s="300"/>
      <c r="HH25" s="295">
        <v>0</v>
      </c>
      <c r="HI25" s="295">
        <v>0</v>
      </c>
      <c r="HJ25" s="295">
        <v>0</v>
      </c>
      <c r="HK25" s="295">
        <v>0</v>
      </c>
      <c r="HL25" s="295">
        <v>0</v>
      </c>
      <c r="HM25" s="298">
        <v>0</v>
      </c>
      <c r="HN25" s="299">
        <v>0</v>
      </c>
      <c r="HO25" s="294">
        <v>0</v>
      </c>
      <c r="HP25" s="295">
        <v>0</v>
      </c>
      <c r="HQ25" s="296">
        <v>0</v>
      </c>
      <c r="HR25" s="297">
        <v>0</v>
      </c>
      <c r="HS25" s="295">
        <v>43805</v>
      </c>
      <c r="HT25" s="295">
        <v>449231</v>
      </c>
      <c r="HU25" s="295">
        <v>1381046</v>
      </c>
      <c r="HV25" s="295">
        <v>1833644</v>
      </c>
      <c r="HW25" s="295">
        <v>671699</v>
      </c>
      <c r="HX25" s="298">
        <v>4379425</v>
      </c>
      <c r="HY25" s="299">
        <v>4379425</v>
      </c>
    </row>
    <row r="26" spans="2:233" ht="16.5" customHeight="1" x14ac:dyDescent="0.2">
      <c r="B26" s="292" t="s">
        <v>23</v>
      </c>
      <c r="C26" s="294">
        <v>0</v>
      </c>
      <c r="D26" s="295">
        <v>0</v>
      </c>
      <c r="E26" s="296">
        <v>0</v>
      </c>
      <c r="F26" s="297">
        <v>0</v>
      </c>
      <c r="G26" s="295">
        <v>124198</v>
      </c>
      <c r="H26" s="295">
        <v>367725</v>
      </c>
      <c r="I26" s="295">
        <v>1040431</v>
      </c>
      <c r="J26" s="295">
        <v>1363000</v>
      </c>
      <c r="K26" s="295">
        <v>993585</v>
      </c>
      <c r="L26" s="298">
        <v>3888939</v>
      </c>
      <c r="M26" s="299">
        <v>3888939</v>
      </c>
      <c r="N26" s="294">
        <v>0</v>
      </c>
      <c r="O26" s="295">
        <v>0</v>
      </c>
      <c r="P26" s="296">
        <v>0</v>
      </c>
      <c r="Q26" s="300"/>
      <c r="R26" s="295">
        <v>32705</v>
      </c>
      <c r="S26" s="295">
        <v>153865</v>
      </c>
      <c r="T26" s="295">
        <v>754885</v>
      </c>
      <c r="U26" s="295">
        <v>1002885</v>
      </c>
      <c r="V26" s="295">
        <v>778195</v>
      </c>
      <c r="W26" s="298">
        <v>2722535</v>
      </c>
      <c r="X26" s="299">
        <v>2722535</v>
      </c>
      <c r="Y26" s="294">
        <v>0</v>
      </c>
      <c r="Z26" s="295">
        <v>0</v>
      </c>
      <c r="AA26" s="296">
        <v>0</v>
      </c>
      <c r="AB26" s="300"/>
      <c r="AC26" s="295">
        <v>80738</v>
      </c>
      <c r="AD26" s="295">
        <v>141825</v>
      </c>
      <c r="AE26" s="295">
        <v>223355</v>
      </c>
      <c r="AF26" s="295">
        <v>232460</v>
      </c>
      <c r="AG26" s="295">
        <v>170290</v>
      </c>
      <c r="AH26" s="298">
        <v>848668</v>
      </c>
      <c r="AI26" s="299">
        <v>848668</v>
      </c>
      <c r="AJ26" s="294">
        <v>0</v>
      </c>
      <c r="AK26" s="295">
        <v>0</v>
      </c>
      <c r="AL26" s="296">
        <v>0</v>
      </c>
      <c r="AM26" s="300"/>
      <c r="AN26" s="295">
        <v>0</v>
      </c>
      <c r="AO26" s="295">
        <v>0</v>
      </c>
      <c r="AP26" s="295">
        <v>0</v>
      </c>
      <c r="AQ26" s="295">
        <v>32705</v>
      </c>
      <c r="AR26" s="295">
        <v>0</v>
      </c>
      <c r="AS26" s="298">
        <v>32705</v>
      </c>
      <c r="AT26" s="299">
        <v>32705</v>
      </c>
      <c r="AU26" s="294">
        <v>0</v>
      </c>
      <c r="AV26" s="295">
        <v>0</v>
      </c>
      <c r="AW26" s="296">
        <v>0</v>
      </c>
      <c r="AX26" s="300"/>
      <c r="AY26" s="295">
        <v>0</v>
      </c>
      <c r="AZ26" s="295">
        <v>0</v>
      </c>
      <c r="BA26" s="295">
        <v>2635</v>
      </c>
      <c r="BB26" s="295">
        <v>53130</v>
      </c>
      <c r="BC26" s="295">
        <v>24645</v>
      </c>
      <c r="BD26" s="298">
        <v>80410</v>
      </c>
      <c r="BE26" s="299">
        <v>80410</v>
      </c>
      <c r="BF26" s="294">
        <v>0</v>
      </c>
      <c r="BG26" s="295">
        <v>0</v>
      </c>
      <c r="BH26" s="296">
        <v>0</v>
      </c>
      <c r="BI26" s="300"/>
      <c r="BJ26" s="295">
        <v>0</v>
      </c>
      <c r="BK26" s="295">
        <v>0</v>
      </c>
      <c r="BL26" s="295">
        <v>0</v>
      </c>
      <c r="BM26" s="295">
        <v>0</v>
      </c>
      <c r="BN26" s="295">
        <v>0</v>
      </c>
      <c r="BO26" s="298">
        <v>0</v>
      </c>
      <c r="BP26" s="299">
        <v>0</v>
      </c>
      <c r="BQ26" s="294">
        <v>0</v>
      </c>
      <c r="BR26" s="295">
        <v>0</v>
      </c>
      <c r="BS26" s="296">
        <v>0</v>
      </c>
      <c r="BT26" s="297">
        <v>0</v>
      </c>
      <c r="BU26" s="295">
        <v>10755</v>
      </c>
      <c r="BV26" s="295">
        <v>72035</v>
      </c>
      <c r="BW26" s="295">
        <v>58090</v>
      </c>
      <c r="BX26" s="295">
        <v>40805</v>
      </c>
      <c r="BY26" s="295">
        <v>20455</v>
      </c>
      <c r="BZ26" s="298">
        <v>202140</v>
      </c>
      <c r="CA26" s="299">
        <v>202140</v>
      </c>
      <c r="CB26" s="294">
        <v>0</v>
      </c>
      <c r="CC26" s="295">
        <v>0</v>
      </c>
      <c r="CD26" s="296">
        <v>0</v>
      </c>
      <c r="CE26" s="297">
        <v>0</v>
      </c>
      <c r="CF26" s="295">
        <v>0</v>
      </c>
      <c r="CG26" s="295">
        <v>0</v>
      </c>
      <c r="CH26" s="295">
        <v>1466</v>
      </c>
      <c r="CI26" s="295">
        <v>1015</v>
      </c>
      <c r="CJ26" s="295">
        <v>0</v>
      </c>
      <c r="CK26" s="298">
        <v>2481</v>
      </c>
      <c r="CL26" s="299">
        <v>2481</v>
      </c>
      <c r="CM26" s="294">
        <v>0</v>
      </c>
      <c r="CN26" s="295">
        <v>0</v>
      </c>
      <c r="CO26" s="296">
        <v>0</v>
      </c>
      <c r="CP26" s="297">
        <v>0</v>
      </c>
      <c r="CQ26" s="295">
        <v>0</v>
      </c>
      <c r="CR26" s="295">
        <v>0</v>
      </c>
      <c r="CS26" s="295">
        <v>0</v>
      </c>
      <c r="CT26" s="295">
        <v>0</v>
      </c>
      <c r="CU26" s="295">
        <v>0</v>
      </c>
      <c r="CV26" s="298">
        <v>0</v>
      </c>
      <c r="CW26" s="299">
        <v>0</v>
      </c>
      <c r="CX26" s="294">
        <v>0</v>
      </c>
      <c r="CY26" s="295">
        <v>0</v>
      </c>
      <c r="CZ26" s="296">
        <v>0</v>
      </c>
      <c r="DA26" s="300"/>
      <c r="DB26" s="295">
        <v>0</v>
      </c>
      <c r="DC26" s="295">
        <v>0</v>
      </c>
      <c r="DD26" s="295">
        <v>0</v>
      </c>
      <c r="DE26" s="295">
        <v>0</v>
      </c>
      <c r="DF26" s="295">
        <v>0</v>
      </c>
      <c r="DG26" s="298">
        <v>0</v>
      </c>
      <c r="DH26" s="299">
        <v>0</v>
      </c>
      <c r="DI26" s="294">
        <v>0</v>
      </c>
      <c r="DJ26" s="295">
        <v>0</v>
      </c>
      <c r="DK26" s="296">
        <v>0</v>
      </c>
      <c r="DL26" s="297">
        <v>0</v>
      </c>
      <c r="DM26" s="295">
        <v>62504</v>
      </c>
      <c r="DN26" s="295">
        <v>212273</v>
      </c>
      <c r="DO26" s="295">
        <v>913135</v>
      </c>
      <c r="DP26" s="295">
        <v>1276821</v>
      </c>
      <c r="DQ26" s="295">
        <v>834206</v>
      </c>
      <c r="DR26" s="298">
        <v>3298939</v>
      </c>
      <c r="DS26" s="301">
        <v>3298939</v>
      </c>
      <c r="DT26" s="294">
        <v>0</v>
      </c>
      <c r="DU26" s="295">
        <v>0</v>
      </c>
      <c r="DV26" s="296">
        <v>0</v>
      </c>
      <c r="DW26" s="300"/>
      <c r="DX26" s="295">
        <v>11470</v>
      </c>
      <c r="DY26" s="295">
        <v>138105</v>
      </c>
      <c r="DZ26" s="295">
        <v>825450</v>
      </c>
      <c r="EA26" s="295">
        <v>1158627</v>
      </c>
      <c r="EB26" s="295">
        <v>771151</v>
      </c>
      <c r="EC26" s="298">
        <v>2904803</v>
      </c>
      <c r="ED26" s="299">
        <v>2904803</v>
      </c>
      <c r="EE26" s="294">
        <v>0</v>
      </c>
      <c r="EF26" s="295">
        <v>0</v>
      </c>
      <c r="EG26" s="296">
        <v>0</v>
      </c>
      <c r="EH26" s="300"/>
      <c r="EI26" s="295">
        <v>34586</v>
      </c>
      <c r="EJ26" s="295">
        <v>3045</v>
      </c>
      <c r="EK26" s="295">
        <v>2387</v>
      </c>
      <c r="EL26" s="295">
        <v>26803</v>
      </c>
      <c r="EM26" s="295">
        <v>38471</v>
      </c>
      <c r="EN26" s="298">
        <v>105292</v>
      </c>
      <c r="EO26" s="299">
        <v>105292</v>
      </c>
      <c r="EP26" s="294">
        <v>0</v>
      </c>
      <c r="EQ26" s="295">
        <v>0</v>
      </c>
      <c r="ER26" s="296">
        <v>0</v>
      </c>
      <c r="ES26" s="300"/>
      <c r="ET26" s="295">
        <v>0</v>
      </c>
      <c r="EU26" s="295">
        <v>0</v>
      </c>
      <c r="EV26" s="295">
        <v>0</v>
      </c>
      <c r="EW26" s="295">
        <v>217</v>
      </c>
      <c r="EX26" s="295">
        <v>0</v>
      </c>
      <c r="EY26" s="298">
        <v>217</v>
      </c>
      <c r="EZ26" s="299">
        <v>217</v>
      </c>
      <c r="FA26" s="294">
        <v>0</v>
      </c>
      <c r="FB26" s="295">
        <v>0</v>
      </c>
      <c r="FC26" s="296">
        <v>0</v>
      </c>
      <c r="FD26" s="300"/>
      <c r="FE26" s="295">
        <v>0</v>
      </c>
      <c r="FF26" s="295">
        <v>0</v>
      </c>
      <c r="FG26" s="295">
        <v>217</v>
      </c>
      <c r="FH26" s="295">
        <v>434</v>
      </c>
      <c r="FI26" s="295">
        <v>217</v>
      </c>
      <c r="FJ26" s="298">
        <v>868</v>
      </c>
      <c r="FK26" s="299">
        <v>868</v>
      </c>
      <c r="FL26" s="294">
        <v>0</v>
      </c>
      <c r="FM26" s="295">
        <v>0</v>
      </c>
      <c r="FN26" s="296">
        <v>0</v>
      </c>
      <c r="FO26" s="300"/>
      <c r="FP26" s="295">
        <v>0</v>
      </c>
      <c r="FQ26" s="295">
        <v>0</v>
      </c>
      <c r="FR26" s="295">
        <v>0</v>
      </c>
      <c r="FS26" s="295">
        <v>0</v>
      </c>
      <c r="FT26" s="295">
        <v>0</v>
      </c>
      <c r="FU26" s="298">
        <v>0</v>
      </c>
      <c r="FV26" s="299">
        <v>0</v>
      </c>
      <c r="FW26" s="294">
        <v>0</v>
      </c>
      <c r="FX26" s="295">
        <v>0</v>
      </c>
      <c r="FY26" s="296">
        <v>0</v>
      </c>
      <c r="FZ26" s="297">
        <v>0</v>
      </c>
      <c r="GA26" s="295">
        <v>16448</v>
      </c>
      <c r="GB26" s="295">
        <v>71123</v>
      </c>
      <c r="GC26" s="295">
        <v>85053</v>
      </c>
      <c r="GD26" s="295">
        <v>90691</v>
      </c>
      <c r="GE26" s="295">
        <v>24367</v>
      </c>
      <c r="GF26" s="298">
        <v>287682</v>
      </c>
      <c r="GG26" s="299">
        <v>287682</v>
      </c>
      <c r="GH26" s="294">
        <v>0</v>
      </c>
      <c r="GI26" s="295">
        <v>0</v>
      </c>
      <c r="GJ26" s="296">
        <v>0</v>
      </c>
      <c r="GK26" s="297">
        <v>0</v>
      </c>
      <c r="GL26" s="295">
        <v>0</v>
      </c>
      <c r="GM26" s="295">
        <v>0</v>
      </c>
      <c r="GN26" s="295">
        <v>28</v>
      </c>
      <c r="GO26" s="295">
        <v>49</v>
      </c>
      <c r="GP26" s="295">
        <v>0</v>
      </c>
      <c r="GQ26" s="298">
        <v>77</v>
      </c>
      <c r="GR26" s="299">
        <v>77</v>
      </c>
      <c r="GS26" s="294">
        <v>0</v>
      </c>
      <c r="GT26" s="295">
        <v>0</v>
      </c>
      <c r="GU26" s="296">
        <v>0</v>
      </c>
      <c r="GV26" s="297">
        <v>0</v>
      </c>
      <c r="GW26" s="295">
        <v>0</v>
      </c>
      <c r="GX26" s="295">
        <v>0</v>
      </c>
      <c r="GY26" s="295">
        <v>0</v>
      </c>
      <c r="GZ26" s="295">
        <v>0</v>
      </c>
      <c r="HA26" s="295">
        <v>0</v>
      </c>
      <c r="HB26" s="298">
        <v>0</v>
      </c>
      <c r="HC26" s="299">
        <v>0</v>
      </c>
      <c r="HD26" s="294">
        <v>0</v>
      </c>
      <c r="HE26" s="295">
        <v>0</v>
      </c>
      <c r="HF26" s="296">
        <v>0</v>
      </c>
      <c r="HG26" s="300"/>
      <c r="HH26" s="295">
        <v>0</v>
      </c>
      <c r="HI26" s="295">
        <v>0</v>
      </c>
      <c r="HJ26" s="295">
        <v>0</v>
      </c>
      <c r="HK26" s="295">
        <v>0</v>
      </c>
      <c r="HL26" s="295">
        <v>0</v>
      </c>
      <c r="HM26" s="298">
        <v>0</v>
      </c>
      <c r="HN26" s="299">
        <v>0</v>
      </c>
      <c r="HO26" s="294">
        <v>0</v>
      </c>
      <c r="HP26" s="295">
        <v>0</v>
      </c>
      <c r="HQ26" s="296">
        <v>0</v>
      </c>
      <c r="HR26" s="297">
        <v>0</v>
      </c>
      <c r="HS26" s="295">
        <v>186702</v>
      </c>
      <c r="HT26" s="295">
        <v>579998</v>
      </c>
      <c r="HU26" s="295">
        <v>1953566</v>
      </c>
      <c r="HV26" s="295">
        <v>2639821</v>
      </c>
      <c r="HW26" s="295">
        <v>1827791</v>
      </c>
      <c r="HX26" s="298">
        <v>7187878</v>
      </c>
      <c r="HY26" s="299">
        <v>7187878</v>
      </c>
    </row>
    <row r="27" spans="2:233" ht="16.5" customHeight="1" x14ac:dyDescent="0.2">
      <c r="B27" s="292" t="s">
        <v>24</v>
      </c>
      <c r="C27" s="294">
        <v>0</v>
      </c>
      <c r="D27" s="295">
        <v>0</v>
      </c>
      <c r="E27" s="296">
        <v>0</v>
      </c>
      <c r="F27" s="297">
        <v>0</v>
      </c>
      <c r="G27" s="295">
        <v>38345</v>
      </c>
      <c r="H27" s="295">
        <v>72900</v>
      </c>
      <c r="I27" s="295">
        <v>322822</v>
      </c>
      <c r="J27" s="295">
        <v>522565</v>
      </c>
      <c r="K27" s="295">
        <v>505735</v>
      </c>
      <c r="L27" s="298">
        <v>1462367</v>
      </c>
      <c r="M27" s="299">
        <v>1462367</v>
      </c>
      <c r="N27" s="294">
        <v>0</v>
      </c>
      <c r="O27" s="295">
        <v>0</v>
      </c>
      <c r="P27" s="296">
        <v>0</v>
      </c>
      <c r="Q27" s="300"/>
      <c r="R27" s="295">
        <v>0</v>
      </c>
      <c r="S27" s="295">
        <v>0</v>
      </c>
      <c r="T27" s="295">
        <v>246320</v>
      </c>
      <c r="U27" s="295">
        <v>371605</v>
      </c>
      <c r="V27" s="295">
        <v>445620</v>
      </c>
      <c r="W27" s="298">
        <v>1063545</v>
      </c>
      <c r="X27" s="299">
        <v>1063545</v>
      </c>
      <c r="Y27" s="294">
        <v>0</v>
      </c>
      <c r="Z27" s="295">
        <v>0</v>
      </c>
      <c r="AA27" s="296">
        <v>0</v>
      </c>
      <c r="AB27" s="300"/>
      <c r="AC27" s="295">
        <v>38145</v>
      </c>
      <c r="AD27" s="295">
        <v>39480</v>
      </c>
      <c r="AE27" s="295">
        <v>75950</v>
      </c>
      <c r="AF27" s="295">
        <v>84700</v>
      </c>
      <c r="AG27" s="295">
        <v>35495</v>
      </c>
      <c r="AH27" s="298">
        <v>273770</v>
      </c>
      <c r="AI27" s="299">
        <v>273770</v>
      </c>
      <c r="AJ27" s="294">
        <v>0</v>
      </c>
      <c r="AK27" s="295">
        <v>0</v>
      </c>
      <c r="AL27" s="296">
        <v>0</v>
      </c>
      <c r="AM27" s="300"/>
      <c r="AN27" s="295">
        <v>0</v>
      </c>
      <c r="AO27" s="295">
        <v>0</v>
      </c>
      <c r="AP27" s="295">
        <v>0</v>
      </c>
      <c r="AQ27" s="295">
        <v>0</v>
      </c>
      <c r="AR27" s="295">
        <v>0</v>
      </c>
      <c r="AS27" s="298">
        <v>0</v>
      </c>
      <c r="AT27" s="299">
        <v>0</v>
      </c>
      <c r="AU27" s="294">
        <v>0</v>
      </c>
      <c r="AV27" s="295">
        <v>0</v>
      </c>
      <c r="AW27" s="296">
        <v>0</v>
      </c>
      <c r="AX27" s="300"/>
      <c r="AY27" s="295">
        <v>0</v>
      </c>
      <c r="AZ27" s="295">
        <v>0</v>
      </c>
      <c r="BA27" s="295">
        <v>0</v>
      </c>
      <c r="BB27" s="295">
        <v>0</v>
      </c>
      <c r="BC27" s="295">
        <v>0</v>
      </c>
      <c r="BD27" s="298">
        <v>0</v>
      </c>
      <c r="BE27" s="299">
        <v>0</v>
      </c>
      <c r="BF27" s="294">
        <v>0</v>
      </c>
      <c r="BG27" s="295">
        <v>0</v>
      </c>
      <c r="BH27" s="296">
        <v>0</v>
      </c>
      <c r="BI27" s="300"/>
      <c r="BJ27" s="295">
        <v>0</v>
      </c>
      <c r="BK27" s="295">
        <v>0</v>
      </c>
      <c r="BL27" s="295">
        <v>0</v>
      </c>
      <c r="BM27" s="295">
        <v>0</v>
      </c>
      <c r="BN27" s="295">
        <v>0</v>
      </c>
      <c r="BO27" s="298">
        <v>0</v>
      </c>
      <c r="BP27" s="299">
        <v>0</v>
      </c>
      <c r="BQ27" s="294">
        <v>0</v>
      </c>
      <c r="BR27" s="295">
        <v>0</v>
      </c>
      <c r="BS27" s="296">
        <v>0</v>
      </c>
      <c r="BT27" s="297">
        <v>0</v>
      </c>
      <c r="BU27" s="295">
        <v>200</v>
      </c>
      <c r="BV27" s="295">
        <v>33420</v>
      </c>
      <c r="BW27" s="295">
        <v>552</v>
      </c>
      <c r="BX27" s="295">
        <v>66260</v>
      </c>
      <c r="BY27" s="295">
        <v>24620</v>
      </c>
      <c r="BZ27" s="298">
        <v>125052</v>
      </c>
      <c r="CA27" s="299">
        <v>125052</v>
      </c>
      <c r="CB27" s="294">
        <v>0</v>
      </c>
      <c r="CC27" s="295">
        <v>0</v>
      </c>
      <c r="CD27" s="296">
        <v>0</v>
      </c>
      <c r="CE27" s="297">
        <v>0</v>
      </c>
      <c r="CF27" s="295">
        <v>0</v>
      </c>
      <c r="CG27" s="295">
        <v>0</v>
      </c>
      <c r="CH27" s="295">
        <v>0</v>
      </c>
      <c r="CI27" s="295">
        <v>0</v>
      </c>
      <c r="CJ27" s="295">
        <v>0</v>
      </c>
      <c r="CK27" s="298">
        <v>0</v>
      </c>
      <c r="CL27" s="299">
        <v>0</v>
      </c>
      <c r="CM27" s="294">
        <v>0</v>
      </c>
      <c r="CN27" s="295">
        <v>0</v>
      </c>
      <c r="CO27" s="296">
        <v>0</v>
      </c>
      <c r="CP27" s="297">
        <v>0</v>
      </c>
      <c r="CQ27" s="295">
        <v>0</v>
      </c>
      <c r="CR27" s="295">
        <v>0</v>
      </c>
      <c r="CS27" s="295">
        <v>0</v>
      </c>
      <c r="CT27" s="295">
        <v>0</v>
      </c>
      <c r="CU27" s="295">
        <v>0</v>
      </c>
      <c r="CV27" s="298">
        <v>0</v>
      </c>
      <c r="CW27" s="299">
        <v>0</v>
      </c>
      <c r="CX27" s="294">
        <v>0</v>
      </c>
      <c r="CY27" s="295">
        <v>0</v>
      </c>
      <c r="CZ27" s="296">
        <v>0</v>
      </c>
      <c r="DA27" s="300"/>
      <c r="DB27" s="295">
        <v>0</v>
      </c>
      <c r="DC27" s="295">
        <v>0</v>
      </c>
      <c r="DD27" s="295">
        <v>0</v>
      </c>
      <c r="DE27" s="295">
        <v>0</v>
      </c>
      <c r="DF27" s="295">
        <v>0</v>
      </c>
      <c r="DG27" s="298">
        <v>0</v>
      </c>
      <c r="DH27" s="299">
        <v>0</v>
      </c>
      <c r="DI27" s="294">
        <v>0</v>
      </c>
      <c r="DJ27" s="295">
        <v>0</v>
      </c>
      <c r="DK27" s="296">
        <v>0</v>
      </c>
      <c r="DL27" s="297">
        <v>0</v>
      </c>
      <c r="DM27" s="295">
        <v>38370</v>
      </c>
      <c r="DN27" s="295">
        <v>50303</v>
      </c>
      <c r="DO27" s="295">
        <v>388147</v>
      </c>
      <c r="DP27" s="295">
        <v>724121</v>
      </c>
      <c r="DQ27" s="295">
        <v>646580</v>
      </c>
      <c r="DR27" s="298">
        <v>1847521</v>
      </c>
      <c r="DS27" s="301">
        <v>1847521</v>
      </c>
      <c r="DT27" s="294">
        <v>0</v>
      </c>
      <c r="DU27" s="295">
        <v>0</v>
      </c>
      <c r="DV27" s="296">
        <v>0</v>
      </c>
      <c r="DW27" s="300"/>
      <c r="DX27" s="295">
        <v>0</v>
      </c>
      <c r="DY27" s="295">
        <v>0</v>
      </c>
      <c r="DZ27" s="295">
        <v>362576</v>
      </c>
      <c r="EA27" s="295">
        <v>612733</v>
      </c>
      <c r="EB27" s="295">
        <v>606130</v>
      </c>
      <c r="EC27" s="298">
        <v>1581439</v>
      </c>
      <c r="ED27" s="299">
        <v>1581439</v>
      </c>
      <c r="EE27" s="294">
        <v>0</v>
      </c>
      <c r="EF27" s="295">
        <v>0</v>
      </c>
      <c r="EG27" s="296">
        <v>0</v>
      </c>
      <c r="EH27" s="300"/>
      <c r="EI27" s="295">
        <v>36966</v>
      </c>
      <c r="EJ27" s="295">
        <v>22143</v>
      </c>
      <c r="EK27" s="295">
        <v>22661</v>
      </c>
      <c r="EL27" s="295">
        <v>33491</v>
      </c>
      <c r="EM27" s="295">
        <v>11687</v>
      </c>
      <c r="EN27" s="298">
        <v>126948</v>
      </c>
      <c r="EO27" s="299">
        <v>126948</v>
      </c>
      <c r="EP27" s="294">
        <v>0</v>
      </c>
      <c r="EQ27" s="295">
        <v>0</v>
      </c>
      <c r="ER27" s="296">
        <v>0</v>
      </c>
      <c r="ES27" s="300"/>
      <c r="ET27" s="295">
        <v>0</v>
      </c>
      <c r="EU27" s="295">
        <v>0</v>
      </c>
      <c r="EV27" s="295">
        <v>0</v>
      </c>
      <c r="EW27" s="295">
        <v>0</v>
      </c>
      <c r="EX27" s="295">
        <v>0</v>
      </c>
      <c r="EY27" s="298">
        <v>0</v>
      </c>
      <c r="EZ27" s="299">
        <v>0</v>
      </c>
      <c r="FA27" s="294">
        <v>0</v>
      </c>
      <c r="FB27" s="295">
        <v>0</v>
      </c>
      <c r="FC27" s="296">
        <v>0</v>
      </c>
      <c r="FD27" s="300"/>
      <c r="FE27" s="295">
        <v>0</v>
      </c>
      <c r="FF27" s="295">
        <v>0</v>
      </c>
      <c r="FG27" s="295">
        <v>0</v>
      </c>
      <c r="FH27" s="295">
        <v>0</v>
      </c>
      <c r="FI27" s="295">
        <v>0</v>
      </c>
      <c r="FJ27" s="298">
        <v>0</v>
      </c>
      <c r="FK27" s="299">
        <v>0</v>
      </c>
      <c r="FL27" s="294">
        <v>0</v>
      </c>
      <c r="FM27" s="295">
        <v>0</v>
      </c>
      <c r="FN27" s="296">
        <v>0</v>
      </c>
      <c r="FO27" s="300"/>
      <c r="FP27" s="295">
        <v>0</v>
      </c>
      <c r="FQ27" s="295">
        <v>0</v>
      </c>
      <c r="FR27" s="295">
        <v>0</v>
      </c>
      <c r="FS27" s="295">
        <v>0</v>
      </c>
      <c r="FT27" s="295">
        <v>0</v>
      </c>
      <c r="FU27" s="298">
        <v>0</v>
      </c>
      <c r="FV27" s="299">
        <v>0</v>
      </c>
      <c r="FW27" s="294">
        <v>0</v>
      </c>
      <c r="FX27" s="295">
        <v>0</v>
      </c>
      <c r="FY27" s="296">
        <v>0</v>
      </c>
      <c r="FZ27" s="297">
        <v>0</v>
      </c>
      <c r="GA27" s="295">
        <v>1404</v>
      </c>
      <c r="GB27" s="295">
        <v>28160</v>
      </c>
      <c r="GC27" s="295">
        <v>2910</v>
      </c>
      <c r="GD27" s="295">
        <v>77897</v>
      </c>
      <c r="GE27" s="295">
        <v>28763</v>
      </c>
      <c r="GF27" s="298">
        <v>139134</v>
      </c>
      <c r="GG27" s="299">
        <v>139134</v>
      </c>
      <c r="GH27" s="294">
        <v>0</v>
      </c>
      <c r="GI27" s="295">
        <v>0</v>
      </c>
      <c r="GJ27" s="296">
        <v>0</v>
      </c>
      <c r="GK27" s="297">
        <v>0</v>
      </c>
      <c r="GL27" s="295">
        <v>0</v>
      </c>
      <c r="GM27" s="295">
        <v>0</v>
      </c>
      <c r="GN27" s="295">
        <v>0</v>
      </c>
      <c r="GO27" s="295">
        <v>0</v>
      </c>
      <c r="GP27" s="295">
        <v>0</v>
      </c>
      <c r="GQ27" s="298">
        <v>0</v>
      </c>
      <c r="GR27" s="299">
        <v>0</v>
      </c>
      <c r="GS27" s="294">
        <v>0</v>
      </c>
      <c r="GT27" s="295">
        <v>0</v>
      </c>
      <c r="GU27" s="296">
        <v>0</v>
      </c>
      <c r="GV27" s="297">
        <v>0</v>
      </c>
      <c r="GW27" s="295">
        <v>0</v>
      </c>
      <c r="GX27" s="295">
        <v>0</v>
      </c>
      <c r="GY27" s="295">
        <v>0</v>
      </c>
      <c r="GZ27" s="295">
        <v>0</v>
      </c>
      <c r="HA27" s="295">
        <v>0</v>
      </c>
      <c r="HB27" s="298">
        <v>0</v>
      </c>
      <c r="HC27" s="299">
        <v>0</v>
      </c>
      <c r="HD27" s="294">
        <v>0</v>
      </c>
      <c r="HE27" s="295">
        <v>0</v>
      </c>
      <c r="HF27" s="296">
        <v>0</v>
      </c>
      <c r="HG27" s="300"/>
      <c r="HH27" s="295">
        <v>0</v>
      </c>
      <c r="HI27" s="295">
        <v>0</v>
      </c>
      <c r="HJ27" s="295">
        <v>0</v>
      </c>
      <c r="HK27" s="295">
        <v>0</v>
      </c>
      <c r="HL27" s="295">
        <v>0</v>
      </c>
      <c r="HM27" s="298">
        <v>0</v>
      </c>
      <c r="HN27" s="299">
        <v>0</v>
      </c>
      <c r="HO27" s="294">
        <v>0</v>
      </c>
      <c r="HP27" s="295">
        <v>0</v>
      </c>
      <c r="HQ27" s="296">
        <v>0</v>
      </c>
      <c r="HR27" s="297">
        <v>0</v>
      </c>
      <c r="HS27" s="295">
        <v>76715</v>
      </c>
      <c r="HT27" s="295">
        <v>123203</v>
      </c>
      <c r="HU27" s="295">
        <v>710969</v>
      </c>
      <c r="HV27" s="295">
        <v>1246686</v>
      </c>
      <c r="HW27" s="295">
        <v>1152315</v>
      </c>
      <c r="HX27" s="298">
        <v>3309888</v>
      </c>
      <c r="HY27" s="299">
        <v>3309888</v>
      </c>
    </row>
    <row r="28" spans="2:233" ht="16.5" customHeight="1" x14ac:dyDescent="0.2">
      <c r="B28" s="292" t="s">
        <v>25</v>
      </c>
      <c r="C28" s="294">
        <v>0</v>
      </c>
      <c r="D28" s="295">
        <v>0</v>
      </c>
      <c r="E28" s="296">
        <v>0</v>
      </c>
      <c r="F28" s="297">
        <v>0</v>
      </c>
      <c r="G28" s="295">
        <v>37095</v>
      </c>
      <c r="H28" s="295">
        <v>235148</v>
      </c>
      <c r="I28" s="295">
        <v>508810</v>
      </c>
      <c r="J28" s="295">
        <v>756013</v>
      </c>
      <c r="K28" s="295">
        <v>556260</v>
      </c>
      <c r="L28" s="298">
        <v>2093326</v>
      </c>
      <c r="M28" s="299">
        <v>2093326</v>
      </c>
      <c r="N28" s="294">
        <v>0</v>
      </c>
      <c r="O28" s="295">
        <v>0</v>
      </c>
      <c r="P28" s="296">
        <v>0</v>
      </c>
      <c r="Q28" s="300"/>
      <c r="R28" s="295">
        <v>2635</v>
      </c>
      <c r="S28" s="295">
        <v>8670</v>
      </c>
      <c r="T28" s="295">
        <v>449815</v>
      </c>
      <c r="U28" s="295">
        <v>573795</v>
      </c>
      <c r="V28" s="295">
        <v>466055</v>
      </c>
      <c r="W28" s="298">
        <v>1500970</v>
      </c>
      <c r="X28" s="299">
        <v>1500970</v>
      </c>
      <c r="Y28" s="294">
        <v>0</v>
      </c>
      <c r="Z28" s="295">
        <v>0</v>
      </c>
      <c r="AA28" s="296">
        <v>0</v>
      </c>
      <c r="AB28" s="300"/>
      <c r="AC28" s="295">
        <v>24645</v>
      </c>
      <c r="AD28" s="295">
        <v>219940</v>
      </c>
      <c r="AE28" s="295">
        <v>38925</v>
      </c>
      <c r="AF28" s="295">
        <v>180360</v>
      </c>
      <c r="AG28" s="295">
        <v>86645</v>
      </c>
      <c r="AH28" s="298">
        <v>550515</v>
      </c>
      <c r="AI28" s="299">
        <v>550515</v>
      </c>
      <c r="AJ28" s="294">
        <v>0</v>
      </c>
      <c r="AK28" s="295">
        <v>0</v>
      </c>
      <c r="AL28" s="296">
        <v>0</v>
      </c>
      <c r="AM28" s="300"/>
      <c r="AN28" s="295">
        <v>0</v>
      </c>
      <c r="AO28" s="295">
        <v>0</v>
      </c>
      <c r="AP28" s="295">
        <v>0</v>
      </c>
      <c r="AQ28" s="295">
        <v>0</v>
      </c>
      <c r="AR28" s="295">
        <v>0</v>
      </c>
      <c r="AS28" s="298">
        <v>0</v>
      </c>
      <c r="AT28" s="299">
        <v>0</v>
      </c>
      <c r="AU28" s="294">
        <v>0</v>
      </c>
      <c r="AV28" s="295">
        <v>0</v>
      </c>
      <c r="AW28" s="296">
        <v>0</v>
      </c>
      <c r="AX28" s="300"/>
      <c r="AY28" s="295">
        <v>0</v>
      </c>
      <c r="AZ28" s="295">
        <v>0</v>
      </c>
      <c r="BA28" s="295">
        <v>0</v>
      </c>
      <c r="BB28" s="295">
        <v>0</v>
      </c>
      <c r="BC28" s="295">
        <v>0</v>
      </c>
      <c r="BD28" s="298">
        <v>0</v>
      </c>
      <c r="BE28" s="299">
        <v>0</v>
      </c>
      <c r="BF28" s="294">
        <v>0</v>
      </c>
      <c r="BG28" s="295">
        <v>0</v>
      </c>
      <c r="BH28" s="296">
        <v>0</v>
      </c>
      <c r="BI28" s="300"/>
      <c r="BJ28" s="295">
        <v>0</v>
      </c>
      <c r="BK28" s="295">
        <v>0</v>
      </c>
      <c r="BL28" s="295">
        <v>0</v>
      </c>
      <c r="BM28" s="295">
        <v>0</v>
      </c>
      <c r="BN28" s="295">
        <v>0</v>
      </c>
      <c r="BO28" s="298">
        <v>0</v>
      </c>
      <c r="BP28" s="299">
        <v>0</v>
      </c>
      <c r="BQ28" s="294">
        <v>0</v>
      </c>
      <c r="BR28" s="295">
        <v>0</v>
      </c>
      <c r="BS28" s="296">
        <v>0</v>
      </c>
      <c r="BT28" s="297">
        <v>0</v>
      </c>
      <c r="BU28" s="295">
        <v>9815</v>
      </c>
      <c r="BV28" s="295">
        <v>6538</v>
      </c>
      <c r="BW28" s="295">
        <v>20070</v>
      </c>
      <c r="BX28" s="295">
        <v>1858</v>
      </c>
      <c r="BY28" s="295">
        <v>3560</v>
      </c>
      <c r="BZ28" s="298">
        <v>41841</v>
      </c>
      <c r="CA28" s="299">
        <v>41841</v>
      </c>
      <c r="CB28" s="294">
        <v>0</v>
      </c>
      <c r="CC28" s="295">
        <v>0</v>
      </c>
      <c r="CD28" s="296">
        <v>0</v>
      </c>
      <c r="CE28" s="297">
        <v>0</v>
      </c>
      <c r="CF28" s="295">
        <v>0</v>
      </c>
      <c r="CG28" s="295">
        <v>0</v>
      </c>
      <c r="CH28" s="295">
        <v>0</v>
      </c>
      <c r="CI28" s="295">
        <v>0</v>
      </c>
      <c r="CJ28" s="295">
        <v>0</v>
      </c>
      <c r="CK28" s="298">
        <v>0</v>
      </c>
      <c r="CL28" s="299">
        <v>0</v>
      </c>
      <c r="CM28" s="294">
        <v>0</v>
      </c>
      <c r="CN28" s="295">
        <v>0</v>
      </c>
      <c r="CO28" s="296">
        <v>0</v>
      </c>
      <c r="CP28" s="297">
        <v>0</v>
      </c>
      <c r="CQ28" s="295">
        <v>0</v>
      </c>
      <c r="CR28" s="295">
        <v>0</v>
      </c>
      <c r="CS28" s="295">
        <v>0</v>
      </c>
      <c r="CT28" s="295">
        <v>0</v>
      </c>
      <c r="CU28" s="295">
        <v>0</v>
      </c>
      <c r="CV28" s="298">
        <v>0</v>
      </c>
      <c r="CW28" s="299">
        <v>0</v>
      </c>
      <c r="CX28" s="294">
        <v>0</v>
      </c>
      <c r="CY28" s="295">
        <v>0</v>
      </c>
      <c r="CZ28" s="296">
        <v>0</v>
      </c>
      <c r="DA28" s="300"/>
      <c r="DB28" s="295">
        <v>0</v>
      </c>
      <c r="DC28" s="295">
        <v>0</v>
      </c>
      <c r="DD28" s="295">
        <v>0</v>
      </c>
      <c r="DE28" s="295">
        <v>0</v>
      </c>
      <c r="DF28" s="295">
        <v>0</v>
      </c>
      <c r="DG28" s="298">
        <v>0</v>
      </c>
      <c r="DH28" s="299">
        <v>0</v>
      </c>
      <c r="DI28" s="294">
        <v>0</v>
      </c>
      <c r="DJ28" s="295">
        <v>0</v>
      </c>
      <c r="DK28" s="296">
        <v>0</v>
      </c>
      <c r="DL28" s="297">
        <v>0</v>
      </c>
      <c r="DM28" s="295">
        <v>36025</v>
      </c>
      <c r="DN28" s="295">
        <v>112437</v>
      </c>
      <c r="DO28" s="295">
        <v>599260</v>
      </c>
      <c r="DP28" s="295">
        <v>785112</v>
      </c>
      <c r="DQ28" s="295">
        <v>461097</v>
      </c>
      <c r="DR28" s="298">
        <v>1993931</v>
      </c>
      <c r="DS28" s="301">
        <v>1993931</v>
      </c>
      <c r="DT28" s="294">
        <v>0</v>
      </c>
      <c r="DU28" s="295">
        <v>0</v>
      </c>
      <c r="DV28" s="296">
        <v>0</v>
      </c>
      <c r="DW28" s="300"/>
      <c r="DX28" s="295">
        <v>21576</v>
      </c>
      <c r="DY28" s="295">
        <v>64451</v>
      </c>
      <c r="DZ28" s="295">
        <v>567858</v>
      </c>
      <c r="EA28" s="295">
        <v>756237</v>
      </c>
      <c r="EB28" s="295">
        <v>444035</v>
      </c>
      <c r="EC28" s="298">
        <v>1854157</v>
      </c>
      <c r="ED28" s="299">
        <v>1854157</v>
      </c>
      <c r="EE28" s="294">
        <v>0</v>
      </c>
      <c r="EF28" s="295">
        <v>0</v>
      </c>
      <c r="EG28" s="296">
        <v>0</v>
      </c>
      <c r="EH28" s="300"/>
      <c r="EI28" s="295">
        <v>217</v>
      </c>
      <c r="EJ28" s="295">
        <v>36363</v>
      </c>
      <c r="EK28" s="295">
        <v>868</v>
      </c>
      <c r="EL28" s="295">
        <v>24025</v>
      </c>
      <c r="EM28" s="295">
        <v>12338</v>
      </c>
      <c r="EN28" s="298">
        <v>73811</v>
      </c>
      <c r="EO28" s="299">
        <v>73811</v>
      </c>
      <c r="EP28" s="294">
        <v>0</v>
      </c>
      <c r="EQ28" s="295">
        <v>0</v>
      </c>
      <c r="ER28" s="296">
        <v>0</v>
      </c>
      <c r="ES28" s="300"/>
      <c r="ET28" s="295">
        <v>0</v>
      </c>
      <c r="EU28" s="295">
        <v>0</v>
      </c>
      <c r="EV28" s="295">
        <v>0</v>
      </c>
      <c r="EW28" s="295">
        <v>0</v>
      </c>
      <c r="EX28" s="295">
        <v>0</v>
      </c>
      <c r="EY28" s="298">
        <v>0</v>
      </c>
      <c r="EZ28" s="299">
        <v>0</v>
      </c>
      <c r="FA28" s="294">
        <v>0</v>
      </c>
      <c r="FB28" s="295">
        <v>0</v>
      </c>
      <c r="FC28" s="296">
        <v>0</v>
      </c>
      <c r="FD28" s="300"/>
      <c r="FE28" s="295">
        <v>0</v>
      </c>
      <c r="FF28" s="295">
        <v>0</v>
      </c>
      <c r="FG28" s="295">
        <v>0</v>
      </c>
      <c r="FH28" s="295">
        <v>0</v>
      </c>
      <c r="FI28" s="295">
        <v>0</v>
      </c>
      <c r="FJ28" s="298">
        <v>0</v>
      </c>
      <c r="FK28" s="299">
        <v>0</v>
      </c>
      <c r="FL28" s="294">
        <v>0</v>
      </c>
      <c r="FM28" s="295">
        <v>0</v>
      </c>
      <c r="FN28" s="296">
        <v>0</v>
      </c>
      <c r="FO28" s="300"/>
      <c r="FP28" s="295">
        <v>0</v>
      </c>
      <c r="FQ28" s="295">
        <v>0</v>
      </c>
      <c r="FR28" s="295">
        <v>0</v>
      </c>
      <c r="FS28" s="295">
        <v>0</v>
      </c>
      <c r="FT28" s="295">
        <v>0</v>
      </c>
      <c r="FU28" s="298">
        <v>0</v>
      </c>
      <c r="FV28" s="299">
        <v>0</v>
      </c>
      <c r="FW28" s="294">
        <v>0</v>
      </c>
      <c r="FX28" s="295">
        <v>0</v>
      </c>
      <c r="FY28" s="296">
        <v>0</v>
      </c>
      <c r="FZ28" s="297">
        <v>0</v>
      </c>
      <c r="GA28" s="295">
        <v>14232</v>
      </c>
      <c r="GB28" s="295">
        <v>11623</v>
      </c>
      <c r="GC28" s="295">
        <v>30534</v>
      </c>
      <c r="GD28" s="295">
        <v>4850</v>
      </c>
      <c r="GE28" s="295">
        <v>4724</v>
      </c>
      <c r="GF28" s="298">
        <v>65963</v>
      </c>
      <c r="GG28" s="299">
        <v>65963</v>
      </c>
      <c r="GH28" s="294">
        <v>0</v>
      </c>
      <c r="GI28" s="295">
        <v>0</v>
      </c>
      <c r="GJ28" s="296">
        <v>0</v>
      </c>
      <c r="GK28" s="297">
        <v>0</v>
      </c>
      <c r="GL28" s="295">
        <v>0</v>
      </c>
      <c r="GM28" s="295">
        <v>0</v>
      </c>
      <c r="GN28" s="295">
        <v>0</v>
      </c>
      <c r="GO28" s="295">
        <v>0</v>
      </c>
      <c r="GP28" s="295">
        <v>0</v>
      </c>
      <c r="GQ28" s="298">
        <v>0</v>
      </c>
      <c r="GR28" s="299">
        <v>0</v>
      </c>
      <c r="GS28" s="294">
        <v>0</v>
      </c>
      <c r="GT28" s="295">
        <v>0</v>
      </c>
      <c r="GU28" s="296">
        <v>0</v>
      </c>
      <c r="GV28" s="297">
        <v>0</v>
      </c>
      <c r="GW28" s="295">
        <v>0</v>
      </c>
      <c r="GX28" s="295">
        <v>0</v>
      </c>
      <c r="GY28" s="295">
        <v>0</v>
      </c>
      <c r="GZ28" s="295">
        <v>0</v>
      </c>
      <c r="HA28" s="295">
        <v>0</v>
      </c>
      <c r="HB28" s="298">
        <v>0</v>
      </c>
      <c r="HC28" s="299">
        <v>0</v>
      </c>
      <c r="HD28" s="294">
        <v>0</v>
      </c>
      <c r="HE28" s="295">
        <v>0</v>
      </c>
      <c r="HF28" s="296">
        <v>0</v>
      </c>
      <c r="HG28" s="300"/>
      <c r="HH28" s="295">
        <v>0</v>
      </c>
      <c r="HI28" s="295">
        <v>0</v>
      </c>
      <c r="HJ28" s="295">
        <v>0</v>
      </c>
      <c r="HK28" s="295">
        <v>0</v>
      </c>
      <c r="HL28" s="295">
        <v>0</v>
      </c>
      <c r="HM28" s="298">
        <v>0</v>
      </c>
      <c r="HN28" s="299">
        <v>0</v>
      </c>
      <c r="HO28" s="294">
        <v>0</v>
      </c>
      <c r="HP28" s="295">
        <v>0</v>
      </c>
      <c r="HQ28" s="296">
        <v>0</v>
      </c>
      <c r="HR28" s="297">
        <v>0</v>
      </c>
      <c r="HS28" s="295">
        <v>73120</v>
      </c>
      <c r="HT28" s="295">
        <v>347585</v>
      </c>
      <c r="HU28" s="295">
        <v>1108070</v>
      </c>
      <c r="HV28" s="295">
        <v>1541125</v>
      </c>
      <c r="HW28" s="295">
        <v>1017357</v>
      </c>
      <c r="HX28" s="298">
        <v>4087257</v>
      </c>
      <c r="HY28" s="299">
        <v>4087257</v>
      </c>
    </row>
    <row r="29" spans="2:233" ht="16.5" customHeight="1" x14ac:dyDescent="0.2">
      <c r="B29" s="292" t="s">
        <v>26</v>
      </c>
      <c r="C29" s="294">
        <v>0</v>
      </c>
      <c r="D29" s="295">
        <v>2030</v>
      </c>
      <c r="E29" s="296">
        <v>2030</v>
      </c>
      <c r="F29" s="297">
        <v>0</v>
      </c>
      <c r="G29" s="295">
        <v>40208</v>
      </c>
      <c r="H29" s="295">
        <v>182500</v>
      </c>
      <c r="I29" s="295">
        <v>400730</v>
      </c>
      <c r="J29" s="295">
        <v>818690</v>
      </c>
      <c r="K29" s="295">
        <v>289480</v>
      </c>
      <c r="L29" s="298">
        <v>1731608</v>
      </c>
      <c r="M29" s="299">
        <v>1733638</v>
      </c>
      <c r="N29" s="294">
        <v>0</v>
      </c>
      <c r="O29" s="295">
        <v>0</v>
      </c>
      <c r="P29" s="296">
        <v>0</v>
      </c>
      <c r="Q29" s="300"/>
      <c r="R29" s="295">
        <v>0</v>
      </c>
      <c r="S29" s="295">
        <v>36580</v>
      </c>
      <c r="T29" s="295">
        <v>205065</v>
      </c>
      <c r="U29" s="295">
        <v>683215</v>
      </c>
      <c r="V29" s="295">
        <v>247545</v>
      </c>
      <c r="W29" s="298">
        <v>1172405</v>
      </c>
      <c r="X29" s="299">
        <v>1172405</v>
      </c>
      <c r="Y29" s="294">
        <v>0</v>
      </c>
      <c r="Z29" s="295">
        <v>0</v>
      </c>
      <c r="AA29" s="296">
        <v>0</v>
      </c>
      <c r="AB29" s="300"/>
      <c r="AC29" s="295">
        <v>35340</v>
      </c>
      <c r="AD29" s="295">
        <v>121830</v>
      </c>
      <c r="AE29" s="295">
        <v>163525</v>
      </c>
      <c r="AF29" s="295">
        <v>106175</v>
      </c>
      <c r="AG29" s="295">
        <v>34490</v>
      </c>
      <c r="AH29" s="298">
        <v>461360</v>
      </c>
      <c r="AI29" s="299">
        <v>461360</v>
      </c>
      <c r="AJ29" s="294">
        <v>0</v>
      </c>
      <c r="AK29" s="295">
        <v>0</v>
      </c>
      <c r="AL29" s="296">
        <v>0</v>
      </c>
      <c r="AM29" s="300"/>
      <c r="AN29" s="295">
        <v>0</v>
      </c>
      <c r="AO29" s="295">
        <v>0</v>
      </c>
      <c r="AP29" s="295">
        <v>0</v>
      </c>
      <c r="AQ29" s="295">
        <v>0</v>
      </c>
      <c r="AR29" s="295">
        <v>0</v>
      </c>
      <c r="AS29" s="298">
        <v>0</v>
      </c>
      <c r="AT29" s="299">
        <v>0</v>
      </c>
      <c r="AU29" s="294">
        <v>0</v>
      </c>
      <c r="AV29" s="295">
        <v>0</v>
      </c>
      <c r="AW29" s="296">
        <v>0</v>
      </c>
      <c r="AX29" s="300"/>
      <c r="AY29" s="295">
        <v>0</v>
      </c>
      <c r="AZ29" s="295">
        <v>0</v>
      </c>
      <c r="BA29" s="295">
        <v>0</v>
      </c>
      <c r="BB29" s="295">
        <v>0</v>
      </c>
      <c r="BC29" s="295">
        <v>5270</v>
      </c>
      <c r="BD29" s="298">
        <v>5270</v>
      </c>
      <c r="BE29" s="299">
        <v>5270</v>
      </c>
      <c r="BF29" s="294">
        <v>0</v>
      </c>
      <c r="BG29" s="295">
        <v>0</v>
      </c>
      <c r="BH29" s="296">
        <v>0</v>
      </c>
      <c r="BI29" s="300"/>
      <c r="BJ29" s="295">
        <v>0</v>
      </c>
      <c r="BK29" s="295">
        <v>0</v>
      </c>
      <c r="BL29" s="295">
        <v>0</v>
      </c>
      <c r="BM29" s="295">
        <v>0</v>
      </c>
      <c r="BN29" s="295">
        <v>0</v>
      </c>
      <c r="BO29" s="298">
        <v>0</v>
      </c>
      <c r="BP29" s="299">
        <v>0</v>
      </c>
      <c r="BQ29" s="294">
        <v>0</v>
      </c>
      <c r="BR29" s="295">
        <v>2030</v>
      </c>
      <c r="BS29" s="296">
        <v>2030</v>
      </c>
      <c r="BT29" s="297">
        <v>0</v>
      </c>
      <c r="BU29" s="295">
        <v>4868</v>
      </c>
      <c r="BV29" s="295">
        <v>21835</v>
      </c>
      <c r="BW29" s="295">
        <v>32140</v>
      </c>
      <c r="BX29" s="295">
        <v>29055</v>
      </c>
      <c r="BY29" s="295">
        <v>2175</v>
      </c>
      <c r="BZ29" s="298">
        <v>90073</v>
      </c>
      <c r="CA29" s="299">
        <v>92103</v>
      </c>
      <c r="CB29" s="294">
        <v>0</v>
      </c>
      <c r="CC29" s="295">
        <v>0</v>
      </c>
      <c r="CD29" s="296">
        <v>0</v>
      </c>
      <c r="CE29" s="297">
        <v>0</v>
      </c>
      <c r="CF29" s="295">
        <v>0</v>
      </c>
      <c r="CG29" s="295">
        <v>2255</v>
      </c>
      <c r="CH29" s="295">
        <v>0</v>
      </c>
      <c r="CI29" s="295">
        <v>245</v>
      </c>
      <c r="CJ29" s="295">
        <v>0</v>
      </c>
      <c r="CK29" s="298">
        <v>2500</v>
      </c>
      <c r="CL29" s="299">
        <v>2500</v>
      </c>
      <c r="CM29" s="294">
        <v>0</v>
      </c>
      <c r="CN29" s="295">
        <v>0</v>
      </c>
      <c r="CO29" s="296">
        <v>0</v>
      </c>
      <c r="CP29" s="297">
        <v>0</v>
      </c>
      <c r="CQ29" s="295">
        <v>0</v>
      </c>
      <c r="CR29" s="295">
        <v>0</v>
      </c>
      <c r="CS29" s="295">
        <v>0</v>
      </c>
      <c r="CT29" s="295">
        <v>0</v>
      </c>
      <c r="CU29" s="295">
        <v>0</v>
      </c>
      <c r="CV29" s="298">
        <v>0</v>
      </c>
      <c r="CW29" s="299">
        <v>0</v>
      </c>
      <c r="CX29" s="294">
        <v>0</v>
      </c>
      <c r="CY29" s="295">
        <v>0</v>
      </c>
      <c r="CZ29" s="296">
        <v>0</v>
      </c>
      <c r="DA29" s="300"/>
      <c r="DB29" s="295">
        <v>0</v>
      </c>
      <c r="DC29" s="295">
        <v>0</v>
      </c>
      <c r="DD29" s="295">
        <v>0</v>
      </c>
      <c r="DE29" s="295">
        <v>0</v>
      </c>
      <c r="DF29" s="295">
        <v>0</v>
      </c>
      <c r="DG29" s="298">
        <v>0</v>
      </c>
      <c r="DH29" s="299">
        <v>0</v>
      </c>
      <c r="DI29" s="294">
        <v>0</v>
      </c>
      <c r="DJ29" s="295">
        <v>9744</v>
      </c>
      <c r="DK29" s="296">
        <v>9744</v>
      </c>
      <c r="DL29" s="297">
        <v>0</v>
      </c>
      <c r="DM29" s="295">
        <v>4736</v>
      </c>
      <c r="DN29" s="295">
        <v>149698</v>
      </c>
      <c r="DO29" s="295">
        <v>376876</v>
      </c>
      <c r="DP29" s="295">
        <v>853349</v>
      </c>
      <c r="DQ29" s="295">
        <v>393457</v>
      </c>
      <c r="DR29" s="298">
        <v>1778116</v>
      </c>
      <c r="DS29" s="301">
        <v>1787860</v>
      </c>
      <c r="DT29" s="294">
        <v>0</v>
      </c>
      <c r="DU29" s="295">
        <v>0</v>
      </c>
      <c r="DV29" s="296">
        <v>0</v>
      </c>
      <c r="DW29" s="300"/>
      <c r="DX29" s="295">
        <v>0</v>
      </c>
      <c r="DY29" s="295">
        <v>99262</v>
      </c>
      <c r="DZ29" s="295">
        <v>267840</v>
      </c>
      <c r="EA29" s="295">
        <v>795043</v>
      </c>
      <c r="EB29" s="295">
        <v>374600</v>
      </c>
      <c r="EC29" s="298">
        <v>1536745</v>
      </c>
      <c r="ED29" s="299">
        <v>1536745</v>
      </c>
      <c r="EE29" s="294">
        <v>0</v>
      </c>
      <c r="EF29" s="295">
        <v>0</v>
      </c>
      <c r="EG29" s="296">
        <v>0</v>
      </c>
      <c r="EH29" s="300"/>
      <c r="EI29" s="295">
        <v>434</v>
      </c>
      <c r="EJ29" s="295">
        <v>23963</v>
      </c>
      <c r="EK29" s="295">
        <v>49290</v>
      </c>
      <c r="EL29" s="295">
        <v>20979</v>
      </c>
      <c r="EM29" s="295">
        <v>434</v>
      </c>
      <c r="EN29" s="298">
        <v>95100</v>
      </c>
      <c r="EO29" s="299">
        <v>95100</v>
      </c>
      <c r="EP29" s="294">
        <v>0</v>
      </c>
      <c r="EQ29" s="295">
        <v>0</v>
      </c>
      <c r="ER29" s="296">
        <v>0</v>
      </c>
      <c r="ES29" s="300"/>
      <c r="ET29" s="295">
        <v>0</v>
      </c>
      <c r="EU29" s="295">
        <v>0</v>
      </c>
      <c r="EV29" s="295">
        <v>0</v>
      </c>
      <c r="EW29" s="295">
        <v>0</v>
      </c>
      <c r="EX29" s="295">
        <v>0</v>
      </c>
      <c r="EY29" s="298">
        <v>0</v>
      </c>
      <c r="EZ29" s="299">
        <v>0</v>
      </c>
      <c r="FA29" s="294">
        <v>0</v>
      </c>
      <c r="FB29" s="295">
        <v>0</v>
      </c>
      <c r="FC29" s="296">
        <v>0</v>
      </c>
      <c r="FD29" s="300"/>
      <c r="FE29" s="295">
        <v>0</v>
      </c>
      <c r="FF29" s="295">
        <v>0</v>
      </c>
      <c r="FG29" s="295">
        <v>0</v>
      </c>
      <c r="FH29" s="295">
        <v>0</v>
      </c>
      <c r="FI29" s="295">
        <v>434</v>
      </c>
      <c r="FJ29" s="298">
        <v>434</v>
      </c>
      <c r="FK29" s="299">
        <v>434</v>
      </c>
      <c r="FL29" s="294">
        <v>0</v>
      </c>
      <c r="FM29" s="295">
        <v>0</v>
      </c>
      <c r="FN29" s="296">
        <v>0</v>
      </c>
      <c r="FO29" s="300"/>
      <c r="FP29" s="295">
        <v>0</v>
      </c>
      <c r="FQ29" s="295">
        <v>0</v>
      </c>
      <c r="FR29" s="295">
        <v>21576</v>
      </c>
      <c r="FS29" s="295">
        <v>0</v>
      </c>
      <c r="FT29" s="295">
        <v>0</v>
      </c>
      <c r="FU29" s="298">
        <v>21576</v>
      </c>
      <c r="FV29" s="299">
        <v>21576</v>
      </c>
      <c r="FW29" s="294">
        <v>0</v>
      </c>
      <c r="FX29" s="295">
        <v>9744</v>
      </c>
      <c r="FY29" s="296">
        <v>9744</v>
      </c>
      <c r="FZ29" s="297">
        <v>0</v>
      </c>
      <c r="GA29" s="295">
        <v>4302</v>
      </c>
      <c r="GB29" s="295">
        <v>26452</v>
      </c>
      <c r="GC29" s="295">
        <v>38170</v>
      </c>
      <c r="GD29" s="295">
        <v>37306</v>
      </c>
      <c r="GE29" s="295">
        <v>17989</v>
      </c>
      <c r="GF29" s="298">
        <v>124219</v>
      </c>
      <c r="GG29" s="299">
        <v>133963</v>
      </c>
      <c r="GH29" s="294">
        <v>0</v>
      </c>
      <c r="GI29" s="295">
        <v>0</v>
      </c>
      <c r="GJ29" s="296">
        <v>0</v>
      </c>
      <c r="GK29" s="297">
        <v>0</v>
      </c>
      <c r="GL29" s="295">
        <v>0</v>
      </c>
      <c r="GM29" s="295">
        <v>21</v>
      </c>
      <c r="GN29" s="295">
        <v>0</v>
      </c>
      <c r="GO29" s="295">
        <v>21</v>
      </c>
      <c r="GP29" s="295">
        <v>0</v>
      </c>
      <c r="GQ29" s="298">
        <v>42</v>
      </c>
      <c r="GR29" s="299">
        <v>42</v>
      </c>
      <c r="GS29" s="294">
        <v>0</v>
      </c>
      <c r="GT29" s="295">
        <v>0</v>
      </c>
      <c r="GU29" s="296">
        <v>0</v>
      </c>
      <c r="GV29" s="297">
        <v>0</v>
      </c>
      <c r="GW29" s="295">
        <v>0</v>
      </c>
      <c r="GX29" s="295">
        <v>0</v>
      </c>
      <c r="GY29" s="295">
        <v>0</v>
      </c>
      <c r="GZ29" s="295">
        <v>0</v>
      </c>
      <c r="HA29" s="295">
        <v>0</v>
      </c>
      <c r="HB29" s="298">
        <v>0</v>
      </c>
      <c r="HC29" s="299">
        <v>0</v>
      </c>
      <c r="HD29" s="294">
        <v>0</v>
      </c>
      <c r="HE29" s="295">
        <v>0</v>
      </c>
      <c r="HF29" s="296">
        <v>0</v>
      </c>
      <c r="HG29" s="300"/>
      <c r="HH29" s="295">
        <v>0</v>
      </c>
      <c r="HI29" s="295">
        <v>0</v>
      </c>
      <c r="HJ29" s="295">
        <v>0</v>
      </c>
      <c r="HK29" s="295">
        <v>0</v>
      </c>
      <c r="HL29" s="295">
        <v>0</v>
      </c>
      <c r="HM29" s="298">
        <v>0</v>
      </c>
      <c r="HN29" s="299">
        <v>0</v>
      </c>
      <c r="HO29" s="294">
        <v>0</v>
      </c>
      <c r="HP29" s="295">
        <v>11774</v>
      </c>
      <c r="HQ29" s="296">
        <v>11774</v>
      </c>
      <c r="HR29" s="297">
        <v>0</v>
      </c>
      <c r="HS29" s="295">
        <v>44944</v>
      </c>
      <c r="HT29" s="295">
        <v>332198</v>
      </c>
      <c r="HU29" s="295">
        <v>777606</v>
      </c>
      <c r="HV29" s="295">
        <v>1672039</v>
      </c>
      <c r="HW29" s="295">
        <v>682937</v>
      </c>
      <c r="HX29" s="298">
        <v>3509724</v>
      </c>
      <c r="HY29" s="299">
        <v>3521498</v>
      </c>
    </row>
    <row r="30" spans="2:233" ht="16.5" customHeight="1" x14ac:dyDescent="0.2">
      <c r="B30" s="292" t="s">
        <v>27</v>
      </c>
      <c r="C30" s="294">
        <v>0</v>
      </c>
      <c r="D30" s="295">
        <v>0</v>
      </c>
      <c r="E30" s="296">
        <v>0</v>
      </c>
      <c r="F30" s="297">
        <v>0</v>
      </c>
      <c r="G30" s="295">
        <v>73390</v>
      </c>
      <c r="H30" s="295">
        <v>175600</v>
      </c>
      <c r="I30" s="295">
        <v>679180</v>
      </c>
      <c r="J30" s="295">
        <v>569998</v>
      </c>
      <c r="K30" s="295">
        <v>405095</v>
      </c>
      <c r="L30" s="298">
        <v>1903263</v>
      </c>
      <c r="M30" s="299">
        <v>1903263</v>
      </c>
      <c r="N30" s="294">
        <v>0</v>
      </c>
      <c r="O30" s="295">
        <v>0</v>
      </c>
      <c r="P30" s="296">
        <v>0</v>
      </c>
      <c r="Q30" s="300"/>
      <c r="R30" s="295">
        <v>35340</v>
      </c>
      <c r="S30" s="295">
        <v>32705</v>
      </c>
      <c r="T30" s="295">
        <v>415705</v>
      </c>
      <c r="U30" s="295">
        <v>365955</v>
      </c>
      <c r="V30" s="295">
        <v>319790</v>
      </c>
      <c r="W30" s="298">
        <v>1169495</v>
      </c>
      <c r="X30" s="299">
        <v>1169495</v>
      </c>
      <c r="Y30" s="294">
        <v>0</v>
      </c>
      <c r="Z30" s="295">
        <v>0</v>
      </c>
      <c r="AA30" s="296">
        <v>0</v>
      </c>
      <c r="AB30" s="300"/>
      <c r="AC30" s="295">
        <v>32550</v>
      </c>
      <c r="AD30" s="295">
        <v>130045</v>
      </c>
      <c r="AE30" s="295">
        <v>130665</v>
      </c>
      <c r="AF30" s="295">
        <v>128030</v>
      </c>
      <c r="AG30" s="295">
        <v>35340</v>
      </c>
      <c r="AH30" s="298">
        <v>456630</v>
      </c>
      <c r="AI30" s="299">
        <v>456630</v>
      </c>
      <c r="AJ30" s="294">
        <v>0</v>
      </c>
      <c r="AK30" s="295">
        <v>0</v>
      </c>
      <c r="AL30" s="296">
        <v>0</v>
      </c>
      <c r="AM30" s="300"/>
      <c r="AN30" s="295">
        <v>0</v>
      </c>
      <c r="AO30" s="295">
        <v>0</v>
      </c>
      <c r="AP30" s="295">
        <v>0</v>
      </c>
      <c r="AQ30" s="295">
        <v>0</v>
      </c>
      <c r="AR30" s="295">
        <v>0</v>
      </c>
      <c r="AS30" s="298">
        <v>0</v>
      </c>
      <c r="AT30" s="299">
        <v>0</v>
      </c>
      <c r="AU30" s="294">
        <v>0</v>
      </c>
      <c r="AV30" s="295">
        <v>0</v>
      </c>
      <c r="AW30" s="296">
        <v>0</v>
      </c>
      <c r="AX30" s="300"/>
      <c r="AY30" s="295">
        <v>0</v>
      </c>
      <c r="AZ30" s="295">
        <v>0</v>
      </c>
      <c r="BA30" s="295">
        <v>0</v>
      </c>
      <c r="BB30" s="295">
        <v>0</v>
      </c>
      <c r="BC30" s="295">
        <v>0</v>
      </c>
      <c r="BD30" s="298">
        <v>0</v>
      </c>
      <c r="BE30" s="299">
        <v>0</v>
      </c>
      <c r="BF30" s="294">
        <v>0</v>
      </c>
      <c r="BG30" s="295">
        <v>0</v>
      </c>
      <c r="BH30" s="296">
        <v>0</v>
      </c>
      <c r="BI30" s="300"/>
      <c r="BJ30" s="295">
        <v>0</v>
      </c>
      <c r="BK30" s="295">
        <v>0</v>
      </c>
      <c r="BL30" s="295">
        <v>62620</v>
      </c>
      <c r="BM30" s="295">
        <v>5270</v>
      </c>
      <c r="BN30" s="295">
        <v>0</v>
      </c>
      <c r="BO30" s="298">
        <v>67890</v>
      </c>
      <c r="BP30" s="299">
        <v>67890</v>
      </c>
      <c r="BQ30" s="294">
        <v>0</v>
      </c>
      <c r="BR30" s="295">
        <v>0</v>
      </c>
      <c r="BS30" s="296">
        <v>0</v>
      </c>
      <c r="BT30" s="297">
        <v>0</v>
      </c>
      <c r="BU30" s="295">
        <v>5500</v>
      </c>
      <c r="BV30" s="295">
        <v>12850</v>
      </c>
      <c r="BW30" s="295">
        <v>70190</v>
      </c>
      <c r="BX30" s="295">
        <v>70018</v>
      </c>
      <c r="BY30" s="295">
        <v>49965</v>
      </c>
      <c r="BZ30" s="298">
        <v>208523</v>
      </c>
      <c r="CA30" s="299">
        <v>208523</v>
      </c>
      <c r="CB30" s="294">
        <v>0</v>
      </c>
      <c r="CC30" s="295">
        <v>0</v>
      </c>
      <c r="CD30" s="296">
        <v>0</v>
      </c>
      <c r="CE30" s="297">
        <v>0</v>
      </c>
      <c r="CF30" s="295">
        <v>0</v>
      </c>
      <c r="CG30" s="295">
        <v>0</v>
      </c>
      <c r="CH30" s="295">
        <v>0</v>
      </c>
      <c r="CI30" s="295">
        <v>725</v>
      </c>
      <c r="CJ30" s="295">
        <v>0</v>
      </c>
      <c r="CK30" s="298">
        <v>725</v>
      </c>
      <c r="CL30" s="299">
        <v>725</v>
      </c>
      <c r="CM30" s="294">
        <v>0</v>
      </c>
      <c r="CN30" s="295">
        <v>0</v>
      </c>
      <c r="CO30" s="296">
        <v>0</v>
      </c>
      <c r="CP30" s="297">
        <v>0</v>
      </c>
      <c r="CQ30" s="295">
        <v>0</v>
      </c>
      <c r="CR30" s="295">
        <v>0</v>
      </c>
      <c r="CS30" s="295">
        <v>0</v>
      </c>
      <c r="CT30" s="295">
        <v>0</v>
      </c>
      <c r="CU30" s="295">
        <v>0</v>
      </c>
      <c r="CV30" s="298">
        <v>0</v>
      </c>
      <c r="CW30" s="299">
        <v>0</v>
      </c>
      <c r="CX30" s="294">
        <v>0</v>
      </c>
      <c r="CY30" s="295">
        <v>0</v>
      </c>
      <c r="CZ30" s="296">
        <v>0</v>
      </c>
      <c r="DA30" s="300"/>
      <c r="DB30" s="295">
        <v>0</v>
      </c>
      <c r="DC30" s="295">
        <v>0</v>
      </c>
      <c r="DD30" s="295">
        <v>0</v>
      </c>
      <c r="DE30" s="295">
        <v>0</v>
      </c>
      <c r="DF30" s="295">
        <v>0</v>
      </c>
      <c r="DG30" s="298">
        <v>0</v>
      </c>
      <c r="DH30" s="299">
        <v>0</v>
      </c>
      <c r="DI30" s="294">
        <v>0</v>
      </c>
      <c r="DJ30" s="295">
        <v>0</v>
      </c>
      <c r="DK30" s="296">
        <v>0</v>
      </c>
      <c r="DL30" s="297">
        <v>0</v>
      </c>
      <c r="DM30" s="295">
        <v>63937</v>
      </c>
      <c r="DN30" s="295">
        <v>112146</v>
      </c>
      <c r="DO30" s="295">
        <v>663957</v>
      </c>
      <c r="DP30" s="295">
        <v>599352</v>
      </c>
      <c r="DQ30" s="295">
        <v>389727</v>
      </c>
      <c r="DR30" s="298">
        <v>1829119</v>
      </c>
      <c r="DS30" s="301">
        <v>1829119</v>
      </c>
      <c r="DT30" s="294">
        <v>0</v>
      </c>
      <c r="DU30" s="295">
        <v>0</v>
      </c>
      <c r="DV30" s="296">
        <v>0</v>
      </c>
      <c r="DW30" s="300"/>
      <c r="DX30" s="295">
        <v>30070</v>
      </c>
      <c r="DY30" s="295">
        <v>15035</v>
      </c>
      <c r="DZ30" s="295">
        <v>384000</v>
      </c>
      <c r="EA30" s="295">
        <v>441781</v>
      </c>
      <c r="EB30" s="295">
        <v>353888</v>
      </c>
      <c r="EC30" s="298">
        <v>1224774</v>
      </c>
      <c r="ED30" s="299">
        <v>1224774</v>
      </c>
      <c r="EE30" s="294">
        <v>0</v>
      </c>
      <c r="EF30" s="295">
        <v>0</v>
      </c>
      <c r="EG30" s="296">
        <v>0</v>
      </c>
      <c r="EH30" s="300"/>
      <c r="EI30" s="295">
        <v>22227</v>
      </c>
      <c r="EJ30" s="295">
        <v>85439</v>
      </c>
      <c r="EK30" s="295">
        <v>81189</v>
      </c>
      <c r="EL30" s="295">
        <v>37603</v>
      </c>
      <c r="EM30" s="295">
        <v>434</v>
      </c>
      <c r="EN30" s="298">
        <v>226892</v>
      </c>
      <c r="EO30" s="299">
        <v>226892</v>
      </c>
      <c r="EP30" s="294">
        <v>0</v>
      </c>
      <c r="EQ30" s="295">
        <v>0</v>
      </c>
      <c r="ER30" s="296">
        <v>0</v>
      </c>
      <c r="ES30" s="300"/>
      <c r="ET30" s="295">
        <v>0</v>
      </c>
      <c r="EU30" s="295">
        <v>0</v>
      </c>
      <c r="EV30" s="295">
        <v>0</v>
      </c>
      <c r="EW30" s="295">
        <v>0</v>
      </c>
      <c r="EX30" s="295">
        <v>0</v>
      </c>
      <c r="EY30" s="298">
        <v>0</v>
      </c>
      <c r="EZ30" s="299">
        <v>0</v>
      </c>
      <c r="FA30" s="294">
        <v>0</v>
      </c>
      <c r="FB30" s="295">
        <v>0</v>
      </c>
      <c r="FC30" s="296">
        <v>0</v>
      </c>
      <c r="FD30" s="300"/>
      <c r="FE30" s="295">
        <v>0</v>
      </c>
      <c r="FF30" s="295">
        <v>0</v>
      </c>
      <c r="FG30" s="295">
        <v>0</v>
      </c>
      <c r="FH30" s="295">
        <v>210</v>
      </c>
      <c r="FI30" s="295">
        <v>0</v>
      </c>
      <c r="FJ30" s="298">
        <v>210</v>
      </c>
      <c r="FK30" s="299">
        <v>210</v>
      </c>
      <c r="FL30" s="294">
        <v>0</v>
      </c>
      <c r="FM30" s="295">
        <v>0</v>
      </c>
      <c r="FN30" s="296">
        <v>0</v>
      </c>
      <c r="FO30" s="300"/>
      <c r="FP30" s="295">
        <v>0</v>
      </c>
      <c r="FQ30" s="295">
        <v>0</v>
      </c>
      <c r="FR30" s="295">
        <v>101494</v>
      </c>
      <c r="FS30" s="295">
        <v>64728</v>
      </c>
      <c r="FT30" s="295">
        <v>0</v>
      </c>
      <c r="FU30" s="298">
        <v>166222</v>
      </c>
      <c r="FV30" s="299">
        <v>166222</v>
      </c>
      <c r="FW30" s="294">
        <v>0</v>
      </c>
      <c r="FX30" s="295">
        <v>0</v>
      </c>
      <c r="FY30" s="296">
        <v>0</v>
      </c>
      <c r="FZ30" s="297">
        <v>0</v>
      </c>
      <c r="GA30" s="295">
        <v>11640</v>
      </c>
      <c r="GB30" s="295">
        <v>11672</v>
      </c>
      <c r="GC30" s="295">
        <v>97274</v>
      </c>
      <c r="GD30" s="295">
        <v>52882</v>
      </c>
      <c r="GE30" s="295">
        <v>35405</v>
      </c>
      <c r="GF30" s="298">
        <v>208873</v>
      </c>
      <c r="GG30" s="299">
        <v>208873</v>
      </c>
      <c r="GH30" s="294">
        <v>0</v>
      </c>
      <c r="GI30" s="295">
        <v>0</v>
      </c>
      <c r="GJ30" s="296">
        <v>0</v>
      </c>
      <c r="GK30" s="297">
        <v>0</v>
      </c>
      <c r="GL30" s="295">
        <v>0</v>
      </c>
      <c r="GM30" s="295">
        <v>0</v>
      </c>
      <c r="GN30" s="295">
        <v>0</v>
      </c>
      <c r="GO30" s="295">
        <v>2148</v>
      </c>
      <c r="GP30" s="295">
        <v>0</v>
      </c>
      <c r="GQ30" s="298">
        <v>2148</v>
      </c>
      <c r="GR30" s="299">
        <v>2148</v>
      </c>
      <c r="GS30" s="294">
        <v>0</v>
      </c>
      <c r="GT30" s="295">
        <v>0</v>
      </c>
      <c r="GU30" s="296">
        <v>0</v>
      </c>
      <c r="GV30" s="297">
        <v>0</v>
      </c>
      <c r="GW30" s="295">
        <v>0</v>
      </c>
      <c r="GX30" s="295">
        <v>0</v>
      </c>
      <c r="GY30" s="295">
        <v>0</v>
      </c>
      <c r="GZ30" s="295">
        <v>0</v>
      </c>
      <c r="HA30" s="295">
        <v>0</v>
      </c>
      <c r="HB30" s="298">
        <v>0</v>
      </c>
      <c r="HC30" s="299">
        <v>0</v>
      </c>
      <c r="HD30" s="294">
        <v>0</v>
      </c>
      <c r="HE30" s="295">
        <v>0</v>
      </c>
      <c r="HF30" s="296">
        <v>0</v>
      </c>
      <c r="HG30" s="300"/>
      <c r="HH30" s="295">
        <v>0</v>
      </c>
      <c r="HI30" s="295">
        <v>0</v>
      </c>
      <c r="HJ30" s="295">
        <v>0</v>
      </c>
      <c r="HK30" s="295">
        <v>0</v>
      </c>
      <c r="HL30" s="295">
        <v>0</v>
      </c>
      <c r="HM30" s="298">
        <v>0</v>
      </c>
      <c r="HN30" s="299">
        <v>0</v>
      </c>
      <c r="HO30" s="294">
        <v>0</v>
      </c>
      <c r="HP30" s="295">
        <v>0</v>
      </c>
      <c r="HQ30" s="296">
        <v>0</v>
      </c>
      <c r="HR30" s="297">
        <v>0</v>
      </c>
      <c r="HS30" s="295">
        <v>137327</v>
      </c>
      <c r="HT30" s="295">
        <v>287746</v>
      </c>
      <c r="HU30" s="295">
        <v>1343137</v>
      </c>
      <c r="HV30" s="295">
        <v>1169350</v>
      </c>
      <c r="HW30" s="295">
        <v>794822</v>
      </c>
      <c r="HX30" s="298">
        <v>3732382</v>
      </c>
      <c r="HY30" s="299">
        <v>3732382</v>
      </c>
    </row>
    <row r="31" spans="2:233" ht="16.5" customHeight="1" x14ac:dyDescent="0.2">
      <c r="B31" s="292" t="s">
        <v>28</v>
      </c>
      <c r="C31" s="294">
        <v>0</v>
      </c>
      <c r="D31" s="295">
        <v>0</v>
      </c>
      <c r="E31" s="296">
        <v>0</v>
      </c>
      <c r="F31" s="297">
        <v>0</v>
      </c>
      <c r="G31" s="295">
        <v>0</v>
      </c>
      <c r="H31" s="295">
        <v>33325</v>
      </c>
      <c r="I31" s="295">
        <v>227475</v>
      </c>
      <c r="J31" s="295">
        <v>164639</v>
      </c>
      <c r="K31" s="295">
        <v>118885</v>
      </c>
      <c r="L31" s="298">
        <v>544324</v>
      </c>
      <c r="M31" s="299">
        <v>544324</v>
      </c>
      <c r="N31" s="294">
        <v>0</v>
      </c>
      <c r="O31" s="295">
        <v>0</v>
      </c>
      <c r="P31" s="296">
        <v>0</v>
      </c>
      <c r="Q31" s="300"/>
      <c r="R31" s="295">
        <v>0</v>
      </c>
      <c r="S31" s="295">
        <v>30690</v>
      </c>
      <c r="T31" s="295">
        <v>160270</v>
      </c>
      <c r="U31" s="295">
        <v>84320</v>
      </c>
      <c r="V31" s="295">
        <v>94240</v>
      </c>
      <c r="W31" s="298">
        <v>369520</v>
      </c>
      <c r="X31" s="299">
        <v>369520</v>
      </c>
      <c r="Y31" s="294">
        <v>0</v>
      </c>
      <c r="Z31" s="295">
        <v>0</v>
      </c>
      <c r="AA31" s="296">
        <v>0</v>
      </c>
      <c r="AB31" s="300"/>
      <c r="AC31" s="295">
        <v>0</v>
      </c>
      <c r="AD31" s="295">
        <v>2635</v>
      </c>
      <c r="AE31" s="295">
        <v>57350</v>
      </c>
      <c r="AF31" s="295">
        <v>24645</v>
      </c>
      <c r="AG31" s="295">
        <v>24645</v>
      </c>
      <c r="AH31" s="298">
        <v>109275</v>
      </c>
      <c r="AI31" s="299">
        <v>109275</v>
      </c>
      <c r="AJ31" s="294">
        <v>0</v>
      </c>
      <c r="AK31" s="295">
        <v>0</v>
      </c>
      <c r="AL31" s="296">
        <v>0</v>
      </c>
      <c r="AM31" s="300"/>
      <c r="AN31" s="295">
        <v>0</v>
      </c>
      <c r="AO31" s="295">
        <v>0</v>
      </c>
      <c r="AP31" s="295">
        <v>0</v>
      </c>
      <c r="AQ31" s="295">
        <v>0</v>
      </c>
      <c r="AR31" s="295">
        <v>0</v>
      </c>
      <c r="AS31" s="298">
        <v>0</v>
      </c>
      <c r="AT31" s="299">
        <v>0</v>
      </c>
      <c r="AU31" s="294">
        <v>0</v>
      </c>
      <c r="AV31" s="295">
        <v>0</v>
      </c>
      <c r="AW31" s="296">
        <v>0</v>
      </c>
      <c r="AX31" s="300"/>
      <c r="AY31" s="295">
        <v>0</v>
      </c>
      <c r="AZ31" s="295">
        <v>0</v>
      </c>
      <c r="BA31" s="295">
        <v>0</v>
      </c>
      <c r="BB31" s="295">
        <v>0</v>
      </c>
      <c r="BC31" s="295">
        <v>0</v>
      </c>
      <c r="BD31" s="298">
        <v>0</v>
      </c>
      <c r="BE31" s="299">
        <v>0</v>
      </c>
      <c r="BF31" s="294">
        <v>0</v>
      </c>
      <c r="BG31" s="295">
        <v>0</v>
      </c>
      <c r="BH31" s="296">
        <v>0</v>
      </c>
      <c r="BI31" s="300"/>
      <c r="BJ31" s="295">
        <v>0</v>
      </c>
      <c r="BK31" s="295">
        <v>0</v>
      </c>
      <c r="BL31" s="295">
        <v>2635</v>
      </c>
      <c r="BM31" s="295">
        <v>0</v>
      </c>
      <c r="BN31" s="295">
        <v>0</v>
      </c>
      <c r="BO31" s="298">
        <v>2635</v>
      </c>
      <c r="BP31" s="299">
        <v>2635</v>
      </c>
      <c r="BQ31" s="294">
        <v>0</v>
      </c>
      <c r="BR31" s="295">
        <v>0</v>
      </c>
      <c r="BS31" s="296">
        <v>0</v>
      </c>
      <c r="BT31" s="297">
        <v>0</v>
      </c>
      <c r="BU31" s="295">
        <v>0</v>
      </c>
      <c r="BV31" s="295">
        <v>0</v>
      </c>
      <c r="BW31" s="295">
        <v>7220</v>
      </c>
      <c r="BX31" s="295">
        <v>55674</v>
      </c>
      <c r="BY31" s="295">
        <v>0</v>
      </c>
      <c r="BZ31" s="298">
        <v>62894</v>
      </c>
      <c r="CA31" s="299">
        <v>62894</v>
      </c>
      <c r="CB31" s="294">
        <v>0</v>
      </c>
      <c r="CC31" s="295">
        <v>0</v>
      </c>
      <c r="CD31" s="296">
        <v>0</v>
      </c>
      <c r="CE31" s="297">
        <v>0</v>
      </c>
      <c r="CF31" s="295">
        <v>0</v>
      </c>
      <c r="CG31" s="295">
        <v>0</v>
      </c>
      <c r="CH31" s="295">
        <v>0</v>
      </c>
      <c r="CI31" s="295">
        <v>0</v>
      </c>
      <c r="CJ31" s="295">
        <v>0</v>
      </c>
      <c r="CK31" s="298">
        <v>0</v>
      </c>
      <c r="CL31" s="299">
        <v>0</v>
      </c>
      <c r="CM31" s="294">
        <v>0</v>
      </c>
      <c r="CN31" s="295">
        <v>0</v>
      </c>
      <c r="CO31" s="296">
        <v>0</v>
      </c>
      <c r="CP31" s="297">
        <v>0</v>
      </c>
      <c r="CQ31" s="295">
        <v>0</v>
      </c>
      <c r="CR31" s="295">
        <v>0</v>
      </c>
      <c r="CS31" s="295">
        <v>0</v>
      </c>
      <c r="CT31" s="295">
        <v>0</v>
      </c>
      <c r="CU31" s="295">
        <v>0</v>
      </c>
      <c r="CV31" s="298">
        <v>0</v>
      </c>
      <c r="CW31" s="299">
        <v>0</v>
      </c>
      <c r="CX31" s="294">
        <v>0</v>
      </c>
      <c r="CY31" s="295">
        <v>0</v>
      </c>
      <c r="CZ31" s="296">
        <v>0</v>
      </c>
      <c r="DA31" s="300"/>
      <c r="DB31" s="295">
        <v>0</v>
      </c>
      <c r="DC31" s="295">
        <v>0</v>
      </c>
      <c r="DD31" s="295">
        <v>0</v>
      </c>
      <c r="DE31" s="295">
        <v>0</v>
      </c>
      <c r="DF31" s="295">
        <v>0</v>
      </c>
      <c r="DG31" s="298">
        <v>0</v>
      </c>
      <c r="DH31" s="299">
        <v>0</v>
      </c>
      <c r="DI31" s="294">
        <v>0</v>
      </c>
      <c r="DJ31" s="295">
        <v>0</v>
      </c>
      <c r="DK31" s="296">
        <v>0</v>
      </c>
      <c r="DL31" s="297">
        <v>0</v>
      </c>
      <c r="DM31" s="295">
        <v>0</v>
      </c>
      <c r="DN31" s="295">
        <v>36146</v>
      </c>
      <c r="DO31" s="295">
        <v>150901</v>
      </c>
      <c r="DP31" s="295">
        <v>196406</v>
      </c>
      <c r="DQ31" s="295">
        <v>82367</v>
      </c>
      <c r="DR31" s="298">
        <v>465820</v>
      </c>
      <c r="DS31" s="301">
        <v>465820</v>
      </c>
      <c r="DT31" s="294">
        <v>0</v>
      </c>
      <c r="DU31" s="295">
        <v>0</v>
      </c>
      <c r="DV31" s="296">
        <v>0</v>
      </c>
      <c r="DW31" s="300"/>
      <c r="DX31" s="295">
        <v>0</v>
      </c>
      <c r="DY31" s="295">
        <v>14570</v>
      </c>
      <c r="DZ31" s="295">
        <v>115041</v>
      </c>
      <c r="EA31" s="295">
        <v>147870</v>
      </c>
      <c r="EB31" s="295">
        <v>82150</v>
      </c>
      <c r="EC31" s="298">
        <v>359631</v>
      </c>
      <c r="ED31" s="299">
        <v>359631</v>
      </c>
      <c r="EE31" s="294">
        <v>0</v>
      </c>
      <c r="EF31" s="295">
        <v>0</v>
      </c>
      <c r="EG31" s="296">
        <v>0</v>
      </c>
      <c r="EH31" s="300"/>
      <c r="EI31" s="295">
        <v>0</v>
      </c>
      <c r="EJ31" s="295">
        <v>21576</v>
      </c>
      <c r="EK31" s="295">
        <v>434</v>
      </c>
      <c r="EL31" s="295">
        <v>11098</v>
      </c>
      <c r="EM31" s="295">
        <v>217</v>
      </c>
      <c r="EN31" s="298">
        <v>33325</v>
      </c>
      <c r="EO31" s="299">
        <v>33325</v>
      </c>
      <c r="EP31" s="294">
        <v>0</v>
      </c>
      <c r="EQ31" s="295">
        <v>0</v>
      </c>
      <c r="ER31" s="296">
        <v>0</v>
      </c>
      <c r="ES31" s="300"/>
      <c r="ET31" s="295">
        <v>0</v>
      </c>
      <c r="EU31" s="295">
        <v>0</v>
      </c>
      <c r="EV31" s="295">
        <v>0</v>
      </c>
      <c r="EW31" s="295">
        <v>0</v>
      </c>
      <c r="EX31" s="295">
        <v>0</v>
      </c>
      <c r="EY31" s="298">
        <v>0</v>
      </c>
      <c r="EZ31" s="299">
        <v>0</v>
      </c>
      <c r="FA31" s="294">
        <v>0</v>
      </c>
      <c r="FB31" s="295">
        <v>0</v>
      </c>
      <c r="FC31" s="296">
        <v>0</v>
      </c>
      <c r="FD31" s="300"/>
      <c r="FE31" s="295">
        <v>0</v>
      </c>
      <c r="FF31" s="295">
        <v>0</v>
      </c>
      <c r="FG31" s="295">
        <v>0</v>
      </c>
      <c r="FH31" s="295">
        <v>0</v>
      </c>
      <c r="FI31" s="295">
        <v>0</v>
      </c>
      <c r="FJ31" s="298">
        <v>0</v>
      </c>
      <c r="FK31" s="299">
        <v>0</v>
      </c>
      <c r="FL31" s="294">
        <v>0</v>
      </c>
      <c r="FM31" s="295">
        <v>0</v>
      </c>
      <c r="FN31" s="296">
        <v>0</v>
      </c>
      <c r="FO31" s="300"/>
      <c r="FP31" s="295">
        <v>0</v>
      </c>
      <c r="FQ31" s="295">
        <v>0</v>
      </c>
      <c r="FR31" s="295">
        <v>21576</v>
      </c>
      <c r="FS31" s="295">
        <v>0</v>
      </c>
      <c r="FT31" s="295">
        <v>0</v>
      </c>
      <c r="FU31" s="298">
        <v>21576</v>
      </c>
      <c r="FV31" s="299">
        <v>21576</v>
      </c>
      <c r="FW31" s="294">
        <v>0</v>
      </c>
      <c r="FX31" s="295">
        <v>0</v>
      </c>
      <c r="FY31" s="296">
        <v>0</v>
      </c>
      <c r="FZ31" s="297">
        <v>0</v>
      </c>
      <c r="GA31" s="295">
        <v>0</v>
      </c>
      <c r="GB31" s="295">
        <v>0</v>
      </c>
      <c r="GC31" s="295">
        <v>13850</v>
      </c>
      <c r="GD31" s="295">
        <v>37438</v>
      </c>
      <c r="GE31" s="295">
        <v>0</v>
      </c>
      <c r="GF31" s="298">
        <v>51288</v>
      </c>
      <c r="GG31" s="299">
        <v>51288</v>
      </c>
      <c r="GH31" s="294">
        <v>0</v>
      </c>
      <c r="GI31" s="295">
        <v>0</v>
      </c>
      <c r="GJ31" s="296">
        <v>0</v>
      </c>
      <c r="GK31" s="297">
        <v>0</v>
      </c>
      <c r="GL31" s="295">
        <v>0</v>
      </c>
      <c r="GM31" s="295">
        <v>0</v>
      </c>
      <c r="GN31" s="295">
        <v>0</v>
      </c>
      <c r="GO31" s="295">
        <v>0</v>
      </c>
      <c r="GP31" s="295">
        <v>0</v>
      </c>
      <c r="GQ31" s="298">
        <v>0</v>
      </c>
      <c r="GR31" s="299">
        <v>0</v>
      </c>
      <c r="GS31" s="294">
        <v>0</v>
      </c>
      <c r="GT31" s="295">
        <v>0</v>
      </c>
      <c r="GU31" s="296">
        <v>0</v>
      </c>
      <c r="GV31" s="297">
        <v>0</v>
      </c>
      <c r="GW31" s="295">
        <v>0</v>
      </c>
      <c r="GX31" s="295">
        <v>0</v>
      </c>
      <c r="GY31" s="295">
        <v>0</v>
      </c>
      <c r="GZ31" s="295">
        <v>0</v>
      </c>
      <c r="HA31" s="295">
        <v>0</v>
      </c>
      <c r="HB31" s="298">
        <v>0</v>
      </c>
      <c r="HC31" s="299">
        <v>0</v>
      </c>
      <c r="HD31" s="294">
        <v>0</v>
      </c>
      <c r="HE31" s="295">
        <v>0</v>
      </c>
      <c r="HF31" s="296">
        <v>0</v>
      </c>
      <c r="HG31" s="300"/>
      <c r="HH31" s="295">
        <v>0</v>
      </c>
      <c r="HI31" s="295">
        <v>0</v>
      </c>
      <c r="HJ31" s="295">
        <v>0</v>
      </c>
      <c r="HK31" s="295">
        <v>0</v>
      </c>
      <c r="HL31" s="295">
        <v>0</v>
      </c>
      <c r="HM31" s="298">
        <v>0</v>
      </c>
      <c r="HN31" s="299">
        <v>0</v>
      </c>
      <c r="HO31" s="294">
        <v>0</v>
      </c>
      <c r="HP31" s="295">
        <v>0</v>
      </c>
      <c r="HQ31" s="296">
        <v>0</v>
      </c>
      <c r="HR31" s="297">
        <v>0</v>
      </c>
      <c r="HS31" s="295">
        <v>0</v>
      </c>
      <c r="HT31" s="295">
        <v>69471</v>
      </c>
      <c r="HU31" s="295">
        <v>378376</v>
      </c>
      <c r="HV31" s="295">
        <v>361045</v>
      </c>
      <c r="HW31" s="295">
        <v>201252</v>
      </c>
      <c r="HX31" s="298">
        <v>1010144</v>
      </c>
      <c r="HY31" s="299">
        <v>1010144</v>
      </c>
    </row>
    <row r="32" spans="2:233" ht="16.5" customHeight="1" x14ac:dyDescent="0.2">
      <c r="B32" s="292" t="s">
        <v>29</v>
      </c>
      <c r="C32" s="294">
        <v>0</v>
      </c>
      <c r="D32" s="295">
        <v>0</v>
      </c>
      <c r="E32" s="296">
        <v>0</v>
      </c>
      <c r="F32" s="297">
        <v>0</v>
      </c>
      <c r="G32" s="295">
        <v>2635</v>
      </c>
      <c r="H32" s="295">
        <v>104455</v>
      </c>
      <c r="I32" s="295">
        <v>225047</v>
      </c>
      <c r="J32" s="295">
        <v>457897</v>
      </c>
      <c r="K32" s="295">
        <v>253915</v>
      </c>
      <c r="L32" s="298">
        <v>1043949</v>
      </c>
      <c r="M32" s="299">
        <v>1043949</v>
      </c>
      <c r="N32" s="294">
        <v>0</v>
      </c>
      <c r="O32" s="295">
        <v>0</v>
      </c>
      <c r="P32" s="296">
        <v>0</v>
      </c>
      <c r="Q32" s="300"/>
      <c r="R32" s="295">
        <v>0</v>
      </c>
      <c r="S32" s="295">
        <v>35495</v>
      </c>
      <c r="T32" s="295">
        <v>122760</v>
      </c>
      <c r="U32" s="295">
        <v>273235</v>
      </c>
      <c r="V32" s="295">
        <v>166160</v>
      </c>
      <c r="W32" s="298">
        <v>597650</v>
      </c>
      <c r="X32" s="299">
        <v>597650</v>
      </c>
      <c r="Y32" s="294">
        <v>0</v>
      </c>
      <c r="Z32" s="295">
        <v>0</v>
      </c>
      <c r="AA32" s="296">
        <v>0</v>
      </c>
      <c r="AB32" s="300"/>
      <c r="AC32" s="295">
        <v>2635</v>
      </c>
      <c r="AD32" s="295">
        <v>51925</v>
      </c>
      <c r="AE32" s="295">
        <v>51925</v>
      </c>
      <c r="AF32" s="295">
        <v>59985</v>
      </c>
      <c r="AG32" s="295">
        <v>4165</v>
      </c>
      <c r="AH32" s="298">
        <v>170635</v>
      </c>
      <c r="AI32" s="299">
        <v>170635</v>
      </c>
      <c r="AJ32" s="294">
        <v>0</v>
      </c>
      <c r="AK32" s="295">
        <v>0</v>
      </c>
      <c r="AL32" s="296">
        <v>0</v>
      </c>
      <c r="AM32" s="300"/>
      <c r="AN32" s="295">
        <v>0</v>
      </c>
      <c r="AO32" s="295">
        <v>0</v>
      </c>
      <c r="AP32" s="295">
        <v>0</v>
      </c>
      <c r="AQ32" s="295">
        <v>0</v>
      </c>
      <c r="AR32" s="295">
        <v>0</v>
      </c>
      <c r="AS32" s="298">
        <v>0</v>
      </c>
      <c r="AT32" s="299">
        <v>0</v>
      </c>
      <c r="AU32" s="294">
        <v>0</v>
      </c>
      <c r="AV32" s="295">
        <v>0</v>
      </c>
      <c r="AW32" s="296">
        <v>0</v>
      </c>
      <c r="AX32" s="300"/>
      <c r="AY32" s="295">
        <v>0</v>
      </c>
      <c r="AZ32" s="295">
        <v>0</v>
      </c>
      <c r="BA32" s="295">
        <v>0</v>
      </c>
      <c r="BB32" s="295">
        <v>0</v>
      </c>
      <c r="BC32" s="295">
        <v>0</v>
      </c>
      <c r="BD32" s="298">
        <v>0</v>
      </c>
      <c r="BE32" s="299">
        <v>0</v>
      </c>
      <c r="BF32" s="294">
        <v>0</v>
      </c>
      <c r="BG32" s="295">
        <v>0</v>
      </c>
      <c r="BH32" s="296">
        <v>0</v>
      </c>
      <c r="BI32" s="300"/>
      <c r="BJ32" s="295">
        <v>0</v>
      </c>
      <c r="BK32" s="295">
        <v>2635</v>
      </c>
      <c r="BL32" s="295">
        <v>7905</v>
      </c>
      <c r="BM32" s="295">
        <v>122760</v>
      </c>
      <c r="BN32" s="295">
        <v>81995</v>
      </c>
      <c r="BO32" s="298">
        <v>215295</v>
      </c>
      <c r="BP32" s="299">
        <v>215295</v>
      </c>
      <c r="BQ32" s="294">
        <v>0</v>
      </c>
      <c r="BR32" s="295">
        <v>0</v>
      </c>
      <c r="BS32" s="296">
        <v>0</v>
      </c>
      <c r="BT32" s="297">
        <v>0</v>
      </c>
      <c r="BU32" s="295">
        <v>0</v>
      </c>
      <c r="BV32" s="295">
        <v>5055</v>
      </c>
      <c r="BW32" s="295">
        <v>42312</v>
      </c>
      <c r="BX32" s="295">
        <v>1917</v>
      </c>
      <c r="BY32" s="295">
        <v>1595</v>
      </c>
      <c r="BZ32" s="298">
        <v>50879</v>
      </c>
      <c r="CA32" s="299">
        <v>50879</v>
      </c>
      <c r="CB32" s="294">
        <v>0</v>
      </c>
      <c r="CC32" s="295">
        <v>0</v>
      </c>
      <c r="CD32" s="296">
        <v>0</v>
      </c>
      <c r="CE32" s="297">
        <v>0</v>
      </c>
      <c r="CF32" s="295">
        <v>0</v>
      </c>
      <c r="CG32" s="295">
        <v>9345</v>
      </c>
      <c r="CH32" s="295">
        <v>145</v>
      </c>
      <c r="CI32" s="295">
        <v>0</v>
      </c>
      <c r="CJ32" s="295">
        <v>0</v>
      </c>
      <c r="CK32" s="298">
        <v>9490</v>
      </c>
      <c r="CL32" s="299">
        <v>9490</v>
      </c>
      <c r="CM32" s="294">
        <v>0</v>
      </c>
      <c r="CN32" s="295">
        <v>0</v>
      </c>
      <c r="CO32" s="296">
        <v>0</v>
      </c>
      <c r="CP32" s="297">
        <v>0</v>
      </c>
      <c r="CQ32" s="295">
        <v>0</v>
      </c>
      <c r="CR32" s="295">
        <v>0</v>
      </c>
      <c r="CS32" s="295">
        <v>0</v>
      </c>
      <c r="CT32" s="295">
        <v>0</v>
      </c>
      <c r="CU32" s="295">
        <v>0</v>
      </c>
      <c r="CV32" s="298">
        <v>0</v>
      </c>
      <c r="CW32" s="299">
        <v>0</v>
      </c>
      <c r="CX32" s="294">
        <v>0</v>
      </c>
      <c r="CY32" s="295">
        <v>0</v>
      </c>
      <c r="CZ32" s="296">
        <v>0</v>
      </c>
      <c r="DA32" s="300"/>
      <c r="DB32" s="295">
        <v>0</v>
      </c>
      <c r="DC32" s="295">
        <v>0</v>
      </c>
      <c r="DD32" s="295">
        <v>0</v>
      </c>
      <c r="DE32" s="295">
        <v>0</v>
      </c>
      <c r="DF32" s="295">
        <v>0</v>
      </c>
      <c r="DG32" s="298">
        <v>0</v>
      </c>
      <c r="DH32" s="299">
        <v>0</v>
      </c>
      <c r="DI32" s="294">
        <v>0</v>
      </c>
      <c r="DJ32" s="295">
        <v>0</v>
      </c>
      <c r="DK32" s="296">
        <v>0</v>
      </c>
      <c r="DL32" s="297">
        <v>0</v>
      </c>
      <c r="DM32" s="295">
        <v>217</v>
      </c>
      <c r="DN32" s="295">
        <v>66496</v>
      </c>
      <c r="DO32" s="295">
        <v>207204</v>
      </c>
      <c r="DP32" s="295">
        <v>383434</v>
      </c>
      <c r="DQ32" s="295">
        <v>246777</v>
      </c>
      <c r="DR32" s="298">
        <v>904128</v>
      </c>
      <c r="DS32" s="301">
        <v>904128</v>
      </c>
      <c r="DT32" s="294">
        <v>0</v>
      </c>
      <c r="DU32" s="295">
        <v>0</v>
      </c>
      <c r="DV32" s="296">
        <v>0</v>
      </c>
      <c r="DW32" s="300"/>
      <c r="DX32" s="295">
        <v>0</v>
      </c>
      <c r="DY32" s="295">
        <v>26505</v>
      </c>
      <c r="DZ32" s="295">
        <v>104067</v>
      </c>
      <c r="EA32" s="295">
        <v>248922</v>
      </c>
      <c r="EB32" s="295">
        <v>160022</v>
      </c>
      <c r="EC32" s="298">
        <v>539516</v>
      </c>
      <c r="ED32" s="299">
        <v>539516</v>
      </c>
      <c r="EE32" s="294">
        <v>0</v>
      </c>
      <c r="EF32" s="295">
        <v>0</v>
      </c>
      <c r="EG32" s="296">
        <v>0</v>
      </c>
      <c r="EH32" s="300"/>
      <c r="EI32" s="295">
        <v>217</v>
      </c>
      <c r="EJ32" s="295">
        <v>11532</v>
      </c>
      <c r="EK32" s="295">
        <v>620</v>
      </c>
      <c r="EL32" s="295">
        <v>651</v>
      </c>
      <c r="EM32" s="295">
        <v>334</v>
      </c>
      <c r="EN32" s="298">
        <v>13354</v>
      </c>
      <c r="EO32" s="299">
        <v>13354</v>
      </c>
      <c r="EP32" s="294">
        <v>0</v>
      </c>
      <c r="EQ32" s="295">
        <v>0</v>
      </c>
      <c r="ER32" s="296">
        <v>0</v>
      </c>
      <c r="ES32" s="300"/>
      <c r="ET32" s="295">
        <v>0</v>
      </c>
      <c r="EU32" s="295">
        <v>0</v>
      </c>
      <c r="EV32" s="295">
        <v>0</v>
      </c>
      <c r="EW32" s="295">
        <v>0</v>
      </c>
      <c r="EX32" s="295">
        <v>0</v>
      </c>
      <c r="EY32" s="298">
        <v>0</v>
      </c>
      <c r="EZ32" s="299">
        <v>0</v>
      </c>
      <c r="FA32" s="294">
        <v>0</v>
      </c>
      <c r="FB32" s="295">
        <v>0</v>
      </c>
      <c r="FC32" s="296">
        <v>0</v>
      </c>
      <c r="FD32" s="300"/>
      <c r="FE32" s="295">
        <v>0</v>
      </c>
      <c r="FF32" s="295">
        <v>0</v>
      </c>
      <c r="FG32" s="295">
        <v>0</v>
      </c>
      <c r="FH32" s="295">
        <v>0</v>
      </c>
      <c r="FI32" s="295">
        <v>0</v>
      </c>
      <c r="FJ32" s="298">
        <v>0</v>
      </c>
      <c r="FK32" s="299">
        <v>0</v>
      </c>
      <c r="FL32" s="294">
        <v>0</v>
      </c>
      <c r="FM32" s="295">
        <v>0</v>
      </c>
      <c r="FN32" s="296">
        <v>0</v>
      </c>
      <c r="FO32" s="300"/>
      <c r="FP32" s="295">
        <v>0</v>
      </c>
      <c r="FQ32" s="295">
        <v>21576</v>
      </c>
      <c r="FR32" s="295">
        <v>64728</v>
      </c>
      <c r="FS32" s="295">
        <v>131874</v>
      </c>
      <c r="FT32" s="295">
        <v>79918</v>
      </c>
      <c r="FU32" s="298">
        <v>298096</v>
      </c>
      <c r="FV32" s="299">
        <v>298096</v>
      </c>
      <c r="FW32" s="294">
        <v>0</v>
      </c>
      <c r="FX32" s="295">
        <v>0</v>
      </c>
      <c r="FY32" s="296">
        <v>0</v>
      </c>
      <c r="FZ32" s="297">
        <v>0</v>
      </c>
      <c r="GA32" s="295">
        <v>0</v>
      </c>
      <c r="GB32" s="295">
        <v>6771</v>
      </c>
      <c r="GC32" s="295">
        <v>37775</v>
      </c>
      <c r="GD32" s="295">
        <v>1987</v>
      </c>
      <c r="GE32" s="295">
        <v>6503</v>
      </c>
      <c r="GF32" s="298">
        <v>53036</v>
      </c>
      <c r="GG32" s="299">
        <v>53036</v>
      </c>
      <c r="GH32" s="294">
        <v>0</v>
      </c>
      <c r="GI32" s="295">
        <v>0</v>
      </c>
      <c r="GJ32" s="296">
        <v>0</v>
      </c>
      <c r="GK32" s="297">
        <v>0</v>
      </c>
      <c r="GL32" s="295">
        <v>0</v>
      </c>
      <c r="GM32" s="295">
        <v>112</v>
      </c>
      <c r="GN32" s="295">
        <v>14</v>
      </c>
      <c r="GO32" s="295">
        <v>0</v>
      </c>
      <c r="GP32" s="295">
        <v>0</v>
      </c>
      <c r="GQ32" s="298">
        <v>126</v>
      </c>
      <c r="GR32" s="299">
        <v>126</v>
      </c>
      <c r="GS32" s="294">
        <v>0</v>
      </c>
      <c r="GT32" s="295">
        <v>0</v>
      </c>
      <c r="GU32" s="296">
        <v>0</v>
      </c>
      <c r="GV32" s="297">
        <v>0</v>
      </c>
      <c r="GW32" s="295">
        <v>0</v>
      </c>
      <c r="GX32" s="295">
        <v>0</v>
      </c>
      <c r="GY32" s="295">
        <v>0</v>
      </c>
      <c r="GZ32" s="295">
        <v>0</v>
      </c>
      <c r="HA32" s="295">
        <v>0</v>
      </c>
      <c r="HB32" s="298">
        <v>0</v>
      </c>
      <c r="HC32" s="299">
        <v>0</v>
      </c>
      <c r="HD32" s="294">
        <v>0</v>
      </c>
      <c r="HE32" s="295">
        <v>0</v>
      </c>
      <c r="HF32" s="296">
        <v>0</v>
      </c>
      <c r="HG32" s="300"/>
      <c r="HH32" s="295">
        <v>0</v>
      </c>
      <c r="HI32" s="295">
        <v>0</v>
      </c>
      <c r="HJ32" s="295">
        <v>0</v>
      </c>
      <c r="HK32" s="295">
        <v>0</v>
      </c>
      <c r="HL32" s="295">
        <v>0</v>
      </c>
      <c r="HM32" s="298">
        <v>0</v>
      </c>
      <c r="HN32" s="299">
        <v>0</v>
      </c>
      <c r="HO32" s="294">
        <v>0</v>
      </c>
      <c r="HP32" s="295">
        <v>0</v>
      </c>
      <c r="HQ32" s="296">
        <v>0</v>
      </c>
      <c r="HR32" s="297">
        <v>0</v>
      </c>
      <c r="HS32" s="295">
        <v>2852</v>
      </c>
      <c r="HT32" s="295">
        <v>170951</v>
      </c>
      <c r="HU32" s="295">
        <v>432251</v>
      </c>
      <c r="HV32" s="295">
        <v>841331</v>
      </c>
      <c r="HW32" s="295">
        <v>500692</v>
      </c>
      <c r="HX32" s="298">
        <v>1948077</v>
      </c>
      <c r="HY32" s="299">
        <v>1948077</v>
      </c>
    </row>
    <row r="33" spans="2:233" ht="16.5" customHeight="1" x14ac:dyDescent="0.2">
      <c r="B33" s="292" t="s">
        <v>30</v>
      </c>
      <c r="C33" s="294">
        <v>0</v>
      </c>
      <c r="D33" s="295">
        <v>0</v>
      </c>
      <c r="E33" s="296">
        <v>0</v>
      </c>
      <c r="F33" s="297">
        <v>0</v>
      </c>
      <c r="G33" s="295">
        <v>87265</v>
      </c>
      <c r="H33" s="295">
        <v>28295</v>
      </c>
      <c r="I33" s="295">
        <v>192920</v>
      </c>
      <c r="J33" s="295">
        <v>278380</v>
      </c>
      <c r="K33" s="295">
        <v>232335</v>
      </c>
      <c r="L33" s="298">
        <v>819195</v>
      </c>
      <c r="M33" s="299">
        <v>819195</v>
      </c>
      <c r="N33" s="294">
        <v>0</v>
      </c>
      <c r="O33" s="295">
        <v>0</v>
      </c>
      <c r="P33" s="296">
        <v>0</v>
      </c>
      <c r="Q33" s="300"/>
      <c r="R33" s="295">
        <v>2635</v>
      </c>
      <c r="S33" s="295">
        <v>2635</v>
      </c>
      <c r="T33" s="295">
        <v>135935</v>
      </c>
      <c r="U33" s="295">
        <v>131130</v>
      </c>
      <c r="V33" s="295">
        <v>232335</v>
      </c>
      <c r="W33" s="298">
        <v>504670</v>
      </c>
      <c r="X33" s="299">
        <v>504670</v>
      </c>
      <c r="Y33" s="294">
        <v>0</v>
      </c>
      <c r="Z33" s="295">
        <v>0</v>
      </c>
      <c r="AA33" s="296">
        <v>0</v>
      </c>
      <c r="AB33" s="300"/>
      <c r="AC33" s="295">
        <v>84630</v>
      </c>
      <c r="AD33" s="295">
        <v>24645</v>
      </c>
      <c r="AE33" s="295">
        <v>45440</v>
      </c>
      <c r="AF33" s="295">
        <v>147250</v>
      </c>
      <c r="AG33" s="295">
        <v>0</v>
      </c>
      <c r="AH33" s="298">
        <v>301965</v>
      </c>
      <c r="AI33" s="299">
        <v>301965</v>
      </c>
      <c r="AJ33" s="294">
        <v>0</v>
      </c>
      <c r="AK33" s="295">
        <v>0</v>
      </c>
      <c r="AL33" s="296">
        <v>0</v>
      </c>
      <c r="AM33" s="300"/>
      <c r="AN33" s="295">
        <v>0</v>
      </c>
      <c r="AO33" s="295">
        <v>0</v>
      </c>
      <c r="AP33" s="295">
        <v>0</v>
      </c>
      <c r="AQ33" s="295">
        <v>0</v>
      </c>
      <c r="AR33" s="295">
        <v>0</v>
      </c>
      <c r="AS33" s="298">
        <v>0</v>
      </c>
      <c r="AT33" s="299">
        <v>0</v>
      </c>
      <c r="AU33" s="294">
        <v>0</v>
      </c>
      <c r="AV33" s="295">
        <v>0</v>
      </c>
      <c r="AW33" s="296">
        <v>0</v>
      </c>
      <c r="AX33" s="300"/>
      <c r="AY33" s="295">
        <v>0</v>
      </c>
      <c r="AZ33" s="295">
        <v>0</v>
      </c>
      <c r="BA33" s="295">
        <v>0</v>
      </c>
      <c r="BB33" s="295">
        <v>0</v>
      </c>
      <c r="BC33" s="295">
        <v>0</v>
      </c>
      <c r="BD33" s="298">
        <v>0</v>
      </c>
      <c r="BE33" s="299">
        <v>0</v>
      </c>
      <c r="BF33" s="294">
        <v>0</v>
      </c>
      <c r="BG33" s="295">
        <v>0</v>
      </c>
      <c r="BH33" s="296">
        <v>0</v>
      </c>
      <c r="BI33" s="300"/>
      <c r="BJ33" s="295">
        <v>0</v>
      </c>
      <c r="BK33" s="295">
        <v>0</v>
      </c>
      <c r="BL33" s="295">
        <v>0</v>
      </c>
      <c r="BM33" s="295">
        <v>0</v>
      </c>
      <c r="BN33" s="295">
        <v>0</v>
      </c>
      <c r="BO33" s="298">
        <v>0</v>
      </c>
      <c r="BP33" s="299">
        <v>0</v>
      </c>
      <c r="BQ33" s="294">
        <v>0</v>
      </c>
      <c r="BR33" s="295">
        <v>0</v>
      </c>
      <c r="BS33" s="296">
        <v>0</v>
      </c>
      <c r="BT33" s="297">
        <v>0</v>
      </c>
      <c r="BU33" s="295">
        <v>0</v>
      </c>
      <c r="BV33" s="295">
        <v>1015</v>
      </c>
      <c r="BW33" s="295">
        <v>11400</v>
      </c>
      <c r="BX33" s="295">
        <v>0</v>
      </c>
      <c r="BY33" s="295">
        <v>0</v>
      </c>
      <c r="BZ33" s="298">
        <v>12415</v>
      </c>
      <c r="CA33" s="299">
        <v>12415</v>
      </c>
      <c r="CB33" s="294">
        <v>0</v>
      </c>
      <c r="CC33" s="295">
        <v>0</v>
      </c>
      <c r="CD33" s="296">
        <v>0</v>
      </c>
      <c r="CE33" s="297">
        <v>0</v>
      </c>
      <c r="CF33" s="295">
        <v>0</v>
      </c>
      <c r="CG33" s="295">
        <v>0</v>
      </c>
      <c r="CH33" s="295">
        <v>145</v>
      </c>
      <c r="CI33" s="295">
        <v>0</v>
      </c>
      <c r="CJ33" s="295">
        <v>0</v>
      </c>
      <c r="CK33" s="298">
        <v>145</v>
      </c>
      <c r="CL33" s="299">
        <v>145</v>
      </c>
      <c r="CM33" s="294">
        <v>0</v>
      </c>
      <c r="CN33" s="295">
        <v>0</v>
      </c>
      <c r="CO33" s="296">
        <v>0</v>
      </c>
      <c r="CP33" s="297">
        <v>0</v>
      </c>
      <c r="CQ33" s="295">
        <v>0</v>
      </c>
      <c r="CR33" s="295">
        <v>0</v>
      </c>
      <c r="CS33" s="295">
        <v>0</v>
      </c>
      <c r="CT33" s="295">
        <v>0</v>
      </c>
      <c r="CU33" s="295">
        <v>0</v>
      </c>
      <c r="CV33" s="298">
        <v>0</v>
      </c>
      <c r="CW33" s="299">
        <v>0</v>
      </c>
      <c r="CX33" s="294">
        <v>0</v>
      </c>
      <c r="CY33" s="295">
        <v>0</v>
      </c>
      <c r="CZ33" s="296">
        <v>0</v>
      </c>
      <c r="DA33" s="300"/>
      <c r="DB33" s="295">
        <v>0</v>
      </c>
      <c r="DC33" s="295">
        <v>0</v>
      </c>
      <c r="DD33" s="295">
        <v>0</v>
      </c>
      <c r="DE33" s="295">
        <v>0</v>
      </c>
      <c r="DF33" s="295">
        <v>0</v>
      </c>
      <c r="DG33" s="298">
        <v>0</v>
      </c>
      <c r="DH33" s="299">
        <v>0</v>
      </c>
      <c r="DI33" s="294">
        <v>0</v>
      </c>
      <c r="DJ33" s="295">
        <v>0</v>
      </c>
      <c r="DK33" s="296">
        <v>0</v>
      </c>
      <c r="DL33" s="297">
        <v>0</v>
      </c>
      <c r="DM33" s="295">
        <v>58745</v>
      </c>
      <c r="DN33" s="295">
        <v>21570</v>
      </c>
      <c r="DO33" s="295">
        <v>285411</v>
      </c>
      <c r="DP33" s="295">
        <v>211141</v>
      </c>
      <c r="DQ33" s="295">
        <v>237516</v>
      </c>
      <c r="DR33" s="298">
        <v>814383</v>
      </c>
      <c r="DS33" s="301">
        <v>814383</v>
      </c>
      <c r="DT33" s="294">
        <v>0</v>
      </c>
      <c r="DU33" s="295">
        <v>0</v>
      </c>
      <c r="DV33" s="296">
        <v>0</v>
      </c>
      <c r="DW33" s="300"/>
      <c r="DX33" s="295">
        <v>21576</v>
      </c>
      <c r="DY33" s="295">
        <v>15035</v>
      </c>
      <c r="DZ33" s="295">
        <v>221526</v>
      </c>
      <c r="EA33" s="295">
        <v>198524</v>
      </c>
      <c r="EB33" s="295">
        <v>237516</v>
      </c>
      <c r="EC33" s="298">
        <v>694177</v>
      </c>
      <c r="ED33" s="299">
        <v>694177</v>
      </c>
      <c r="EE33" s="294">
        <v>0</v>
      </c>
      <c r="EF33" s="295">
        <v>0</v>
      </c>
      <c r="EG33" s="296">
        <v>0</v>
      </c>
      <c r="EH33" s="300"/>
      <c r="EI33" s="295">
        <v>37169</v>
      </c>
      <c r="EJ33" s="295">
        <v>217</v>
      </c>
      <c r="EK33" s="295">
        <v>42289</v>
      </c>
      <c r="EL33" s="295">
        <v>12617</v>
      </c>
      <c r="EM33" s="295">
        <v>0</v>
      </c>
      <c r="EN33" s="298">
        <v>92292</v>
      </c>
      <c r="EO33" s="299">
        <v>92292</v>
      </c>
      <c r="EP33" s="294">
        <v>0</v>
      </c>
      <c r="EQ33" s="295">
        <v>0</v>
      </c>
      <c r="ER33" s="296">
        <v>0</v>
      </c>
      <c r="ES33" s="300"/>
      <c r="ET33" s="295">
        <v>0</v>
      </c>
      <c r="EU33" s="295">
        <v>0</v>
      </c>
      <c r="EV33" s="295">
        <v>0</v>
      </c>
      <c r="EW33" s="295">
        <v>0</v>
      </c>
      <c r="EX33" s="295">
        <v>0</v>
      </c>
      <c r="EY33" s="298">
        <v>0</v>
      </c>
      <c r="EZ33" s="299">
        <v>0</v>
      </c>
      <c r="FA33" s="294">
        <v>0</v>
      </c>
      <c r="FB33" s="295">
        <v>0</v>
      </c>
      <c r="FC33" s="296">
        <v>0</v>
      </c>
      <c r="FD33" s="300"/>
      <c r="FE33" s="295">
        <v>0</v>
      </c>
      <c r="FF33" s="295">
        <v>0</v>
      </c>
      <c r="FG33" s="295">
        <v>0</v>
      </c>
      <c r="FH33" s="295">
        <v>0</v>
      </c>
      <c r="FI33" s="295">
        <v>0</v>
      </c>
      <c r="FJ33" s="298">
        <v>0</v>
      </c>
      <c r="FK33" s="299">
        <v>0</v>
      </c>
      <c r="FL33" s="294">
        <v>0</v>
      </c>
      <c r="FM33" s="295">
        <v>0</v>
      </c>
      <c r="FN33" s="296">
        <v>0</v>
      </c>
      <c r="FO33" s="300"/>
      <c r="FP33" s="295">
        <v>0</v>
      </c>
      <c r="FQ33" s="295">
        <v>0</v>
      </c>
      <c r="FR33" s="295">
        <v>0</v>
      </c>
      <c r="FS33" s="295">
        <v>0</v>
      </c>
      <c r="FT33" s="295">
        <v>0</v>
      </c>
      <c r="FU33" s="298">
        <v>0</v>
      </c>
      <c r="FV33" s="299">
        <v>0</v>
      </c>
      <c r="FW33" s="294">
        <v>0</v>
      </c>
      <c r="FX33" s="295">
        <v>0</v>
      </c>
      <c r="FY33" s="296">
        <v>0</v>
      </c>
      <c r="FZ33" s="297">
        <v>0</v>
      </c>
      <c r="GA33" s="295">
        <v>0</v>
      </c>
      <c r="GB33" s="295">
        <v>6318</v>
      </c>
      <c r="GC33" s="295">
        <v>20880</v>
      </c>
      <c r="GD33" s="295">
        <v>0</v>
      </c>
      <c r="GE33" s="295">
        <v>0</v>
      </c>
      <c r="GF33" s="298">
        <v>27198</v>
      </c>
      <c r="GG33" s="299">
        <v>27198</v>
      </c>
      <c r="GH33" s="294">
        <v>0</v>
      </c>
      <c r="GI33" s="295">
        <v>0</v>
      </c>
      <c r="GJ33" s="296">
        <v>0</v>
      </c>
      <c r="GK33" s="297">
        <v>0</v>
      </c>
      <c r="GL33" s="295">
        <v>0</v>
      </c>
      <c r="GM33" s="295">
        <v>0</v>
      </c>
      <c r="GN33" s="295">
        <v>716</v>
      </c>
      <c r="GO33" s="295">
        <v>0</v>
      </c>
      <c r="GP33" s="295">
        <v>0</v>
      </c>
      <c r="GQ33" s="298">
        <v>716</v>
      </c>
      <c r="GR33" s="299">
        <v>716</v>
      </c>
      <c r="GS33" s="294">
        <v>0</v>
      </c>
      <c r="GT33" s="295">
        <v>0</v>
      </c>
      <c r="GU33" s="296">
        <v>0</v>
      </c>
      <c r="GV33" s="297">
        <v>0</v>
      </c>
      <c r="GW33" s="295">
        <v>0</v>
      </c>
      <c r="GX33" s="295">
        <v>0</v>
      </c>
      <c r="GY33" s="295">
        <v>0</v>
      </c>
      <c r="GZ33" s="295">
        <v>0</v>
      </c>
      <c r="HA33" s="295">
        <v>0</v>
      </c>
      <c r="HB33" s="298">
        <v>0</v>
      </c>
      <c r="HC33" s="299">
        <v>0</v>
      </c>
      <c r="HD33" s="294">
        <v>0</v>
      </c>
      <c r="HE33" s="295">
        <v>0</v>
      </c>
      <c r="HF33" s="296">
        <v>0</v>
      </c>
      <c r="HG33" s="300"/>
      <c r="HH33" s="295">
        <v>0</v>
      </c>
      <c r="HI33" s="295">
        <v>0</v>
      </c>
      <c r="HJ33" s="295">
        <v>0</v>
      </c>
      <c r="HK33" s="295">
        <v>0</v>
      </c>
      <c r="HL33" s="295">
        <v>0</v>
      </c>
      <c r="HM33" s="298">
        <v>0</v>
      </c>
      <c r="HN33" s="299">
        <v>0</v>
      </c>
      <c r="HO33" s="294">
        <v>0</v>
      </c>
      <c r="HP33" s="295">
        <v>0</v>
      </c>
      <c r="HQ33" s="296">
        <v>0</v>
      </c>
      <c r="HR33" s="297">
        <v>0</v>
      </c>
      <c r="HS33" s="295">
        <v>146010</v>
      </c>
      <c r="HT33" s="295">
        <v>49865</v>
      </c>
      <c r="HU33" s="295">
        <v>478331</v>
      </c>
      <c r="HV33" s="295">
        <v>489521</v>
      </c>
      <c r="HW33" s="295">
        <v>469851</v>
      </c>
      <c r="HX33" s="298">
        <v>1633578</v>
      </c>
      <c r="HY33" s="299">
        <v>1633578</v>
      </c>
    </row>
    <row r="34" spans="2:233" ht="16.5" customHeight="1" x14ac:dyDescent="0.2">
      <c r="B34" s="292" t="s">
        <v>31</v>
      </c>
      <c r="C34" s="294">
        <v>0</v>
      </c>
      <c r="D34" s="295">
        <v>0</v>
      </c>
      <c r="E34" s="296">
        <v>0</v>
      </c>
      <c r="F34" s="297">
        <v>0</v>
      </c>
      <c r="G34" s="295">
        <v>2610</v>
      </c>
      <c r="H34" s="295">
        <v>131680</v>
      </c>
      <c r="I34" s="295">
        <v>308255</v>
      </c>
      <c r="J34" s="295">
        <v>168900</v>
      </c>
      <c r="K34" s="295">
        <v>187165</v>
      </c>
      <c r="L34" s="298">
        <v>798610</v>
      </c>
      <c r="M34" s="299">
        <v>798610</v>
      </c>
      <c r="N34" s="294">
        <v>0</v>
      </c>
      <c r="O34" s="295">
        <v>0</v>
      </c>
      <c r="P34" s="296">
        <v>0</v>
      </c>
      <c r="Q34" s="300"/>
      <c r="R34" s="295">
        <v>0</v>
      </c>
      <c r="S34" s="295">
        <v>32705</v>
      </c>
      <c r="T34" s="295">
        <v>243675</v>
      </c>
      <c r="U34" s="295">
        <v>121985</v>
      </c>
      <c r="V34" s="295">
        <v>185225</v>
      </c>
      <c r="W34" s="298">
        <v>583590</v>
      </c>
      <c r="X34" s="299">
        <v>583590</v>
      </c>
      <c r="Y34" s="294">
        <v>0</v>
      </c>
      <c r="Z34" s="295">
        <v>0</v>
      </c>
      <c r="AA34" s="296">
        <v>0</v>
      </c>
      <c r="AB34" s="300"/>
      <c r="AC34" s="295">
        <v>0</v>
      </c>
      <c r="AD34" s="295">
        <v>97960</v>
      </c>
      <c r="AE34" s="295">
        <v>40610</v>
      </c>
      <c r="AF34" s="295">
        <v>32550</v>
      </c>
      <c r="AG34" s="295">
        <v>0</v>
      </c>
      <c r="AH34" s="298">
        <v>171120</v>
      </c>
      <c r="AI34" s="299">
        <v>171120</v>
      </c>
      <c r="AJ34" s="294">
        <v>0</v>
      </c>
      <c r="AK34" s="295">
        <v>0</v>
      </c>
      <c r="AL34" s="296">
        <v>0</v>
      </c>
      <c r="AM34" s="300"/>
      <c r="AN34" s="295">
        <v>0</v>
      </c>
      <c r="AO34" s="295">
        <v>0</v>
      </c>
      <c r="AP34" s="295">
        <v>0</v>
      </c>
      <c r="AQ34" s="295">
        <v>0</v>
      </c>
      <c r="AR34" s="295">
        <v>0</v>
      </c>
      <c r="AS34" s="298">
        <v>0</v>
      </c>
      <c r="AT34" s="299">
        <v>0</v>
      </c>
      <c r="AU34" s="294">
        <v>0</v>
      </c>
      <c r="AV34" s="295">
        <v>0</v>
      </c>
      <c r="AW34" s="296">
        <v>0</v>
      </c>
      <c r="AX34" s="300"/>
      <c r="AY34" s="295">
        <v>0</v>
      </c>
      <c r="AZ34" s="295">
        <v>0</v>
      </c>
      <c r="BA34" s="295">
        <v>0</v>
      </c>
      <c r="BB34" s="295">
        <v>0</v>
      </c>
      <c r="BC34" s="295">
        <v>0</v>
      </c>
      <c r="BD34" s="298">
        <v>0</v>
      </c>
      <c r="BE34" s="299">
        <v>0</v>
      </c>
      <c r="BF34" s="294">
        <v>0</v>
      </c>
      <c r="BG34" s="295">
        <v>0</v>
      </c>
      <c r="BH34" s="296">
        <v>0</v>
      </c>
      <c r="BI34" s="300"/>
      <c r="BJ34" s="295">
        <v>0</v>
      </c>
      <c r="BK34" s="295">
        <v>0</v>
      </c>
      <c r="BL34" s="295">
        <v>0</v>
      </c>
      <c r="BM34" s="295">
        <v>0</v>
      </c>
      <c r="BN34" s="295">
        <v>0</v>
      </c>
      <c r="BO34" s="298">
        <v>0</v>
      </c>
      <c r="BP34" s="299">
        <v>0</v>
      </c>
      <c r="BQ34" s="294">
        <v>0</v>
      </c>
      <c r="BR34" s="295">
        <v>0</v>
      </c>
      <c r="BS34" s="296">
        <v>0</v>
      </c>
      <c r="BT34" s="297">
        <v>0</v>
      </c>
      <c r="BU34" s="295">
        <v>2610</v>
      </c>
      <c r="BV34" s="295">
        <v>435</v>
      </c>
      <c r="BW34" s="295">
        <v>23970</v>
      </c>
      <c r="BX34" s="295">
        <v>14365</v>
      </c>
      <c r="BY34" s="295">
        <v>1940</v>
      </c>
      <c r="BZ34" s="298">
        <v>43320</v>
      </c>
      <c r="CA34" s="299">
        <v>43320</v>
      </c>
      <c r="CB34" s="294">
        <v>0</v>
      </c>
      <c r="CC34" s="295">
        <v>0</v>
      </c>
      <c r="CD34" s="296">
        <v>0</v>
      </c>
      <c r="CE34" s="297">
        <v>0</v>
      </c>
      <c r="CF34" s="295">
        <v>0</v>
      </c>
      <c r="CG34" s="295">
        <v>580</v>
      </c>
      <c r="CH34" s="295">
        <v>0</v>
      </c>
      <c r="CI34" s="295">
        <v>0</v>
      </c>
      <c r="CJ34" s="295">
        <v>0</v>
      </c>
      <c r="CK34" s="298">
        <v>580</v>
      </c>
      <c r="CL34" s="299">
        <v>580</v>
      </c>
      <c r="CM34" s="294">
        <v>0</v>
      </c>
      <c r="CN34" s="295">
        <v>0</v>
      </c>
      <c r="CO34" s="296">
        <v>0</v>
      </c>
      <c r="CP34" s="297">
        <v>0</v>
      </c>
      <c r="CQ34" s="295">
        <v>0</v>
      </c>
      <c r="CR34" s="295">
        <v>0</v>
      </c>
      <c r="CS34" s="295">
        <v>0</v>
      </c>
      <c r="CT34" s="295">
        <v>0</v>
      </c>
      <c r="CU34" s="295">
        <v>0</v>
      </c>
      <c r="CV34" s="298">
        <v>0</v>
      </c>
      <c r="CW34" s="299">
        <v>0</v>
      </c>
      <c r="CX34" s="294">
        <v>0</v>
      </c>
      <c r="CY34" s="295">
        <v>0</v>
      </c>
      <c r="CZ34" s="296">
        <v>0</v>
      </c>
      <c r="DA34" s="300"/>
      <c r="DB34" s="295">
        <v>0</v>
      </c>
      <c r="DC34" s="295">
        <v>0</v>
      </c>
      <c r="DD34" s="295">
        <v>0</v>
      </c>
      <c r="DE34" s="295">
        <v>0</v>
      </c>
      <c r="DF34" s="295">
        <v>0</v>
      </c>
      <c r="DG34" s="298">
        <v>0</v>
      </c>
      <c r="DH34" s="299">
        <v>0</v>
      </c>
      <c r="DI34" s="294">
        <v>0</v>
      </c>
      <c r="DJ34" s="295">
        <v>0</v>
      </c>
      <c r="DK34" s="296">
        <v>0</v>
      </c>
      <c r="DL34" s="297">
        <v>0</v>
      </c>
      <c r="DM34" s="295">
        <v>6669</v>
      </c>
      <c r="DN34" s="295">
        <v>41231</v>
      </c>
      <c r="DO34" s="295">
        <v>321331</v>
      </c>
      <c r="DP34" s="295">
        <v>236020</v>
      </c>
      <c r="DQ34" s="295">
        <v>198552</v>
      </c>
      <c r="DR34" s="298">
        <v>803803</v>
      </c>
      <c r="DS34" s="301">
        <v>803803</v>
      </c>
      <c r="DT34" s="294">
        <v>0</v>
      </c>
      <c r="DU34" s="295">
        <v>0</v>
      </c>
      <c r="DV34" s="296">
        <v>0</v>
      </c>
      <c r="DW34" s="300"/>
      <c r="DX34" s="295">
        <v>0</v>
      </c>
      <c r="DY34" s="295">
        <v>36766</v>
      </c>
      <c r="DZ34" s="295">
        <v>287761</v>
      </c>
      <c r="EA34" s="295">
        <v>220410</v>
      </c>
      <c r="EB34" s="295">
        <v>196044</v>
      </c>
      <c r="EC34" s="298">
        <v>740981</v>
      </c>
      <c r="ED34" s="299">
        <v>740981</v>
      </c>
      <c r="EE34" s="294">
        <v>0</v>
      </c>
      <c r="EF34" s="295">
        <v>0</v>
      </c>
      <c r="EG34" s="296">
        <v>0</v>
      </c>
      <c r="EH34" s="300"/>
      <c r="EI34" s="295">
        <v>0</v>
      </c>
      <c r="EJ34" s="295">
        <v>1271</v>
      </c>
      <c r="EK34" s="295">
        <v>837</v>
      </c>
      <c r="EL34" s="295">
        <v>868</v>
      </c>
      <c r="EM34" s="295">
        <v>0</v>
      </c>
      <c r="EN34" s="298">
        <v>2976</v>
      </c>
      <c r="EO34" s="299">
        <v>2976</v>
      </c>
      <c r="EP34" s="294">
        <v>0</v>
      </c>
      <c r="EQ34" s="295">
        <v>0</v>
      </c>
      <c r="ER34" s="296">
        <v>0</v>
      </c>
      <c r="ES34" s="300"/>
      <c r="ET34" s="295">
        <v>0</v>
      </c>
      <c r="EU34" s="295">
        <v>0</v>
      </c>
      <c r="EV34" s="295">
        <v>0</v>
      </c>
      <c r="EW34" s="295">
        <v>0</v>
      </c>
      <c r="EX34" s="295">
        <v>0</v>
      </c>
      <c r="EY34" s="298">
        <v>0</v>
      </c>
      <c r="EZ34" s="299">
        <v>0</v>
      </c>
      <c r="FA34" s="294">
        <v>0</v>
      </c>
      <c r="FB34" s="295">
        <v>0</v>
      </c>
      <c r="FC34" s="296">
        <v>0</v>
      </c>
      <c r="FD34" s="300"/>
      <c r="FE34" s="295">
        <v>0</v>
      </c>
      <c r="FF34" s="295">
        <v>0</v>
      </c>
      <c r="FG34" s="295">
        <v>0</v>
      </c>
      <c r="FH34" s="295">
        <v>0</v>
      </c>
      <c r="FI34" s="295">
        <v>0</v>
      </c>
      <c r="FJ34" s="298">
        <v>0</v>
      </c>
      <c r="FK34" s="299">
        <v>0</v>
      </c>
      <c r="FL34" s="294">
        <v>0</v>
      </c>
      <c r="FM34" s="295">
        <v>0</v>
      </c>
      <c r="FN34" s="296">
        <v>0</v>
      </c>
      <c r="FO34" s="300"/>
      <c r="FP34" s="295">
        <v>0</v>
      </c>
      <c r="FQ34" s="295">
        <v>0</v>
      </c>
      <c r="FR34" s="295">
        <v>0</v>
      </c>
      <c r="FS34" s="295">
        <v>0</v>
      </c>
      <c r="FT34" s="295">
        <v>0</v>
      </c>
      <c r="FU34" s="298">
        <v>0</v>
      </c>
      <c r="FV34" s="299">
        <v>0</v>
      </c>
      <c r="FW34" s="294">
        <v>0</v>
      </c>
      <c r="FX34" s="295">
        <v>0</v>
      </c>
      <c r="FY34" s="296">
        <v>0</v>
      </c>
      <c r="FZ34" s="297">
        <v>0</v>
      </c>
      <c r="GA34" s="295">
        <v>6669</v>
      </c>
      <c r="GB34" s="295">
        <v>1404</v>
      </c>
      <c r="GC34" s="295">
        <v>32733</v>
      </c>
      <c r="GD34" s="295">
        <v>14742</v>
      </c>
      <c r="GE34" s="295">
        <v>2508</v>
      </c>
      <c r="GF34" s="298">
        <v>58056</v>
      </c>
      <c r="GG34" s="299">
        <v>58056</v>
      </c>
      <c r="GH34" s="294">
        <v>0</v>
      </c>
      <c r="GI34" s="295">
        <v>0</v>
      </c>
      <c r="GJ34" s="296">
        <v>0</v>
      </c>
      <c r="GK34" s="297">
        <v>0</v>
      </c>
      <c r="GL34" s="295">
        <v>0</v>
      </c>
      <c r="GM34" s="295">
        <v>1790</v>
      </c>
      <c r="GN34" s="295">
        <v>0</v>
      </c>
      <c r="GO34" s="295">
        <v>0</v>
      </c>
      <c r="GP34" s="295">
        <v>0</v>
      </c>
      <c r="GQ34" s="298">
        <v>1790</v>
      </c>
      <c r="GR34" s="299">
        <v>1790</v>
      </c>
      <c r="GS34" s="294">
        <v>0</v>
      </c>
      <c r="GT34" s="295">
        <v>0</v>
      </c>
      <c r="GU34" s="296">
        <v>0</v>
      </c>
      <c r="GV34" s="297">
        <v>0</v>
      </c>
      <c r="GW34" s="295">
        <v>0</v>
      </c>
      <c r="GX34" s="295">
        <v>0</v>
      </c>
      <c r="GY34" s="295">
        <v>0</v>
      </c>
      <c r="GZ34" s="295">
        <v>0</v>
      </c>
      <c r="HA34" s="295">
        <v>0</v>
      </c>
      <c r="HB34" s="298">
        <v>0</v>
      </c>
      <c r="HC34" s="299">
        <v>0</v>
      </c>
      <c r="HD34" s="294">
        <v>0</v>
      </c>
      <c r="HE34" s="295">
        <v>0</v>
      </c>
      <c r="HF34" s="296">
        <v>0</v>
      </c>
      <c r="HG34" s="300"/>
      <c r="HH34" s="295">
        <v>0</v>
      </c>
      <c r="HI34" s="295">
        <v>0</v>
      </c>
      <c r="HJ34" s="295">
        <v>0</v>
      </c>
      <c r="HK34" s="295">
        <v>0</v>
      </c>
      <c r="HL34" s="295">
        <v>0</v>
      </c>
      <c r="HM34" s="298">
        <v>0</v>
      </c>
      <c r="HN34" s="299">
        <v>0</v>
      </c>
      <c r="HO34" s="294">
        <v>0</v>
      </c>
      <c r="HP34" s="295">
        <v>0</v>
      </c>
      <c r="HQ34" s="296">
        <v>0</v>
      </c>
      <c r="HR34" s="297">
        <v>0</v>
      </c>
      <c r="HS34" s="295">
        <v>9279</v>
      </c>
      <c r="HT34" s="295">
        <v>172911</v>
      </c>
      <c r="HU34" s="295">
        <v>629586</v>
      </c>
      <c r="HV34" s="295">
        <v>404920</v>
      </c>
      <c r="HW34" s="295">
        <v>385717</v>
      </c>
      <c r="HX34" s="298">
        <v>1602413</v>
      </c>
      <c r="HY34" s="299">
        <v>1602413</v>
      </c>
    </row>
    <row r="35" spans="2:233" ht="16.5" customHeight="1" x14ac:dyDescent="0.2">
      <c r="B35" s="292" t="s">
        <v>32</v>
      </c>
      <c r="C35" s="294">
        <v>0</v>
      </c>
      <c r="D35" s="295">
        <v>0</v>
      </c>
      <c r="E35" s="296">
        <v>0</v>
      </c>
      <c r="F35" s="297">
        <v>0</v>
      </c>
      <c r="G35" s="295">
        <v>3070</v>
      </c>
      <c r="H35" s="295">
        <v>86154</v>
      </c>
      <c r="I35" s="295">
        <v>430047</v>
      </c>
      <c r="J35" s="295">
        <v>295920</v>
      </c>
      <c r="K35" s="295">
        <v>128295</v>
      </c>
      <c r="L35" s="298">
        <v>943486</v>
      </c>
      <c r="M35" s="299">
        <v>943486</v>
      </c>
      <c r="N35" s="294">
        <v>0</v>
      </c>
      <c r="O35" s="295">
        <v>0</v>
      </c>
      <c r="P35" s="296">
        <v>0</v>
      </c>
      <c r="Q35" s="300"/>
      <c r="R35" s="295">
        <v>0</v>
      </c>
      <c r="S35" s="295">
        <v>0</v>
      </c>
      <c r="T35" s="295">
        <v>106020</v>
      </c>
      <c r="U35" s="295">
        <v>185560</v>
      </c>
      <c r="V35" s="295">
        <v>7905</v>
      </c>
      <c r="W35" s="298">
        <v>299485</v>
      </c>
      <c r="X35" s="299">
        <v>299485</v>
      </c>
      <c r="Y35" s="294">
        <v>0</v>
      </c>
      <c r="Z35" s="295">
        <v>0</v>
      </c>
      <c r="AA35" s="296">
        <v>0</v>
      </c>
      <c r="AB35" s="300"/>
      <c r="AC35" s="295">
        <v>2635</v>
      </c>
      <c r="AD35" s="295">
        <v>80200</v>
      </c>
      <c r="AE35" s="295">
        <v>43630</v>
      </c>
      <c r="AF35" s="295">
        <v>96215</v>
      </c>
      <c r="AG35" s="295">
        <v>35495</v>
      </c>
      <c r="AH35" s="298">
        <v>258175</v>
      </c>
      <c r="AI35" s="299">
        <v>258175</v>
      </c>
      <c r="AJ35" s="294">
        <v>0</v>
      </c>
      <c r="AK35" s="295">
        <v>0</v>
      </c>
      <c r="AL35" s="296">
        <v>0</v>
      </c>
      <c r="AM35" s="300"/>
      <c r="AN35" s="295">
        <v>0</v>
      </c>
      <c r="AO35" s="295">
        <v>0</v>
      </c>
      <c r="AP35" s="295">
        <v>0</v>
      </c>
      <c r="AQ35" s="295">
        <v>0</v>
      </c>
      <c r="AR35" s="295">
        <v>0</v>
      </c>
      <c r="AS35" s="298">
        <v>0</v>
      </c>
      <c r="AT35" s="299">
        <v>0</v>
      </c>
      <c r="AU35" s="294">
        <v>0</v>
      </c>
      <c r="AV35" s="295">
        <v>0</v>
      </c>
      <c r="AW35" s="296">
        <v>0</v>
      </c>
      <c r="AX35" s="300"/>
      <c r="AY35" s="295">
        <v>0</v>
      </c>
      <c r="AZ35" s="295">
        <v>0</v>
      </c>
      <c r="BA35" s="295">
        <v>0</v>
      </c>
      <c r="BB35" s="295">
        <v>0</v>
      </c>
      <c r="BC35" s="295">
        <v>32705</v>
      </c>
      <c r="BD35" s="298">
        <v>32705</v>
      </c>
      <c r="BE35" s="299">
        <v>32705</v>
      </c>
      <c r="BF35" s="294">
        <v>0</v>
      </c>
      <c r="BG35" s="295">
        <v>0</v>
      </c>
      <c r="BH35" s="296">
        <v>0</v>
      </c>
      <c r="BI35" s="300"/>
      <c r="BJ35" s="295">
        <v>0</v>
      </c>
      <c r="BK35" s="295">
        <v>0</v>
      </c>
      <c r="BL35" s="295">
        <v>255875</v>
      </c>
      <c r="BM35" s="295">
        <v>6630</v>
      </c>
      <c r="BN35" s="295">
        <v>49290</v>
      </c>
      <c r="BO35" s="298">
        <v>311795</v>
      </c>
      <c r="BP35" s="299">
        <v>311795</v>
      </c>
      <c r="BQ35" s="294">
        <v>0</v>
      </c>
      <c r="BR35" s="295">
        <v>0</v>
      </c>
      <c r="BS35" s="296">
        <v>0</v>
      </c>
      <c r="BT35" s="297">
        <v>0</v>
      </c>
      <c r="BU35" s="295">
        <v>435</v>
      </c>
      <c r="BV35" s="295">
        <v>5954</v>
      </c>
      <c r="BW35" s="295">
        <v>17762</v>
      </c>
      <c r="BX35" s="295">
        <v>7250</v>
      </c>
      <c r="BY35" s="295">
        <v>2900</v>
      </c>
      <c r="BZ35" s="298">
        <v>34301</v>
      </c>
      <c r="CA35" s="299">
        <v>34301</v>
      </c>
      <c r="CB35" s="294">
        <v>0</v>
      </c>
      <c r="CC35" s="295">
        <v>0</v>
      </c>
      <c r="CD35" s="296">
        <v>0</v>
      </c>
      <c r="CE35" s="297">
        <v>0</v>
      </c>
      <c r="CF35" s="295">
        <v>0</v>
      </c>
      <c r="CG35" s="295">
        <v>0</v>
      </c>
      <c r="CH35" s="295">
        <v>6760</v>
      </c>
      <c r="CI35" s="295">
        <v>265</v>
      </c>
      <c r="CJ35" s="295">
        <v>0</v>
      </c>
      <c r="CK35" s="298">
        <v>7025</v>
      </c>
      <c r="CL35" s="299">
        <v>7025</v>
      </c>
      <c r="CM35" s="294">
        <v>0</v>
      </c>
      <c r="CN35" s="295">
        <v>0</v>
      </c>
      <c r="CO35" s="296">
        <v>0</v>
      </c>
      <c r="CP35" s="297">
        <v>0</v>
      </c>
      <c r="CQ35" s="295">
        <v>0</v>
      </c>
      <c r="CR35" s="295">
        <v>0</v>
      </c>
      <c r="CS35" s="295">
        <v>0</v>
      </c>
      <c r="CT35" s="295">
        <v>0</v>
      </c>
      <c r="CU35" s="295">
        <v>0</v>
      </c>
      <c r="CV35" s="298">
        <v>0</v>
      </c>
      <c r="CW35" s="299">
        <v>0</v>
      </c>
      <c r="CX35" s="294">
        <v>0</v>
      </c>
      <c r="CY35" s="295">
        <v>0</v>
      </c>
      <c r="CZ35" s="296">
        <v>0</v>
      </c>
      <c r="DA35" s="300"/>
      <c r="DB35" s="295">
        <v>0</v>
      </c>
      <c r="DC35" s="295">
        <v>0</v>
      </c>
      <c r="DD35" s="295">
        <v>0</v>
      </c>
      <c r="DE35" s="295">
        <v>0</v>
      </c>
      <c r="DF35" s="295">
        <v>0</v>
      </c>
      <c r="DG35" s="298">
        <v>0</v>
      </c>
      <c r="DH35" s="299">
        <v>0</v>
      </c>
      <c r="DI35" s="294">
        <v>0</v>
      </c>
      <c r="DJ35" s="295">
        <v>0</v>
      </c>
      <c r="DK35" s="296">
        <v>0</v>
      </c>
      <c r="DL35" s="297">
        <v>0</v>
      </c>
      <c r="DM35" s="295">
        <v>1972</v>
      </c>
      <c r="DN35" s="295">
        <v>9667</v>
      </c>
      <c r="DO35" s="295">
        <v>376896</v>
      </c>
      <c r="DP35" s="295">
        <v>272859</v>
      </c>
      <c r="DQ35" s="295">
        <v>108796</v>
      </c>
      <c r="DR35" s="298">
        <v>770190</v>
      </c>
      <c r="DS35" s="301">
        <v>770190</v>
      </c>
      <c r="DT35" s="294">
        <v>0</v>
      </c>
      <c r="DU35" s="295">
        <v>0</v>
      </c>
      <c r="DV35" s="296">
        <v>0</v>
      </c>
      <c r="DW35" s="300"/>
      <c r="DX35" s="295">
        <v>0</v>
      </c>
      <c r="DY35" s="295">
        <v>0</v>
      </c>
      <c r="DZ35" s="295">
        <v>147343</v>
      </c>
      <c r="EA35" s="295">
        <v>203067</v>
      </c>
      <c r="EB35" s="295">
        <v>64728</v>
      </c>
      <c r="EC35" s="298">
        <v>415138</v>
      </c>
      <c r="ED35" s="299">
        <v>415138</v>
      </c>
      <c r="EE35" s="294">
        <v>0</v>
      </c>
      <c r="EF35" s="295">
        <v>0</v>
      </c>
      <c r="EG35" s="296">
        <v>0</v>
      </c>
      <c r="EH35" s="300"/>
      <c r="EI35" s="295">
        <v>217</v>
      </c>
      <c r="EJ35" s="295">
        <v>5302</v>
      </c>
      <c r="EK35" s="295">
        <v>22473</v>
      </c>
      <c r="EL35" s="295">
        <v>12827</v>
      </c>
      <c r="EM35" s="295">
        <v>11687</v>
      </c>
      <c r="EN35" s="298">
        <v>52506</v>
      </c>
      <c r="EO35" s="299">
        <v>52506</v>
      </c>
      <c r="EP35" s="294">
        <v>0</v>
      </c>
      <c r="EQ35" s="295">
        <v>0</v>
      </c>
      <c r="ER35" s="296">
        <v>0</v>
      </c>
      <c r="ES35" s="300"/>
      <c r="ET35" s="295">
        <v>0</v>
      </c>
      <c r="EU35" s="295">
        <v>0</v>
      </c>
      <c r="EV35" s="295">
        <v>0</v>
      </c>
      <c r="EW35" s="295">
        <v>0</v>
      </c>
      <c r="EX35" s="295">
        <v>0</v>
      </c>
      <c r="EY35" s="298">
        <v>0</v>
      </c>
      <c r="EZ35" s="299">
        <v>0</v>
      </c>
      <c r="FA35" s="294">
        <v>0</v>
      </c>
      <c r="FB35" s="295">
        <v>0</v>
      </c>
      <c r="FC35" s="296">
        <v>0</v>
      </c>
      <c r="FD35" s="300"/>
      <c r="FE35" s="295">
        <v>0</v>
      </c>
      <c r="FF35" s="295">
        <v>0</v>
      </c>
      <c r="FG35" s="295">
        <v>0</v>
      </c>
      <c r="FH35" s="295">
        <v>0</v>
      </c>
      <c r="FI35" s="295">
        <v>217</v>
      </c>
      <c r="FJ35" s="298">
        <v>217</v>
      </c>
      <c r="FK35" s="299">
        <v>217</v>
      </c>
      <c r="FL35" s="294">
        <v>0</v>
      </c>
      <c r="FM35" s="295">
        <v>0</v>
      </c>
      <c r="FN35" s="296">
        <v>0</v>
      </c>
      <c r="FO35" s="300"/>
      <c r="FP35" s="295">
        <v>0</v>
      </c>
      <c r="FQ35" s="295">
        <v>0</v>
      </c>
      <c r="FR35" s="295">
        <v>181505</v>
      </c>
      <c r="FS35" s="295">
        <v>29484</v>
      </c>
      <c r="FT35" s="295">
        <v>21762</v>
      </c>
      <c r="FU35" s="298">
        <v>232751</v>
      </c>
      <c r="FV35" s="299">
        <v>232751</v>
      </c>
      <c r="FW35" s="294">
        <v>0</v>
      </c>
      <c r="FX35" s="295">
        <v>0</v>
      </c>
      <c r="FY35" s="296">
        <v>0</v>
      </c>
      <c r="FZ35" s="297">
        <v>0</v>
      </c>
      <c r="GA35" s="295">
        <v>1755</v>
      </c>
      <c r="GB35" s="295">
        <v>4365</v>
      </c>
      <c r="GC35" s="295">
        <v>25519</v>
      </c>
      <c r="GD35" s="295">
        <v>26407</v>
      </c>
      <c r="GE35" s="295">
        <v>10402</v>
      </c>
      <c r="GF35" s="298">
        <v>68448</v>
      </c>
      <c r="GG35" s="299">
        <v>68448</v>
      </c>
      <c r="GH35" s="294">
        <v>0</v>
      </c>
      <c r="GI35" s="295">
        <v>0</v>
      </c>
      <c r="GJ35" s="296">
        <v>0</v>
      </c>
      <c r="GK35" s="297">
        <v>0</v>
      </c>
      <c r="GL35" s="295">
        <v>0</v>
      </c>
      <c r="GM35" s="295">
        <v>0</v>
      </c>
      <c r="GN35" s="295">
        <v>56</v>
      </c>
      <c r="GO35" s="295">
        <v>1074</v>
      </c>
      <c r="GP35" s="295">
        <v>0</v>
      </c>
      <c r="GQ35" s="298">
        <v>1130</v>
      </c>
      <c r="GR35" s="299">
        <v>1130</v>
      </c>
      <c r="GS35" s="294">
        <v>0</v>
      </c>
      <c r="GT35" s="295">
        <v>0</v>
      </c>
      <c r="GU35" s="296">
        <v>0</v>
      </c>
      <c r="GV35" s="297">
        <v>0</v>
      </c>
      <c r="GW35" s="295">
        <v>0</v>
      </c>
      <c r="GX35" s="295">
        <v>0</v>
      </c>
      <c r="GY35" s="295">
        <v>0</v>
      </c>
      <c r="GZ35" s="295">
        <v>0</v>
      </c>
      <c r="HA35" s="295">
        <v>0</v>
      </c>
      <c r="HB35" s="298">
        <v>0</v>
      </c>
      <c r="HC35" s="299">
        <v>0</v>
      </c>
      <c r="HD35" s="294">
        <v>0</v>
      </c>
      <c r="HE35" s="295">
        <v>0</v>
      </c>
      <c r="HF35" s="296">
        <v>0</v>
      </c>
      <c r="HG35" s="300"/>
      <c r="HH35" s="295">
        <v>0</v>
      </c>
      <c r="HI35" s="295">
        <v>0</v>
      </c>
      <c r="HJ35" s="295">
        <v>0</v>
      </c>
      <c r="HK35" s="295">
        <v>0</v>
      </c>
      <c r="HL35" s="295">
        <v>0</v>
      </c>
      <c r="HM35" s="298">
        <v>0</v>
      </c>
      <c r="HN35" s="299">
        <v>0</v>
      </c>
      <c r="HO35" s="294">
        <v>0</v>
      </c>
      <c r="HP35" s="295">
        <v>0</v>
      </c>
      <c r="HQ35" s="296">
        <v>0</v>
      </c>
      <c r="HR35" s="297">
        <v>0</v>
      </c>
      <c r="HS35" s="295">
        <v>5042</v>
      </c>
      <c r="HT35" s="295">
        <v>95821</v>
      </c>
      <c r="HU35" s="295">
        <v>806943</v>
      </c>
      <c r="HV35" s="295">
        <v>568779</v>
      </c>
      <c r="HW35" s="295">
        <v>237091</v>
      </c>
      <c r="HX35" s="298">
        <v>1713676</v>
      </c>
      <c r="HY35" s="299">
        <v>1713676</v>
      </c>
    </row>
    <row r="36" spans="2:233" ht="16.5" customHeight="1" x14ac:dyDescent="0.2">
      <c r="B36" s="292" t="s">
        <v>33</v>
      </c>
      <c r="C36" s="294">
        <v>0</v>
      </c>
      <c r="D36" s="295">
        <v>0</v>
      </c>
      <c r="E36" s="296">
        <v>0</v>
      </c>
      <c r="F36" s="297">
        <v>0</v>
      </c>
      <c r="G36" s="295">
        <v>65455</v>
      </c>
      <c r="H36" s="295">
        <v>148095</v>
      </c>
      <c r="I36" s="295">
        <v>483280</v>
      </c>
      <c r="J36" s="295">
        <v>618257</v>
      </c>
      <c r="K36" s="295">
        <v>300435</v>
      </c>
      <c r="L36" s="298">
        <v>1615522</v>
      </c>
      <c r="M36" s="299">
        <v>1615522</v>
      </c>
      <c r="N36" s="294">
        <v>0</v>
      </c>
      <c r="O36" s="295">
        <v>0</v>
      </c>
      <c r="P36" s="296">
        <v>0</v>
      </c>
      <c r="Q36" s="300"/>
      <c r="R36" s="295">
        <v>0</v>
      </c>
      <c r="S36" s="295">
        <v>27280</v>
      </c>
      <c r="T36" s="295">
        <v>258260</v>
      </c>
      <c r="U36" s="295">
        <v>400165</v>
      </c>
      <c r="V36" s="295">
        <v>256595</v>
      </c>
      <c r="W36" s="298">
        <v>942300</v>
      </c>
      <c r="X36" s="299">
        <v>942300</v>
      </c>
      <c r="Y36" s="294">
        <v>0</v>
      </c>
      <c r="Z36" s="295">
        <v>0</v>
      </c>
      <c r="AA36" s="296">
        <v>0</v>
      </c>
      <c r="AB36" s="300"/>
      <c r="AC36" s="295">
        <v>40610</v>
      </c>
      <c r="AD36" s="295">
        <v>62775</v>
      </c>
      <c r="AE36" s="295">
        <v>146850</v>
      </c>
      <c r="AF36" s="295">
        <v>138300</v>
      </c>
      <c r="AG36" s="295">
        <v>13185</v>
      </c>
      <c r="AH36" s="298">
        <v>401720</v>
      </c>
      <c r="AI36" s="299">
        <v>401720</v>
      </c>
      <c r="AJ36" s="294">
        <v>0</v>
      </c>
      <c r="AK36" s="295">
        <v>0</v>
      </c>
      <c r="AL36" s="296">
        <v>0</v>
      </c>
      <c r="AM36" s="300"/>
      <c r="AN36" s="295">
        <v>0</v>
      </c>
      <c r="AO36" s="295">
        <v>0</v>
      </c>
      <c r="AP36" s="295">
        <v>0</v>
      </c>
      <c r="AQ36" s="295">
        <v>0</v>
      </c>
      <c r="AR36" s="295">
        <v>0</v>
      </c>
      <c r="AS36" s="298">
        <v>0</v>
      </c>
      <c r="AT36" s="299">
        <v>0</v>
      </c>
      <c r="AU36" s="294">
        <v>0</v>
      </c>
      <c r="AV36" s="295">
        <v>0</v>
      </c>
      <c r="AW36" s="296">
        <v>0</v>
      </c>
      <c r="AX36" s="300"/>
      <c r="AY36" s="295">
        <v>24645</v>
      </c>
      <c r="AZ36" s="295">
        <v>42720</v>
      </c>
      <c r="BA36" s="295">
        <v>62775</v>
      </c>
      <c r="BB36" s="295">
        <v>70990</v>
      </c>
      <c r="BC36" s="295">
        <v>28965</v>
      </c>
      <c r="BD36" s="298">
        <v>230095</v>
      </c>
      <c r="BE36" s="299">
        <v>230095</v>
      </c>
      <c r="BF36" s="294">
        <v>0</v>
      </c>
      <c r="BG36" s="295">
        <v>0</v>
      </c>
      <c r="BH36" s="296">
        <v>0</v>
      </c>
      <c r="BI36" s="300"/>
      <c r="BJ36" s="295">
        <v>0</v>
      </c>
      <c r="BK36" s="295">
        <v>0</v>
      </c>
      <c r="BL36" s="295">
        <v>0</v>
      </c>
      <c r="BM36" s="295">
        <v>0</v>
      </c>
      <c r="BN36" s="295">
        <v>0</v>
      </c>
      <c r="BO36" s="298">
        <v>0</v>
      </c>
      <c r="BP36" s="299">
        <v>0</v>
      </c>
      <c r="BQ36" s="294">
        <v>0</v>
      </c>
      <c r="BR36" s="295">
        <v>0</v>
      </c>
      <c r="BS36" s="296">
        <v>0</v>
      </c>
      <c r="BT36" s="297">
        <v>0</v>
      </c>
      <c r="BU36" s="295">
        <v>200</v>
      </c>
      <c r="BV36" s="295">
        <v>15320</v>
      </c>
      <c r="BW36" s="295">
        <v>15395</v>
      </c>
      <c r="BX36" s="295">
        <v>8802</v>
      </c>
      <c r="BY36" s="295">
        <v>0</v>
      </c>
      <c r="BZ36" s="298">
        <v>39717</v>
      </c>
      <c r="CA36" s="299">
        <v>39717</v>
      </c>
      <c r="CB36" s="294">
        <v>0</v>
      </c>
      <c r="CC36" s="295">
        <v>0</v>
      </c>
      <c r="CD36" s="296">
        <v>0</v>
      </c>
      <c r="CE36" s="297">
        <v>0</v>
      </c>
      <c r="CF36" s="295">
        <v>0</v>
      </c>
      <c r="CG36" s="295">
        <v>0</v>
      </c>
      <c r="CH36" s="295">
        <v>0</v>
      </c>
      <c r="CI36" s="295">
        <v>0</v>
      </c>
      <c r="CJ36" s="295">
        <v>1690</v>
      </c>
      <c r="CK36" s="298">
        <v>1690</v>
      </c>
      <c r="CL36" s="299">
        <v>1690</v>
      </c>
      <c r="CM36" s="294">
        <v>0</v>
      </c>
      <c r="CN36" s="295">
        <v>0</v>
      </c>
      <c r="CO36" s="296">
        <v>0</v>
      </c>
      <c r="CP36" s="297">
        <v>0</v>
      </c>
      <c r="CQ36" s="295">
        <v>0</v>
      </c>
      <c r="CR36" s="295">
        <v>0</v>
      </c>
      <c r="CS36" s="295">
        <v>0</v>
      </c>
      <c r="CT36" s="295">
        <v>0</v>
      </c>
      <c r="CU36" s="295">
        <v>0</v>
      </c>
      <c r="CV36" s="298">
        <v>0</v>
      </c>
      <c r="CW36" s="299">
        <v>0</v>
      </c>
      <c r="CX36" s="294">
        <v>0</v>
      </c>
      <c r="CY36" s="295">
        <v>0</v>
      </c>
      <c r="CZ36" s="296">
        <v>0</v>
      </c>
      <c r="DA36" s="300"/>
      <c r="DB36" s="295">
        <v>0</v>
      </c>
      <c r="DC36" s="295">
        <v>0</v>
      </c>
      <c r="DD36" s="295">
        <v>0</v>
      </c>
      <c r="DE36" s="295">
        <v>0</v>
      </c>
      <c r="DF36" s="295">
        <v>0</v>
      </c>
      <c r="DG36" s="298">
        <v>0</v>
      </c>
      <c r="DH36" s="299">
        <v>0</v>
      </c>
      <c r="DI36" s="294">
        <v>0</v>
      </c>
      <c r="DJ36" s="295">
        <v>0</v>
      </c>
      <c r="DK36" s="296">
        <v>0</v>
      </c>
      <c r="DL36" s="297">
        <v>0</v>
      </c>
      <c r="DM36" s="295">
        <v>1794</v>
      </c>
      <c r="DN36" s="295">
        <v>74669</v>
      </c>
      <c r="DO36" s="295">
        <v>333249</v>
      </c>
      <c r="DP36" s="295">
        <v>483928</v>
      </c>
      <c r="DQ36" s="295">
        <v>197739</v>
      </c>
      <c r="DR36" s="298">
        <v>1091379</v>
      </c>
      <c r="DS36" s="301">
        <v>1091379</v>
      </c>
      <c r="DT36" s="294">
        <v>0</v>
      </c>
      <c r="DU36" s="295">
        <v>0</v>
      </c>
      <c r="DV36" s="296">
        <v>0</v>
      </c>
      <c r="DW36" s="300"/>
      <c r="DX36" s="295">
        <v>0</v>
      </c>
      <c r="DY36" s="295">
        <v>36611</v>
      </c>
      <c r="DZ36" s="295">
        <v>267902</v>
      </c>
      <c r="EA36" s="295">
        <v>429423</v>
      </c>
      <c r="EB36" s="295">
        <v>187761</v>
      </c>
      <c r="EC36" s="298">
        <v>921697</v>
      </c>
      <c r="ED36" s="299">
        <v>921697</v>
      </c>
      <c r="EE36" s="294">
        <v>0</v>
      </c>
      <c r="EF36" s="295">
        <v>0</v>
      </c>
      <c r="EG36" s="296">
        <v>0</v>
      </c>
      <c r="EH36" s="300"/>
      <c r="EI36" s="295">
        <v>868</v>
      </c>
      <c r="EJ36" s="295">
        <v>12121</v>
      </c>
      <c r="EK36" s="295">
        <v>36423</v>
      </c>
      <c r="EL36" s="295">
        <v>1484</v>
      </c>
      <c r="EM36" s="295">
        <v>217</v>
      </c>
      <c r="EN36" s="298">
        <v>51113</v>
      </c>
      <c r="EO36" s="299">
        <v>51113</v>
      </c>
      <c r="EP36" s="294">
        <v>0</v>
      </c>
      <c r="EQ36" s="295">
        <v>0</v>
      </c>
      <c r="ER36" s="296">
        <v>0</v>
      </c>
      <c r="ES36" s="300"/>
      <c r="ET36" s="295">
        <v>0</v>
      </c>
      <c r="EU36" s="295">
        <v>0</v>
      </c>
      <c r="EV36" s="295">
        <v>0</v>
      </c>
      <c r="EW36" s="295">
        <v>0</v>
      </c>
      <c r="EX36" s="295">
        <v>0</v>
      </c>
      <c r="EY36" s="298">
        <v>0</v>
      </c>
      <c r="EZ36" s="299">
        <v>0</v>
      </c>
      <c r="FA36" s="294">
        <v>0</v>
      </c>
      <c r="FB36" s="295">
        <v>0</v>
      </c>
      <c r="FC36" s="296">
        <v>0</v>
      </c>
      <c r="FD36" s="300"/>
      <c r="FE36" s="295">
        <v>217</v>
      </c>
      <c r="FF36" s="295">
        <v>12338</v>
      </c>
      <c r="FG36" s="295">
        <v>12121</v>
      </c>
      <c r="FH36" s="295">
        <v>23374</v>
      </c>
      <c r="FI36" s="295">
        <v>9761</v>
      </c>
      <c r="FJ36" s="298">
        <v>57811</v>
      </c>
      <c r="FK36" s="299">
        <v>57811</v>
      </c>
      <c r="FL36" s="294">
        <v>0</v>
      </c>
      <c r="FM36" s="295">
        <v>0</v>
      </c>
      <c r="FN36" s="296">
        <v>0</v>
      </c>
      <c r="FO36" s="300"/>
      <c r="FP36" s="295">
        <v>0</v>
      </c>
      <c r="FQ36" s="295">
        <v>0</v>
      </c>
      <c r="FR36" s="295">
        <v>0</v>
      </c>
      <c r="FS36" s="295">
        <v>0</v>
      </c>
      <c r="FT36" s="295">
        <v>0</v>
      </c>
      <c r="FU36" s="298">
        <v>0</v>
      </c>
      <c r="FV36" s="299">
        <v>0</v>
      </c>
      <c r="FW36" s="294">
        <v>0</v>
      </c>
      <c r="FX36" s="295">
        <v>0</v>
      </c>
      <c r="FY36" s="296">
        <v>0</v>
      </c>
      <c r="FZ36" s="297">
        <v>0</v>
      </c>
      <c r="GA36" s="295">
        <v>702</v>
      </c>
      <c r="GB36" s="295">
        <v>13599</v>
      </c>
      <c r="GC36" s="295">
        <v>16803</v>
      </c>
      <c r="GD36" s="295">
        <v>29647</v>
      </c>
      <c r="GE36" s="295">
        <v>0</v>
      </c>
      <c r="GF36" s="298">
        <v>60751</v>
      </c>
      <c r="GG36" s="299">
        <v>60751</v>
      </c>
      <c r="GH36" s="294">
        <v>0</v>
      </c>
      <c r="GI36" s="295">
        <v>0</v>
      </c>
      <c r="GJ36" s="296">
        <v>0</v>
      </c>
      <c r="GK36" s="297">
        <v>0</v>
      </c>
      <c r="GL36" s="295">
        <v>0</v>
      </c>
      <c r="GM36" s="295">
        <v>0</v>
      </c>
      <c r="GN36" s="295">
        <v>0</v>
      </c>
      <c r="GO36" s="295">
        <v>0</v>
      </c>
      <c r="GP36" s="295">
        <v>0</v>
      </c>
      <c r="GQ36" s="298">
        <v>0</v>
      </c>
      <c r="GR36" s="299">
        <v>0</v>
      </c>
      <c r="GS36" s="294">
        <v>0</v>
      </c>
      <c r="GT36" s="295">
        <v>0</v>
      </c>
      <c r="GU36" s="296">
        <v>0</v>
      </c>
      <c r="GV36" s="297">
        <v>0</v>
      </c>
      <c r="GW36" s="295">
        <v>0</v>
      </c>
      <c r="GX36" s="295">
        <v>0</v>
      </c>
      <c r="GY36" s="295">
        <v>0</v>
      </c>
      <c r="GZ36" s="295">
        <v>0</v>
      </c>
      <c r="HA36" s="295">
        <v>0</v>
      </c>
      <c r="HB36" s="298">
        <v>0</v>
      </c>
      <c r="HC36" s="299">
        <v>0</v>
      </c>
      <c r="HD36" s="294">
        <v>0</v>
      </c>
      <c r="HE36" s="295">
        <v>0</v>
      </c>
      <c r="HF36" s="296">
        <v>0</v>
      </c>
      <c r="HG36" s="300"/>
      <c r="HH36" s="295">
        <v>7</v>
      </c>
      <c r="HI36" s="295">
        <v>0</v>
      </c>
      <c r="HJ36" s="295">
        <v>0</v>
      </c>
      <c r="HK36" s="295">
        <v>0</v>
      </c>
      <c r="HL36" s="295">
        <v>0</v>
      </c>
      <c r="HM36" s="298">
        <v>7</v>
      </c>
      <c r="HN36" s="299">
        <v>7</v>
      </c>
      <c r="HO36" s="294">
        <v>0</v>
      </c>
      <c r="HP36" s="295">
        <v>0</v>
      </c>
      <c r="HQ36" s="296">
        <v>0</v>
      </c>
      <c r="HR36" s="297">
        <v>0</v>
      </c>
      <c r="HS36" s="295">
        <v>67249</v>
      </c>
      <c r="HT36" s="295">
        <v>222764</v>
      </c>
      <c r="HU36" s="295">
        <v>816529</v>
      </c>
      <c r="HV36" s="295">
        <v>1102185</v>
      </c>
      <c r="HW36" s="295">
        <v>498174</v>
      </c>
      <c r="HX36" s="298">
        <v>2706901</v>
      </c>
      <c r="HY36" s="299">
        <v>2706901</v>
      </c>
    </row>
    <row r="37" spans="2:233" ht="16.5" customHeight="1" x14ac:dyDescent="0.2">
      <c r="B37" s="292" t="s">
        <v>34</v>
      </c>
      <c r="C37" s="294">
        <v>0</v>
      </c>
      <c r="D37" s="295">
        <v>0</v>
      </c>
      <c r="E37" s="296">
        <v>0</v>
      </c>
      <c r="F37" s="297">
        <v>0</v>
      </c>
      <c r="G37" s="295">
        <v>27280</v>
      </c>
      <c r="H37" s="295">
        <v>90585</v>
      </c>
      <c r="I37" s="295">
        <v>125240</v>
      </c>
      <c r="J37" s="295">
        <v>303300</v>
      </c>
      <c r="K37" s="295">
        <v>138350</v>
      </c>
      <c r="L37" s="298">
        <v>684755</v>
      </c>
      <c r="M37" s="299">
        <v>684755</v>
      </c>
      <c r="N37" s="294">
        <v>0</v>
      </c>
      <c r="O37" s="295">
        <v>0</v>
      </c>
      <c r="P37" s="296">
        <v>0</v>
      </c>
      <c r="Q37" s="300"/>
      <c r="R37" s="295">
        <v>0</v>
      </c>
      <c r="S37" s="295">
        <v>0</v>
      </c>
      <c r="T37" s="295">
        <v>35340</v>
      </c>
      <c r="U37" s="295">
        <v>233130</v>
      </c>
      <c r="V37" s="295">
        <v>133080</v>
      </c>
      <c r="W37" s="298">
        <v>401550</v>
      </c>
      <c r="X37" s="299">
        <v>401550</v>
      </c>
      <c r="Y37" s="294">
        <v>0</v>
      </c>
      <c r="Z37" s="295">
        <v>0</v>
      </c>
      <c r="AA37" s="296">
        <v>0</v>
      </c>
      <c r="AB37" s="300"/>
      <c r="AC37" s="295">
        <v>27280</v>
      </c>
      <c r="AD37" s="295">
        <v>55090</v>
      </c>
      <c r="AE37" s="295">
        <v>89900</v>
      </c>
      <c r="AF37" s="295">
        <v>40765</v>
      </c>
      <c r="AG37" s="295">
        <v>5270</v>
      </c>
      <c r="AH37" s="298">
        <v>218305</v>
      </c>
      <c r="AI37" s="299">
        <v>218305</v>
      </c>
      <c r="AJ37" s="294">
        <v>0</v>
      </c>
      <c r="AK37" s="295">
        <v>0</v>
      </c>
      <c r="AL37" s="296">
        <v>0</v>
      </c>
      <c r="AM37" s="300"/>
      <c r="AN37" s="295">
        <v>0</v>
      </c>
      <c r="AO37" s="295">
        <v>0</v>
      </c>
      <c r="AP37" s="295">
        <v>0</v>
      </c>
      <c r="AQ37" s="295">
        <v>0</v>
      </c>
      <c r="AR37" s="295">
        <v>0</v>
      </c>
      <c r="AS37" s="298">
        <v>0</v>
      </c>
      <c r="AT37" s="299">
        <v>0</v>
      </c>
      <c r="AU37" s="294">
        <v>0</v>
      </c>
      <c r="AV37" s="295">
        <v>0</v>
      </c>
      <c r="AW37" s="296">
        <v>0</v>
      </c>
      <c r="AX37" s="300"/>
      <c r="AY37" s="295">
        <v>0</v>
      </c>
      <c r="AZ37" s="295">
        <v>35495</v>
      </c>
      <c r="BA37" s="295">
        <v>0</v>
      </c>
      <c r="BB37" s="295">
        <v>0</v>
      </c>
      <c r="BC37" s="295">
        <v>0</v>
      </c>
      <c r="BD37" s="298">
        <v>35495</v>
      </c>
      <c r="BE37" s="299">
        <v>35495</v>
      </c>
      <c r="BF37" s="294">
        <v>0</v>
      </c>
      <c r="BG37" s="295">
        <v>0</v>
      </c>
      <c r="BH37" s="296">
        <v>0</v>
      </c>
      <c r="BI37" s="300"/>
      <c r="BJ37" s="295">
        <v>0</v>
      </c>
      <c r="BK37" s="295">
        <v>0</v>
      </c>
      <c r="BL37" s="295">
        <v>0</v>
      </c>
      <c r="BM37" s="295">
        <v>0</v>
      </c>
      <c r="BN37" s="295">
        <v>0</v>
      </c>
      <c r="BO37" s="298">
        <v>0</v>
      </c>
      <c r="BP37" s="299">
        <v>0</v>
      </c>
      <c r="BQ37" s="294">
        <v>0</v>
      </c>
      <c r="BR37" s="295">
        <v>0</v>
      </c>
      <c r="BS37" s="296">
        <v>0</v>
      </c>
      <c r="BT37" s="297">
        <v>0</v>
      </c>
      <c r="BU37" s="295">
        <v>0</v>
      </c>
      <c r="BV37" s="295">
        <v>0</v>
      </c>
      <c r="BW37" s="295">
        <v>0</v>
      </c>
      <c r="BX37" s="295">
        <v>24020</v>
      </c>
      <c r="BY37" s="295">
        <v>0</v>
      </c>
      <c r="BZ37" s="298">
        <v>24020</v>
      </c>
      <c r="CA37" s="299">
        <v>24020</v>
      </c>
      <c r="CB37" s="294">
        <v>0</v>
      </c>
      <c r="CC37" s="295">
        <v>0</v>
      </c>
      <c r="CD37" s="296">
        <v>0</v>
      </c>
      <c r="CE37" s="297">
        <v>0</v>
      </c>
      <c r="CF37" s="295">
        <v>0</v>
      </c>
      <c r="CG37" s="295">
        <v>0</v>
      </c>
      <c r="CH37" s="295">
        <v>0</v>
      </c>
      <c r="CI37" s="295">
        <v>5385</v>
      </c>
      <c r="CJ37" s="295">
        <v>0</v>
      </c>
      <c r="CK37" s="298">
        <v>5385</v>
      </c>
      <c r="CL37" s="299">
        <v>5385</v>
      </c>
      <c r="CM37" s="294">
        <v>0</v>
      </c>
      <c r="CN37" s="295">
        <v>0</v>
      </c>
      <c r="CO37" s="296">
        <v>0</v>
      </c>
      <c r="CP37" s="297">
        <v>0</v>
      </c>
      <c r="CQ37" s="295">
        <v>0</v>
      </c>
      <c r="CR37" s="295">
        <v>0</v>
      </c>
      <c r="CS37" s="295">
        <v>0</v>
      </c>
      <c r="CT37" s="295">
        <v>0</v>
      </c>
      <c r="CU37" s="295">
        <v>0</v>
      </c>
      <c r="CV37" s="298">
        <v>0</v>
      </c>
      <c r="CW37" s="299">
        <v>0</v>
      </c>
      <c r="CX37" s="294">
        <v>0</v>
      </c>
      <c r="CY37" s="295">
        <v>0</v>
      </c>
      <c r="CZ37" s="296">
        <v>0</v>
      </c>
      <c r="DA37" s="300"/>
      <c r="DB37" s="295">
        <v>0</v>
      </c>
      <c r="DC37" s="295">
        <v>0</v>
      </c>
      <c r="DD37" s="295">
        <v>0</v>
      </c>
      <c r="DE37" s="295">
        <v>0</v>
      </c>
      <c r="DF37" s="295">
        <v>0</v>
      </c>
      <c r="DG37" s="298">
        <v>0</v>
      </c>
      <c r="DH37" s="299">
        <v>0</v>
      </c>
      <c r="DI37" s="294">
        <v>0</v>
      </c>
      <c r="DJ37" s="295">
        <v>0</v>
      </c>
      <c r="DK37" s="296">
        <v>0</v>
      </c>
      <c r="DL37" s="297">
        <v>0</v>
      </c>
      <c r="DM37" s="295">
        <v>403</v>
      </c>
      <c r="DN37" s="295">
        <v>12513</v>
      </c>
      <c r="DO37" s="295">
        <v>59644</v>
      </c>
      <c r="DP37" s="295">
        <v>281901</v>
      </c>
      <c r="DQ37" s="295">
        <v>180079</v>
      </c>
      <c r="DR37" s="298">
        <v>534540</v>
      </c>
      <c r="DS37" s="301">
        <v>534540</v>
      </c>
      <c r="DT37" s="294">
        <v>0</v>
      </c>
      <c r="DU37" s="295">
        <v>0</v>
      </c>
      <c r="DV37" s="296">
        <v>0</v>
      </c>
      <c r="DW37" s="300"/>
      <c r="DX37" s="295">
        <v>0</v>
      </c>
      <c r="DY37" s="295">
        <v>0</v>
      </c>
      <c r="DZ37" s="295">
        <v>58342</v>
      </c>
      <c r="EA37" s="295">
        <v>255181</v>
      </c>
      <c r="EB37" s="295">
        <v>179645</v>
      </c>
      <c r="EC37" s="298">
        <v>493168</v>
      </c>
      <c r="ED37" s="299">
        <v>493168</v>
      </c>
      <c r="EE37" s="294">
        <v>0</v>
      </c>
      <c r="EF37" s="295">
        <v>0</v>
      </c>
      <c r="EG37" s="296">
        <v>0</v>
      </c>
      <c r="EH37" s="300"/>
      <c r="EI37" s="295">
        <v>403</v>
      </c>
      <c r="EJ37" s="295">
        <v>826</v>
      </c>
      <c r="EK37" s="295">
        <v>1302</v>
      </c>
      <c r="EL37" s="295">
        <v>12121</v>
      </c>
      <c r="EM37" s="295">
        <v>434</v>
      </c>
      <c r="EN37" s="298">
        <v>15086</v>
      </c>
      <c r="EO37" s="299">
        <v>15086</v>
      </c>
      <c r="EP37" s="294">
        <v>0</v>
      </c>
      <c r="EQ37" s="295">
        <v>0</v>
      </c>
      <c r="ER37" s="296">
        <v>0</v>
      </c>
      <c r="ES37" s="300"/>
      <c r="ET37" s="295">
        <v>0</v>
      </c>
      <c r="EU37" s="295">
        <v>0</v>
      </c>
      <c r="EV37" s="295">
        <v>0</v>
      </c>
      <c r="EW37" s="295">
        <v>0</v>
      </c>
      <c r="EX37" s="295">
        <v>0</v>
      </c>
      <c r="EY37" s="298">
        <v>0</v>
      </c>
      <c r="EZ37" s="299">
        <v>0</v>
      </c>
      <c r="FA37" s="294">
        <v>0</v>
      </c>
      <c r="FB37" s="295">
        <v>0</v>
      </c>
      <c r="FC37" s="296">
        <v>0</v>
      </c>
      <c r="FD37" s="300"/>
      <c r="FE37" s="295">
        <v>0</v>
      </c>
      <c r="FF37" s="295">
        <v>11687</v>
      </c>
      <c r="FG37" s="295">
        <v>0</v>
      </c>
      <c r="FH37" s="295">
        <v>0</v>
      </c>
      <c r="FI37" s="295">
        <v>0</v>
      </c>
      <c r="FJ37" s="298">
        <v>11687</v>
      </c>
      <c r="FK37" s="299">
        <v>11687</v>
      </c>
      <c r="FL37" s="294">
        <v>0</v>
      </c>
      <c r="FM37" s="295">
        <v>0</v>
      </c>
      <c r="FN37" s="296">
        <v>0</v>
      </c>
      <c r="FO37" s="300"/>
      <c r="FP37" s="295">
        <v>0</v>
      </c>
      <c r="FQ37" s="295">
        <v>0</v>
      </c>
      <c r="FR37" s="295">
        <v>0</v>
      </c>
      <c r="FS37" s="295">
        <v>0</v>
      </c>
      <c r="FT37" s="295">
        <v>0</v>
      </c>
      <c r="FU37" s="298">
        <v>0</v>
      </c>
      <c r="FV37" s="299">
        <v>0</v>
      </c>
      <c r="FW37" s="294">
        <v>0</v>
      </c>
      <c r="FX37" s="295">
        <v>0</v>
      </c>
      <c r="FY37" s="296">
        <v>0</v>
      </c>
      <c r="FZ37" s="297">
        <v>0</v>
      </c>
      <c r="GA37" s="295">
        <v>0</v>
      </c>
      <c r="GB37" s="295">
        <v>0</v>
      </c>
      <c r="GC37" s="295">
        <v>0</v>
      </c>
      <c r="GD37" s="295">
        <v>14550</v>
      </c>
      <c r="GE37" s="295">
        <v>0</v>
      </c>
      <c r="GF37" s="298">
        <v>14550</v>
      </c>
      <c r="GG37" s="299">
        <v>14550</v>
      </c>
      <c r="GH37" s="294">
        <v>0</v>
      </c>
      <c r="GI37" s="295">
        <v>0</v>
      </c>
      <c r="GJ37" s="296">
        <v>0</v>
      </c>
      <c r="GK37" s="297">
        <v>0</v>
      </c>
      <c r="GL37" s="295">
        <v>0</v>
      </c>
      <c r="GM37" s="295">
        <v>0</v>
      </c>
      <c r="GN37" s="295">
        <v>0</v>
      </c>
      <c r="GO37" s="295">
        <v>49</v>
      </c>
      <c r="GP37" s="295">
        <v>0</v>
      </c>
      <c r="GQ37" s="298">
        <v>49</v>
      </c>
      <c r="GR37" s="299">
        <v>49</v>
      </c>
      <c r="GS37" s="294">
        <v>0</v>
      </c>
      <c r="GT37" s="295">
        <v>0</v>
      </c>
      <c r="GU37" s="296">
        <v>0</v>
      </c>
      <c r="GV37" s="297">
        <v>0</v>
      </c>
      <c r="GW37" s="295">
        <v>0</v>
      </c>
      <c r="GX37" s="295">
        <v>0</v>
      </c>
      <c r="GY37" s="295">
        <v>0</v>
      </c>
      <c r="GZ37" s="295">
        <v>0</v>
      </c>
      <c r="HA37" s="295">
        <v>0</v>
      </c>
      <c r="HB37" s="298">
        <v>0</v>
      </c>
      <c r="HC37" s="299">
        <v>0</v>
      </c>
      <c r="HD37" s="294">
        <v>0</v>
      </c>
      <c r="HE37" s="295">
        <v>0</v>
      </c>
      <c r="HF37" s="296">
        <v>0</v>
      </c>
      <c r="HG37" s="300"/>
      <c r="HH37" s="295">
        <v>0</v>
      </c>
      <c r="HI37" s="295">
        <v>0</v>
      </c>
      <c r="HJ37" s="295">
        <v>0</v>
      </c>
      <c r="HK37" s="295">
        <v>0</v>
      </c>
      <c r="HL37" s="295">
        <v>0</v>
      </c>
      <c r="HM37" s="298">
        <v>0</v>
      </c>
      <c r="HN37" s="299">
        <v>0</v>
      </c>
      <c r="HO37" s="294">
        <v>0</v>
      </c>
      <c r="HP37" s="295">
        <v>0</v>
      </c>
      <c r="HQ37" s="296">
        <v>0</v>
      </c>
      <c r="HR37" s="297">
        <v>0</v>
      </c>
      <c r="HS37" s="295">
        <v>27683</v>
      </c>
      <c r="HT37" s="295">
        <v>103098</v>
      </c>
      <c r="HU37" s="295">
        <v>184884</v>
      </c>
      <c r="HV37" s="295">
        <v>585201</v>
      </c>
      <c r="HW37" s="295">
        <v>318429</v>
      </c>
      <c r="HX37" s="298">
        <v>1219295</v>
      </c>
      <c r="HY37" s="299">
        <v>1219295</v>
      </c>
    </row>
    <row r="38" spans="2:233" ht="16.5" customHeight="1" x14ac:dyDescent="0.2">
      <c r="B38" s="292" t="s">
        <v>35</v>
      </c>
      <c r="C38" s="294">
        <v>0</v>
      </c>
      <c r="D38" s="295">
        <v>0</v>
      </c>
      <c r="E38" s="296">
        <v>0</v>
      </c>
      <c r="F38" s="297">
        <v>0</v>
      </c>
      <c r="G38" s="295">
        <v>305240</v>
      </c>
      <c r="H38" s="295">
        <v>358370</v>
      </c>
      <c r="I38" s="295">
        <v>557140</v>
      </c>
      <c r="J38" s="295">
        <v>713665</v>
      </c>
      <c r="K38" s="295">
        <v>409355</v>
      </c>
      <c r="L38" s="298">
        <v>2343770</v>
      </c>
      <c r="M38" s="299">
        <v>2343770</v>
      </c>
      <c r="N38" s="294">
        <v>0</v>
      </c>
      <c r="O38" s="295">
        <v>0</v>
      </c>
      <c r="P38" s="296">
        <v>0</v>
      </c>
      <c r="Q38" s="300"/>
      <c r="R38" s="295">
        <v>59210</v>
      </c>
      <c r="S38" s="295">
        <v>34410</v>
      </c>
      <c r="T38" s="295">
        <v>246300</v>
      </c>
      <c r="U38" s="295">
        <v>467935</v>
      </c>
      <c r="V38" s="295">
        <v>275590</v>
      </c>
      <c r="W38" s="298">
        <v>1083445</v>
      </c>
      <c r="X38" s="299">
        <v>1083445</v>
      </c>
      <c r="Y38" s="294">
        <v>0</v>
      </c>
      <c r="Z38" s="295">
        <v>0</v>
      </c>
      <c r="AA38" s="296">
        <v>0</v>
      </c>
      <c r="AB38" s="300"/>
      <c r="AC38" s="295">
        <v>167790</v>
      </c>
      <c r="AD38" s="295">
        <v>296965</v>
      </c>
      <c r="AE38" s="295">
        <v>193185</v>
      </c>
      <c r="AF38" s="295">
        <v>163755</v>
      </c>
      <c r="AG38" s="295">
        <v>0</v>
      </c>
      <c r="AH38" s="298">
        <v>821695</v>
      </c>
      <c r="AI38" s="299">
        <v>821695</v>
      </c>
      <c r="AJ38" s="294">
        <v>0</v>
      </c>
      <c r="AK38" s="295">
        <v>0</v>
      </c>
      <c r="AL38" s="296">
        <v>0</v>
      </c>
      <c r="AM38" s="300"/>
      <c r="AN38" s="295">
        <v>0</v>
      </c>
      <c r="AO38" s="295">
        <v>0</v>
      </c>
      <c r="AP38" s="295">
        <v>0</v>
      </c>
      <c r="AQ38" s="295">
        <v>0</v>
      </c>
      <c r="AR38" s="295">
        <v>0</v>
      </c>
      <c r="AS38" s="298">
        <v>0</v>
      </c>
      <c r="AT38" s="299">
        <v>0</v>
      </c>
      <c r="AU38" s="294">
        <v>0</v>
      </c>
      <c r="AV38" s="295">
        <v>0</v>
      </c>
      <c r="AW38" s="296">
        <v>0</v>
      </c>
      <c r="AX38" s="300"/>
      <c r="AY38" s="295">
        <v>73470</v>
      </c>
      <c r="AZ38" s="295">
        <v>0</v>
      </c>
      <c r="BA38" s="295">
        <v>73625</v>
      </c>
      <c r="BB38" s="295">
        <v>76515</v>
      </c>
      <c r="BC38" s="295">
        <v>133765</v>
      </c>
      <c r="BD38" s="298">
        <v>357375</v>
      </c>
      <c r="BE38" s="299">
        <v>357375</v>
      </c>
      <c r="BF38" s="294">
        <v>0</v>
      </c>
      <c r="BG38" s="295">
        <v>0</v>
      </c>
      <c r="BH38" s="296">
        <v>0</v>
      </c>
      <c r="BI38" s="300"/>
      <c r="BJ38" s="295">
        <v>0</v>
      </c>
      <c r="BK38" s="295">
        <v>0</v>
      </c>
      <c r="BL38" s="295">
        <v>0</v>
      </c>
      <c r="BM38" s="295">
        <v>0</v>
      </c>
      <c r="BN38" s="295">
        <v>0</v>
      </c>
      <c r="BO38" s="298">
        <v>0</v>
      </c>
      <c r="BP38" s="299">
        <v>0</v>
      </c>
      <c r="BQ38" s="294">
        <v>0</v>
      </c>
      <c r="BR38" s="295">
        <v>0</v>
      </c>
      <c r="BS38" s="296">
        <v>0</v>
      </c>
      <c r="BT38" s="297">
        <v>0</v>
      </c>
      <c r="BU38" s="295">
        <v>4770</v>
      </c>
      <c r="BV38" s="295">
        <v>26995</v>
      </c>
      <c r="BW38" s="295">
        <v>41445</v>
      </c>
      <c r="BX38" s="295">
        <v>5460</v>
      </c>
      <c r="BY38" s="295">
        <v>0</v>
      </c>
      <c r="BZ38" s="298">
        <v>78670</v>
      </c>
      <c r="CA38" s="299">
        <v>78670</v>
      </c>
      <c r="CB38" s="294">
        <v>0</v>
      </c>
      <c r="CC38" s="295">
        <v>0</v>
      </c>
      <c r="CD38" s="296">
        <v>0</v>
      </c>
      <c r="CE38" s="297">
        <v>0</v>
      </c>
      <c r="CF38" s="295">
        <v>0</v>
      </c>
      <c r="CG38" s="295">
        <v>0</v>
      </c>
      <c r="CH38" s="295">
        <v>2585</v>
      </c>
      <c r="CI38" s="295">
        <v>0</v>
      </c>
      <c r="CJ38" s="295">
        <v>0</v>
      </c>
      <c r="CK38" s="298">
        <v>2585</v>
      </c>
      <c r="CL38" s="299">
        <v>2585</v>
      </c>
      <c r="CM38" s="294">
        <v>0</v>
      </c>
      <c r="CN38" s="295">
        <v>0</v>
      </c>
      <c r="CO38" s="296">
        <v>0</v>
      </c>
      <c r="CP38" s="297">
        <v>0</v>
      </c>
      <c r="CQ38" s="295">
        <v>0</v>
      </c>
      <c r="CR38" s="295">
        <v>0</v>
      </c>
      <c r="CS38" s="295">
        <v>0</v>
      </c>
      <c r="CT38" s="295">
        <v>0</v>
      </c>
      <c r="CU38" s="295">
        <v>0</v>
      </c>
      <c r="CV38" s="298">
        <v>0</v>
      </c>
      <c r="CW38" s="299">
        <v>0</v>
      </c>
      <c r="CX38" s="294">
        <v>0</v>
      </c>
      <c r="CY38" s="295">
        <v>0</v>
      </c>
      <c r="CZ38" s="296">
        <v>0</v>
      </c>
      <c r="DA38" s="300"/>
      <c r="DB38" s="295">
        <v>0</v>
      </c>
      <c r="DC38" s="295">
        <v>0</v>
      </c>
      <c r="DD38" s="295">
        <v>0</v>
      </c>
      <c r="DE38" s="295">
        <v>0</v>
      </c>
      <c r="DF38" s="295">
        <v>0</v>
      </c>
      <c r="DG38" s="298">
        <v>0</v>
      </c>
      <c r="DH38" s="299">
        <v>0</v>
      </c>
      <c r="DI38" s="294">
        <v>0</v>
      </c>
      <c r="DJ38" s="295">
        <v>0</v>
      </c>
      <c r="DK38" s="296">
        <v>0</v>
      </c>
      <c r="DL38" s="297">
        <v>0</v>
      </c>
      <c r="DM38" s="295">
        <v>69839</v>
      </c>
      <c r="DN38" s="295">
        <v>58358</v>
      </c>
      <c r="DO38" s="295">
        <v>371310</v>
      </c>
      <c r="DP38" s="295">
        <v>453263</v>
      </c>
      <c r="DQ38" s="295">
        <v>340349</v>
      </c>
      <c r="DR38" s="298">
        <v>1293119</v>
      </c>
      <c r="DS38" s="301">
        <v>1293119</v>
      </c>
      <c r="DT38" s="294">
        <v>0</v>
      </c>
      <c r="DU38" s="295">
        <v>0</v>
      </c>
      <c r="DV38" s="296">
        <v>0</v>
      </c>
      <c r="DW38" s="300"/>
      <c r="DX38" s="295">
        <v>41540</v>
      </c>
      <c r="DY38" s="295">
        <v>30070</v>
      </c>
      <c r="DZ38" s="295">
        <v>296700</v>
      </c>
      <c r="EA38" s="295">
        <v>408702</v>
      </c>
      <c r="EB38" s="295">
        <v>304854</v>
      </c>
      <c r="EC38" s="298">
        <v>1081866</v>
      </c>
      <c r="ED38" s="299">
        <v>1081866</v>
      </c>
      <c r="EE38" s="294">
        <v>0</v>
      </c>
      <c r="EF38" s="295">
        <v>0</v>
      </c>
      <c r="EG38" s="296">
        <v>0</v>
      </c>
      <c r="EH38" s="300"/>
      <c r="EI38" s="295">
        <v>11686</v>
      </c>
      <c r="EJ38" s="295">
        <v>3024</v>
      </c>
      <c r="EK38" s="295">
        <v>1806</v>
      </c>
      <c r="EL38" s="295">
        <v>1512</v>
      </c>
      <c r="EM38" s="295">
        <v>0</v>
      </c>
      <c r="EN38" s="298">
        <v>18028</v>
      </c>
      <c r="EO38" s="299">
        <v>18028</v>
      </c>
      <c r="EP38" s="294">
        <v>0</v>
      </c>
      <c r="EQ38" s="295">
        <v>0</v>
      </c>
      <c r="ER38" s="296">
        <v>0</v>
      </c>
      <c r="ES38" s="300"/>
      <c r="ET38" s="295">
        <v>0</v>
      </c>
      <c r="EU38" s="295">
        <v>0</v>
      </c>
      <c r="EV38" s="295">
        <v>0</v>
      </c>
      <c r="EW38" s="295">
        <v>0</v>
      </c>
      <c r="EX38" s="295">
        <v>0</v>
      </c>
      <c r="EY38" s="298">
        <v>0</v>
      </c>
      <c r="EZ38" s="299">
        <v>0</v>
      </c>
      <c r="FA38" s="294">
        <v>0</v>
      </c>
      <c r="FB38" s="295">
        <v>0</v>
      </c>
      <c r="FC38" s="296">
        <v>0</v>
      </c>
      <c r="FD38" s="300"/>
      <c r="FE38" s="295">
        <v>12338</v>
      </c>
      <c r="FF38" s="295">
        <v>0</v>
      </c>
      <c r="FG38" s="295">
        <v>23591</v>
      </c>
      <c r="FH38" s="295">
        <v>19284</v>
      </c>
      <c r="FI38" s="295">
        <v>35495</v>
      </c>
      <c r="FJ38" s="298">
        <v>90708</v>
      </c>
      <c r="FK38" s="299">
        <v>90708</v>
      </c>
      <c r="FL38" s="294">
        <v>0</v>
      </c>
      <c r="FM38" s="295">
        <v>0</v>
      </c>
      <c r="FN38" s="296">
        <v>0</v>
      </c>
      <c r="FO38" s="300"/>
      <c r="FP38" s="295">
        <v>0</v>
      </c>
      <c r="FQ38" s="295">
        <v>0</v>
      </c>
      <c r="FR38" s="295">
        <v>0</v>
      </c>
      <c r="FS38" s="295">
        <v>0</v>
      </c>
      <c r="FT38" s="295">
        <v>0</v>
      </c>
      <c r="FU38" s="298">
        <v>0</v>
      </c>
      <c r="FV38" s="299">
        <v>0</v>
      </c>
      <c r="FW38" s="294">
        <v>0</v>
      </c>
      <c r="FX38" s="295">
        <v>0</v>
      </c>
      <c r="FY38" s="296">
        <v>0</v>
      </c>
      <c r="FZ38" s="297">
        <v>0</v>
      </c>
      <c r="GA38" s="295">
        <v>4275</v>
      </c>
      <c r="GB38" s="295">
        <v>25264</v>
      </c>
      <c r="GC38" s="295">
        <v>49164</v>
      </c>
      <c r="GD38" s="295">
        <v>23765</v>
      </c>
      <c r="GE38" s="295">
        <v>0</v>
      </c>
      <c r="GF38" s="298">
        <v>102468</v>
      </c>
      <c r="GG38" s="299">
        <v>102468</v>
      </c>
      <c r="GH38" s="294">
        <v>0</v>
      </c>
      <c r="GI38" s="295">
        <v>0</v>
      </c>
      <c r="GJ38" s="296">
        <v>0</v>
      </c>
      <c r="GK38" s="297">
        <v>0</v>
      </c>
      <c r="GL38" s="295">
        <v>0</v>
      </c>
      <c r="GM38" s="295">
        <v>0</v>
      </c>
      <c r="GN38" s="295">
        <v>49</v>
      </c>
      <c r="GO38" s="295">
        <v>0</v>
      </c>
      <c r="GP38" s="295">
        <v>0</v>
      </c>
      <c r="GQ38" s="298">
        <v>49</v>
      </c>
      <c r="GR38" s="299">
        <v>49</v>
      </c>
      <c r="GS38" s="294">
        <v>0</v>
      </c>
      <c r="GT38" s="295">
        <v>0</v>
      </c>
      <c r="GU38" s="296">
        <v>0</v>
      </c>
      <c r="GV38" s="297">
        <v>0</v>
      </c>
      <c r="GW38" s="295">
        <v>0</v>
      </c>
      <c r="GX38" s="295">
        <v>0</v>
      </c>
      <c r="GY38" s="295">
        <v>0</v>
      </c>
      <c r="GZ38" s="295">
        <v>0</v>
      </c>
      <c r="HA38" s="295">
        <v>0</v>
      </c>
      <c r="HB38" s="298">
        <v>0</v>
      </c>
      <c r="HC38" s="299">
        <v>0</v>
      </c>
      <c r="HD38" s="294">
        <v>0</v>
      </c>
      <c r="HE38" s="295">
        <v>0</v>
      </c>
      <c r="HF38" s="296">
        <v>0</v>
      </c>
      <c r="HG38" s="300"/>
      <c r="HH38" s="295">
        <v>0</v>
      </c>
      <c r="HI38" s="295">
        <v>0</v>
      </c>
      <c r="HJ38" s="295">
        <v>0</v>
      </c>
      <c r="HK38" s="295">
        <v>0</v>
      </c>
      <c r="HL38" s="295">
        <v>0</v>
      </c>
      <c r="HM38" s="298">
        <v>0</v>
      </c>
      <c r="HN38" s="299">
        <v>0</v>
      </c>
      <c r="HO38" s="294">
        <v>0</v>
      </c>
      <c r="HP38" s="295">
        <v>0</v>
      </c>
      <c r="HQ38" s="296">
        <v>0</v>
      </c>
      <c r="HR38" s="297">
        <v>0</v>
      </c>
      <c r="HS38" s="295">
        <v>375079</v>
      </c>
      <c r="HT38" s="295">
        <v>416728</v>
      </c>
      <c r="HU38" s="295">
        <v>928450</v>
      </c>
      <c r="HV38" s="295">
        <v>1166928</v>
      </c>
      <c r="HW38" s="295">
        <v>749704</v>
      </c>
      <c r="HX38" s="298">
        <v>3636889</v>
      </c>
      <c r="HY38" s="299">
        <v>3636889</v>
      </c>
    </row>
    <row r="39" spans="2:233" ht="16.5" customHeight="1" x14ac:dyDescent="0.2">
      <c r="B39" s="292" t="s">
        <v>36</v>
      </c>
      <c r="C39" s="294">
        <v>0</v>
      </c>
      <c r="D39" s="295">
        <v>0</v>
      </c>
      <c r="E39" s="296">
        <v>0</v>
      </c>
      <c r="F39" s="297">
        <v>0</v>
      </c>
      <c r="G39" s="295">
        <v>171440</v>
      </c>
      <c r="H39" s="295">
        <v>254335</v>
      </c>
      <c r="I39" s="295">
        <v>849340</v>
      </c>
      <c r="J39" s="295">
        <v>752672</v>
      </c>
      <c r="K39" s="295">
        <v>592829</v>
      </c>
      <c r="L39" s="298">
        <v>2620616</v>
      </c>
      <c r="M39" s="299">
        <v>2620616</v>
      </c>
      <c r="N39" s="294">
        <v>0</v>
      </c>
      <c r="O39" s="295">
        <v>0</v>
      </c>
      <c r="P39" s="296">
        <v>0</v>
      </c>
      <c r="Q39" s="300"/>
      <c r="R39" s="295">
        <v>0</v>
      </c>
      <c r="S39" s="295">
        <v>32705</v>
      </c>
      <c r="T39" s="295">
        <v>476240</v>
      </c>
      <c r="U39" s="295">
        <v>522435</v>
      </c>
      <c r="V39" s="295">
        <v>471665</v>
      </c>
      <c r="W39" s="298">
        <v>1503045</v>
      </c>
      <c r="X39" s="299">
        <v>1503045</v>
      </c>
      <c r="Y39" s="294">
        <v>0</v>
      </c>
      <c r="Z39" s="295">
        <v>0</v>
      </c>
      <c r="AA39" s="296">
        <v>0</v>
      </c>
      <c r="AB39" s="300"/>
      <c r="AC39" s="295">
        <v>160135</v>
      </c>
      <c r="AD39" s="295">
        <v>182505</v>
      </c>
      <c r="AE39" s="295">
        <v>345905</v>
      </c>
      <c r="AF39" s="295">
        <v>185862</v>
      </c>
      <c r="AG39" s="295">
        <v>120584</v>
      </c>
      <c r="AH39" s="298">
        <v>994991</v>
      </c>
      <c r="AI39" s="299">
        <v>994991</v>
      </c>
      <c r="AJ39" s="294">
        <v>0</v>
      </c>
      <c r="AK39" s="295">
        <v>0</v>
      </c>
      <c r="AL39" s="296">
        <v>0</v>
      </c>
      <c r="AM39" s="300"/>
      <c r="AN39" s="295">
        <v>0</v>
      </c>
      <c r="AO39" s="295">
        <v>0</v>
      </c>
      <c r="AP39" s="295">
        <v>0</v>
      </c>
      <c r="AQ39" s="295">
        <v>0</v>
      </c>
      <c r="AR39" s="295">
        <v>0</v>
      </c>
      <c r="AS39" s="298">
        <v>0</v>
      </c>
      <c r="AT39" s="299">
        <v>0</v>
      </c>
      <c r="AU39" s="294">
        <v>0</v>
      </c>
      <c r="AV39" s="295">
        <v>0</v>
      </c>
      <c r="AW39" s="296">
        <v>0</v>
      </c>
      <c r="AX39" s="300"/>
      <c r="AY39" s="295">
        <v>0</v>
      </c>
      <c r="AZ39" s="295">
        <v>0</v>
      </c>
      <c r="BA39" s="295">
        <v>0</v>
      </c>
      <c r="BB39" s="295">
        <v>42635</v>
      </c>
      <c r="BC39" s="295">
        <v>0</v>
      </c>
      <c r="BD39" s="298">
        <v>42635</v>
      </c>
      <c r="BE39" s="299">
        <v>42635</v>
      </c>
      <c r="BF39" s="294">
        <v>0</v>
      </c>
      <c r="BG39" s="295">
        <v>0</v>
      </c>
      <c r="BH39" s="296">
        <v>0</v>
      </c>
      <c r="BI39" s="300"/>
      <c r="BJ39" s="295">
        <v>0</v>
      </c>
      <c r="BK39" s="295">
        <v>0</v>
      </c>
      <c r="BL39" s="295">
        <v>0</v>
      </c>
      <c r="BM39" s="295">
        <v>0</v>
      </c>
      <c r="BN39" s="295">
        <v>0</v>
      </c>
      <c r="BO39" s="298">
        <v>0</v>
      </c>
      <c r="BP39" s="299">
        <v>0</v>
      </c>
      <c r="BQ39" s="294">
        <v>0</v>
      </c>
      <c r="BR39" s="295">
        <v>0</v>
      </c>
      <c r="BS39" s="296">
        <v>0</v>
      </c>
      <c r="BT39" s="297">
        <v>0</v>
      </c>
      <c r="BU39" s="295">
        <v>11305</v>
      </c>
      <c r="BV39" s="295">
        <v>39125</v>
      </c>
      <c r="BW39" s="295">
        <v>27195</v>
      </c>
      <c r="BX39" s="295">
        <v>1740</v>
      </c>
      <c r="BY39" s="295">
        <v>580</v>
      </c>
      <c r="BZ39" s="298">
        <v>79945</v>
      </c>
      <c r="CA39" s="299">
        <v>79945</v>
      </c>
      <c r="CB39" s="294">
        <v>0</v>
      </c>
      <c r="CC39" s="295">
        <v>0</v>
      </c>
      <c r="CD39" s="296">
        <v>0</v>
      </c>
      <c r="CE39" s="297">
        <v>0</v>
      </c>
      <c r="CF39" s="295">
        <v>0</v>
      </c>
      <c r="CG39" s="295">
        <v>0</v>
      </c>
      <c r="CH39" s="295">
        <v>0</v>
      </c>
      <c r="CI39" s="295">
        <v>0</v>
      </c>
      <c r="CJ39" s="295">
        <v>0</v>
      </c>
      <c r="CK39" s="298">
        <v>0</v>
      </c>
      <c r="CL39" s="299">
        <v>0</v>
      </c>
      <c r="CM39" s="294">
        <v>0</v>
      </c>
      <c r="CN39" s="295">
        <v>0</v>
      </c>
      <c r="CO39" s="296">
        <v>0</v>
      </c>
      <c r="CP39" s="297">
        <v>0</v>
      </c>
      <c r="CQ39" s="295">
        <v>0</v>
      </c>
      <c r="CR39" s="295">
        <v>0</v>
      </c>
      <c r="CS39" s="295">
        <v>0</v>
      </c>
      <c r="CT39" s="295">
        <v>0</v>
      </c>
      <c r="CU39" s="295">
        <v>0</v>
      </c>
      <c r="CV39" s="298">
        <v>0</v>
      </c>
      <c r="CW39" s="299">
        <v>0</v>
      </c>
      <c r="CX39" s="294">
        <v>0</v>
      </c>
      <c r="CY39" s="295">
        <v>0</v>
      </c>
      <c r="CZ39" s="296">
        <v>0</v>
      </c>
      <c r="DA39" s="300"/>
      <c r="DB39" s="295">
        <v>0</v>
      </c>
      <c r="DC39" s="295">
        <v>0</v>
      </c>
      <c r="DD39" s="295">
        <v>0</v>
      </c>
      <c r="DE39" s="295">
        <v>0</v>
      </c>
      <c r="DF39" s="295">
        <v>0</v>
      </c>
      <c r="DG39" s="298">
        <v>0</v>
      </c>
      <c r="DH39" s="299">
        <v>0</v>
      </c>
      <c r="DI39" s="294">
        <v>0</v>
      </c>
      <c r="DJ39" s="295">
        <v>0</v>
      </c>
      <c r="DK39" s="296">
        <v>0</v>
      </c>
      <c r="DL39" s="297">
        <v>0</v>
      </c>
      <c r="DM39" s="295">
        <v>13302</v>
      </c>
      <c r="DN39" s="295">
        <v>79511</v>
      </c>
      <c r="DO39" s="295">
        <v>601094</v>
      </c>
      <c r="DP39" s="295">
        <v>719437</v>
      </c>
      <c r="DQ39" s="295">
        <v>656365</v>
      </c>
      <c r="DR39" s="298">
        <v>2069709</v>
      </c>
      <c r="DS39" s="301">
        <v>2069709</v>
      </c>
      <c r="DT39" s="294">
        <v>0</v>
      </c>
      <c r="DU39" s="295">
        <v>0</v>
      </c>
      <c r="DV39" s="296">
        <v>0</v>
      </c>
      <c r="DW39" s="300"/>
      <c r="DX39" s="295">
        <v>0</v>
      </c>
      <c r="DY39" s="295">
        <v>15035</v>
      </c>
      <c r="DZ39" s="295">
        <v>491681</v>
      </c>
      <c r="EA39" s="295">
        <v>687888</v>
      </c>
      <c r="EB39" s="295">
        <v>649751</v>
      </c>
      <c r="EC39" s="298">
        <v>1844355</v>
      </c>
      <c r="ED39" s="299">
        <v>1844355</v>
      </c>
      <c r="EE39" s="294">
        <v>0</v>
      </c>
      <c r="EF39" s="295">
        <v>0</v>
      </c>
      <c r="EG39" s="296">
        <v>0</v>
      </c>
      <c r="EH39" s="300"/>
      <c r="EI39" s="295">
        <v>2821</v>
      </c>
      <c r="EJ39" s="295">
        <v>14074</v>
      </c>
      <c r="EK39" s="295">
        <v>28099</v>
      </c>
      <c r="EL39" s="295">
        <v>24481</v>
      </c>
      <c r="EM39" s="295">
        <v>1764</v>
      </c>
      <c r="EN39" s="298">
        <v>71239</v>
      </c>
      <c r="EO39" s="299">
        <v>71239</v>
      </c>
      <c r="EP39" s="294">
        <v>0</v>
      </c>
      <c r="EQ39" s="295">
        <v>0</v>
      </c>
      <c r="ER39" s="296">
        <v>0</v>
      </c>
      <c r="ES39" s="300"/>
      <c r="ET39" s="295">
        <v>0</v>
      </c>
      <c r="EU39" s="295">
        <v>0</v>
      </c>
      <c r="EV39" s="295">
        <v>0</v>
      </c>
      <c r="EW39" s="295">
        <v>0</v>
      </c>
      <c r="EX39" s="295">
        <v>0</v>
      </c>
      <c r="EY39" s="298">
        <v>0</v>
      </c>
      <c r="EZ39" s="299">
        <v>0</v>
      </c>
      <c r="FA39" s="294">
        <v>0</v>
      </c>
      <c r="FB39" s="295">
        <v>0</v>
      </c>
      <c r="FC39" s="296">
        <v>0</v>
      </c>
      <c r="FD39" s="300"/>
      <c r="FE39" s="295">
        <v>0</v>
      </c>
      <c r="FF39" s="295">
        <v>0</v>
      </c>
      <c r="FG39" s="295">
        <v>0</v>
      </c>
      <c r="FH39" s="295">
        <v>763</v>
      </c>
      <c r="FI39" s="295">
        <v>0</v>
      </c>
      <c r="FJ39" s="298">
        <v>763</v>
      </c>
      <c r="FK39" s="299">
        <v>763</v>
      </c>
      <c r="FL39" s="294">
        <v>0</v>
      </c>
      <c r="FM39" s="295">
        <v>0</v>
      </c>
      <c r="FN39" s="296">
        <v>0</v>
      </c>
      <c r="FO39" s="300"/>
      <c r="FP39" s="295">
        <v>0</v>
      </c>
      <c r="FQ39" s="295">
        <v>0</v>
      </c>
      <c r="FR39" s="295">
        <v>0</v>
      </c>
      <c r="FS39" s="295">
        <v>0</v>
      </c>
      <c r="FT39" s="295">
        <v>0</v>
      </c>
      <c r="FU39" s="298">
        <v>0</v>
      </c>
      <c r="FV39" s="299">
        <v>0</v>
      </c>
      <c r="FW39" s="294">
        <v>0</v>
      </c>
      <c r="FX39" s="295">
        <v>0</v>
      </c>
      <c r="FY39" s="296">
        <v>0</v>
      </c>
      <c r="FZ39" s="297">
        <v>0</v>
      </c>
      <c r="GA39" s="295">
        <v>10481</v>
      </c>
      <c r="GB39" s="295">
        <v>50402</v>
      </c>
      <c r="GC39" s="295">
        <v>81314</v>
      </c>
      <c r="GD39" s="295">
        <v>6305</v>
      </c>
      <c r="GE39" s="295">
        <v>4850</v>
      </c>
      <c r="GF39" s="298">
        <v>153352</v>
      </c>
      <c r="GG39" s="299">
        <v>153352</v>
      </c>
      <c r="GH39" s="294">
        <v>0</v>
      </c>
      <c r="GI39" s="295">
        <v>0</v>
      </c>
      <c r="GJ39" s="296">
        <v>0</v>
      </c>
      <c r="GK39" s="297">
        <v>0</v>
      </c>
      <c r="GL39" s="295">
        <v>0</v>
      </c>
      <c r="GM39" s="295">
        <v>0</v>
      </c>
      <c r="GN39" s="295">
        <v>0</v>
      </c>
      <c r="GO39" s="295">
        <v>0</v>
      </c>
      <c r="GP39" s="295">
        <v>0</v>
      </c>
      <c r="GQ39" s="298">
        <v>0</v>
      </c>
      <c r="GR39" s="299">
        <v>0</v>
      </c>
      <c r="GS39" s="294">
        <v>0</v>
      </c>
      <c r="GT39" s="295">
        <v>0</v>
      </c>
      <c r="GU39" s="296">
        <v>0</v>
      </c>
      <c r="GV39" s="297">
        <v>0</v>
      </c>
      <c r="GW39" s="295">
        <v>0</v>
      </c>
      <c r="GX39" s="295">
        <v>0</v>
      </c>
      <c r="GY39" s="295">
        <v>0</v>
      </c>
      <c r="GZ39" s="295">
        <v>0</v>
      </c>
      <c r="HA39" s="295">
        <v>0</v>
      </c>
      <c r="HB39" s="298">
        <v>0</v>
      </c>
      <c r="HC39" s="299">
        <v>0</v>
      </c>
      <c r="HD39" s="294">
        <v>0</v>
      </c>
      <c r="HE39" s="295">
        <v>0</v>
      </c>
      <c r="HF39" s="296">
        <v>0</v>
      </c>
      <c r="HG39" s="300"/>
      <c r="HH39" s="295">
        <v>0</v>
      </c>
      <c r="HI39" s="295">
        <v>0</v>
      </c>
      <c r="HJ39" s="295">
        <v>0</v>
      </c>
      <c r="HK39" s="295">
        <v>0</v>
      </c>
      <c r="HL39" s="295">
        <v>0</v>
      </c>
      <c r="HM39" s="298">
        <v>0</v>
      </c>
      <c r="HN39" s="299">
        <v>0</v>
      </c>
      <c r="HO39" s="294">
        <v>0</v>
      </c>
      <c r="HP39" s="295">
        <v>0</v>
      </c>
      <c r="HQ39" s="296">
        <v>0</v>
      </c>
      <c r="HR39" s="297">
        <v>0</v>
      </c>
      <c r="HS39" s="295">
        <v>184742</v>
      </c>
      <c r="HT39" s="295">
        <v>333846</v>
      </c>
      <c r="HU39" s="295">
        <v>1450434</v>
      </c>
      <c r="HV39" s="295">
        <v>1472109</v>
      </c>
      <c r="HW39" s="295">
        <v>1249194</v>
      </c>
      <c r="HX39" s="298">
        <v>4690325</v>
      </c>
      <c r="HY39" s="299">
        <v>4690325</v>
      </c>
    </row>
    <row r="40" spans="2:233" ht="16.5" customHeight="1" thickBot="1" x14ac:dyDescent="0.25">
      <c r="B40" s="293" t="s">
        <v>37</v>
      </c>
      <c r="C40" s="302">
        <v>0</v>
      </c>
      <c r="D40" s="303">
        <v>0</v>
      </c>
      <c r="E40" s="304">
        <v>0</v>
      </c>
      <c r="F40" s="305">
        <v>0</v>
      </c>
      <c r="G40" s="303">
        <v>845</v>
      </c>
      <c r="H40" s="303">
        <v>2890</v>
      </c>
      <c r="I40" s="303">
        <v>93225</v>
      </c>
      <c r="J40" s="303">
        <v>25315</v>
      </c>
      <c r="K40" s="303">
        <v>35340</v>
      </c>
      <c r="L40" s="306">
        <v>157615</v>
      </c>
      <c r="M40" s="307">
        <v>157615</v>
      </c>
      <c r="N40" s="302">
        <v>0</v>
      </c>
      <c r="O40" s="303">
        <v>0</v>
      </c>
      <c r="P40" s="304">
        <v>0</v>
      </c>
      <c r="Q40" s="308"/>
      <c r="R40" s="303">
        <v>0</v>
      </c>
      <c r="S40" s="303">
        <v>0</v>
      </c>
      <c r="T40" s="303">
        <v>73315</v>
      </c>
      <c r="U40" s="303">
        <v>5270</v>
      </c>
      <c r="V40" s="303">
        <v>35340</v>
      </c>
      <c r="W40" s="306">
        <v>113925</v>
      </c>
      <c r="X40" s="307">
        <v>113925</v>
      </c>
      <c r="Y40" s="302">
        <v>0</v>
      </c>
      <c r="Z40" s="303">
        <v>0</v>
      </c>
      <c r="AA40" s="304">
        <v>0</v>
      </c>
      <c r="AB40" s="308"/>
      <c r="AC40" s="303">
        <v>0</v>
      </c>
      <c r="AD40" s="303">
        <v>2635</v>
      </c>
      <c r="AE40" s="303">
        <v>12745</v>
      </c>
      <c r="AF40" s="303">
        <v>20045</v>
      </c>
      <c r="AG40" s="303">
        <v>0</v>
      </c>
      <c r="AH40" s="306">
        <v>35425</v>
      </c>
      <c r="AI40" s="307">
        <v>35425</v>
      </c>
      <c r="AJ40" s="302">
        <v>0</v>
      </c>
      <c r="AK40" s="303">
        <v>0</v>
      </c>
      <c r="AL40" s="304">
        <v>0</v>
      </c>
      <c r="AM40" s="308"/>
      <c r="AN40" s="303">
        <v>0</v>
      </c>
      <c r="AO40" s="303">
        <v>0</v>
      </c>
      <c r="AP40" s="303">
        <v>0</v>
      </c>
      <c r="AQ40" s="303">
        <v>0</v>
      </c>
      <c r="AR40" s="303">
        <v>0</v>
      </c>
      <c r="AS40" s="306">
        <v>0</v>
      </c>
      <c r="AT40" s="307">
        <v>0</v>
      </c>
      <c r="AU40" s="302">
        <v>0</v>
      </c>
      <c r="AV40" s="303">
        <v>0</v>
      </c>
      <c r="AW40" s="304">
        <v>0</v>
      </c>
      <c r="AX40" s="308"/>
      <c r="AY40" s="303">
        <v>0</v>
      </c>
      <c r="AZ40" s="303">
        <v>0</v>
      </c>
      <c r="BA40" s="303">
        <v>0</v>
      </c>
      <c r="BB40" s="303">
        <v>0</v>
      </c>
      <c r="BC40" s="303">
        <v>0</v>
      </c>
      <c r="BD40" s="306">
        <v>0</v>
      </c>
      <c r="BE40" s="307">
        <v>0</v>
      </c>
      <c r="BF40" s="302">
        <v>0</v>
      </c>
      <c r="BG40" s="303">
        <v>0</v>
      </c>
      <c r="BH40" s="304">
        <v>0</v>
      </c>
      <c r="BI40" s="308"/>
      <c r="BJ40" s="303">
        <v>0</v>
      </c>
      <c r="BK40" s="303">
        <v>0</v>
      </c>
      <c r="BL40" s="303">
        <v>0</v>
      </c>
      <c r="BM40" s="303">
        <v>0</v>
      </c>
      <c r="BN40" s="303">
        <v>0</v>
      </c>
      <c r="BO40" s="306">
        <v>0</v>
      </c>
      <c r="BP40" s="307">
        <v>0</v>
      </c>
      <c r="BQ40" s="302">
        <v>0</v>
      </c>
      <c r="BR40" s="303">
        <v>0</v>
      </c>
      <c r="BS40" s="304">
        <v>0</v>
      </c>
      <c r="BT40" s="305">
        <v>0</v>
      </c>
      <c r="BU40" s="303">
        <v>0</v>
      </c>
      <c r="BV40" s="303">
        <v>255</v>
      </c>
      <c r="BW40" s="303">
        <v>7165</v>
      </c>
      <c r="BX40" s="303">
        <v>0</v>
      </c>
      <c r="BY40" s="303">
        <v>0</v>
      </c>
      <c r="BZ40" s="306">
        <v>7420</v>
      </c>
      <c r="CA40" s="307">
        <v>7420</v>
      </c>
      <c r="CB40" s="302">
        <v>0</v>
      </c>
      <c r="CC40" s="303">
        <v>0</v>
      </c>
      <c r="CD40" s="304">
        <v>0</v>
      </c>
      <c r="CE40" s="305">
        <v>0</v>
      </c>
      <c r="CF40" s="303">
        <v>845</v>
      </c>
      <c r="CG40" s="303">
        <v>0</v>
      </c>
      <c r="CH40" s="303">
        <v>0</v>
      </c>
      <c r="CI40" s="303">
        <v>0</v>
      </c>
      <c r="CJ40" s="303">
        <v>0</v>
      </c>
      <c r="CK40" s="306">
        <v>845</v>
      </c>
      <c r="CL40" s="307">
        <v>845</v>
      </c>
      <c r="CM40" s="302">
        <v>0</v>
      </c>
      <c r="CN40" s="303">
        <v>0</v>
      </c>
      <c r="CO40" s="304">
        <v>0</v>
      </c>
      <c r="CP40" s="305">
        <v>0</v>
      </c>
      <c r="CQ40" s="303">
        <v>0</v>
      </c>
      <c r="CR40" s="303">
        <v>0</v>
      </c>
      <c r="CS40" s="303">
        <v>0</v>
      </c>
      <c r="CT40" s="303">
        <v>0</v>
      </c>
      <c r="CU40" s="303">
        <v>0</v>
      </c>
      <c r="CV40" s="306">
        <v>0</v>
      </c>
      <c r="CW40" s="307">
        <v>0</v>
      </c>
      <c r="CX40" s="302">
        <v>0</v>
      </c>
      <c r="CY40" s="303">
        <v>0</v>
      </c>
      <c r="CZ40" s="304">
        <v>0</v>
      </c>
      <c r="DA40" s="308"/>
      <c r="DB40" s="303">
        <v>0</v>
      </c>
      <c r="DC40" s="303">
        <v>0</v>
      </c>
      <c r="DD40" s="303">
        <v>0</v>
      </c>
      <c r="DE40" s="303">
        <v>0</v>
      </c>
      <c r="DF40" s="303">
        <v>0</v>
      </c>
      <c r="DG40" s="306">
        <v>0</v>
      </c>
      <c r="DH40" s="307">
        <v>0</v>
      </c>
      <c r="DI40" s="302">
        <v>0</v>
      </c>
      <c r="DJ40" s="303">
        <v>0</v>
      </c>
      <c r="DK40" s="304">
        <v>0</v>
      </c>
      <c r="DL40" s="305">
        <v>0</v>
      </c>
      <c r="DM40" s="303">
        <v>7</v>
      </c>
      <c r="DN40" s="303">
        <v>1270</v>
      </c>
      <c r="DO40" s="303">
        <v>120144</v>
      </c>
      <c r="DP40" s="303">
        <v>36744</v>
      </c>
      <c r="DQ40" s="303">
        <v>30070</v>
      </c>
      <c r="DR40" s="306">
        <v>188235</v>
      </c>
      <c r="DS40" s="309">
        <v>188235</v>
      </c>
      <c r="DT40" s="302">
        <v>0</v>
      </c>
      <c r="DU40" s="303">
        <v>0</v>
      </c>
      <c r="DV40" s="304">
        <v>0</v>
      </c>
      <c r="DW40" s="308"/>
      <c r="DX40" s="303">
        <v>0</v>
      </c>
      <c r="DY40" s="303">
        <v>0</v>
      </c>
      <c r="DZ40" s="303">
        <v>109988</v>
      </c>
      <c r="EA40" s="303">
        <v>36611</v>
      </c>
      <c r="EB40" s="303">
        <v>30070</v>
      </c>
      <c r="EC40" s="306">
        <v>176669</v>
      </c>
      <c r="ED40" s="307">
        <v>176669</v>
      </c>
      <c r="EE40" s="302">
        <v>0</v>
      </c>
      <c r="EF40" s="303">
        <v>0</v>
      </c>
      <c r="EG40" s="304">
        <v>0</v>
      </c>
      <c r="EH40" s="308"/>
      <c r="EI40" s="303">
        <v>0</v>
      </c>
      <c r="EJ40" s="303">
        <v>217</v>
      </c>
      <c r="EK40" s="303">
        <v>308</v>
      </c>
      <c r="EL40" s="303">
        <v>133</v>
      </c>
      <c r="EM40" s="303">
        <v>0</v>
      </c>
      <c r="EN40" s="306">
        <v>658</v>
      </c>
      <c r="EO40" s="307">
        <v>658</v>
      </c>
      <c r="EP40" s="302">
        <v>0</v>
      </c>
      <c r="EQ40" s="303">
        <v>0</v>
      </c>
      <c r="ER40" s="304">
        <v>0</v>
      </c>
      <c r="ES40" s="308"/>
      <c r="ET40" s="303">
        <v>0</v>
      </c>
      <c r="EU40" s="303">
        <v>0</v>
      </c>
      <c r="EV40" s="303">
        <v>0</v>
      </c>
      <c r="EW40" s="303">
        <v>0</v>
      </c>
      <c r="EX40" s="303">
        <v>0</v>
      </c>
      <c r="EY40" s="306">
        <v>0</v>
      </c>
      <c r="EZ40" s="307">
        <v>0</v>
      </c>
      <c r="FA40" s="302">
        <v>0</v>
      </c>
      <c r="FB40" s="303">
        <v>0</v>
      </c>
      <c r="FC40" s="304">
        <v>0</v>
      </c>
      <c r="FD40" s="308"/>
      <c r="FE40" s="303">
        <v>0</v>
      </c>
      <c r="FF40" s="303">
        <v>0</v>
      </c>
      <c r="FG40" s="303">
        <v>0</v>
      </c>
      <c r="FH40" s="303">
        <v>0</v>
      </c>
      <c r="FI40" s="303">
        <v>0</v>
      </c>
      <c r="FJ40" s="306">
        <v>0</v>
      </c>
      <c r="FK40" s="307">
        <v>0</v>
      </c>
      <c r="FL40" s="302">
        <v>0</v>
      </c>
      <c r="FM40" s="303">
        <v>0</v>
      </c>
      <c r="FN40" s="304">
        <v>0</v>
      </c>
      <c r="FO40" s="308"/>
      <c r="FP40" s="303">
        <v>0</v>
      </c>
      <c r="FQ40" s="303">
        <v>0</v>
      </c>
      <c r="FR40" s="303">
        <v>0</v>
      </c>
      <c r="FS40" s="303">
        <v>0</v>
      </c>
      <c r="FT40" s="303">
        <v>0</v>
      </c>
      <c r="FU40" s="306">
        <v>0</v>
      </c>
      <c r="FV40" s="307">
        <v>0</v>
      </c>
      <c r="FW40" s="302">
        <v>0</v>
      </c>
      <c r="FX40" s="303">
        <v>0</v>
      </c>
      <c r="FY40" s="304">
        <v>0</v>
      </c>
      <c r="FZ40" s="305">
        <v>0</v>
      </c>
      <c r="GA40" s="303">
        <v>0</v>
      </c>
      <c r="GB40" s="303">
        <v>1053</v>
      </c>
      <c r="GC40" s="303">
        <v>9848</v>
      </c>
      <c r="GD40" s="303">
        <v>0</v>
      </c>
      <c r="GE40" s="303">
        <v>0</v>
      </c>
      <c r="GF40" s="306">
        <v>10901</v>
      </c>
      <c r="GG40" s="307">
        <v>10901</v>
      </c>
      <c r="GH40" s="302">
        <v>0</v>
      </c>
      <c r="GI40" s="303">
        <v>0</v>
      </c>
      <c r="GJ40" s="304">
        <v>0</v>
      </c>
      <c r="GK40" s="305">
        <v>0</v>
      </c>
      <c r="GL40" s="303">
        <v>7</v>
      </c>
      <c r="GM40" s="303">
        <v>0</v>
      </c>
      <c r="GN40" s="303">
        <v>0</v>
      </c>
      <c r="GO40" s="303">
        <v>0</v>
      </c>
      <c r="GP40" s="303">
        <v>0</v>
      </c>
      <c r="GQ40" s="306">
        <v>7</v>
      </c>
      <c r="GR40" s="307">
        <v>7</v>
      </c>
      <c r="GS40" s="302">
        <v>0</v>
      </c>
      <c r="GT40" s="303">
        <v>0</v>
      </c>
      <c r="GU40" s="304">
        <v>0</v>
      </c>
      <c r="GV40" s="305">
        <v>0</v>
      </c>
      <c r="GW40" s="303">
        <v>0</v>
      </c>
      <c r="GX40" s="303">
        <v>0</v>
      </c>
      <c r="GY40" s="303">
        <v>0</v>
      </c>
      <c r="GZ40" s="303">
        <v>0</v>
      </c>
      <c r="HA40" s="303">
        <v>0</v>
      </c>
      <c r="HB40" s="306">
        <v>0</v>
      </c>
      <c r="HC40" s="307">
        <v>0</v>
      </c>
      <c r="HD40" s="302">
        <v>0</v>
      </c>
      <c r="HE40" s="303">
        <v>0</v>
      </c>
      <c r="HF40" s="304">
        <v>0</v>
      </c>
      <c r="HG40" s="308"/>
      <c r="HH40" s="303">
        <v>0</v>
      </c>
      <c r="HI40" s="303">
        <v>0</v>
      </c>
      <c r="HJ40" s="303">
        <v>0</v>
      </c>
      <c r="HK40" s="303">
        <v>0</v>
      </c>
      <c r="HL40" s="303">
        <v>0</v>
      </c>
      <c r="HM40" s="306">
        <v>0</v>
      </c>
      <c r="HN40" s="307">
        <v>0</v>
      </c>
      <c r="HO40" s="302">
        <v>0</v>
      </c>
      <c r="HP40" s="303">
        <v>0</v>
      </c>
      <c r="HQ40" s="304">
        <v>0</v>
      </c>
      <c r="HR40" s="305">
        <v>0</v>
      </c>
      <c r="HS40" s="303">
        <v>852</v>
      </c>
      <c r="HT40" s="303">
        <v>4160</v>
      </c>
      <c r="HU40" s="303">
        <v>213369</v>
      </c>
      <c r="HV40" s="303">
        <v>62059</v>
      </c>
      <c r="HW40" s="303">
        <v>65410</v>
      </c>
      <c r="HX40" s="306">
        <v>345850</v>
      </c>
      <c r="HY40" s="307">
        <v>345850</v>
      </c>
    </row>
    <row r="41" spans="2:233" x14ac:dyDescent="0.2">
      <c r="B41" s="1" t="s">
        <v>84</v>
      </c>
    </row>
  </sheetData>
  <mergeCells count="88">
    <mergeCell ref="HY5:HY6"/>
    <mergeCell ref="GG5:GG6"/>
    <mergeCell ref="GH5:GJ5"/>
    <mergeCell ref="GK5:GQ5"/>
    <mergeCell ref="GR5:GR6"/>
    <mergeCell ref="GS5:GU5"/>
    <mergeCell ref="GV5:HB5"/>
    <mergeCell ref="HD5:HF5"/>
    <mergeCell ref="HG5:HM5"/>
    <mergeCell ref="HN5:HN6"/>
    <mergeCell ref="FD5:FJ5"/>
    <mergeCell ref="FK5:FK6"/>
    <mergeCell ref="HC5:HC6"/>
    <mergeCell ref="HO5:HQ5"/>
    <mergeCell ref="HR5:HX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G1:H1"/>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C5:E5"/>
    <mergeCell ref="F5:L5"/>
    <mergeCell ref="M5:M6"/>
    <mergeCell ref="N5:P5"/>
    <mergeCell ref="Q5:W5"/>
    <mergeCell ref="CX4:DH4"/>
    <mergeCell ref="C3:DH3"/>
    <mergeCell ref="FA4:FK4"/>
    <mergeCell ref="DI4:DS4"/>
    <mergeCell ref="DT4:ED4"/>
    <mergeCell ref="C4:M4"/>
    <mergeCell ref="N4:X4"/>
    <mergeCell ref="Y4:AI4"/>
    <mergeCell ref="AJ4:AT4"/>
    <mergeCell ref="BF4:BP4"/>
    <mergeCell ref="AU4:BE4"/>
    <mergeCell ref="HD4:HN4"/>
    <mergeCell ref="DI3:HN3"/>
    <mergeCell ref="EP4:EZ4"/>
    <mergeCell ref="FL4:FV4"/>
    <mergeCell ref="HO3:HY4"/>
    <mergeCell ref="EE4:EO4"/>
    <mergeCell ref="FW4:GG4"/>
    <mergeCell ref="GH4:GR4"/>
    <mergeCell ref="GS4:HC4"/>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4" max="1048575" man="1"/>
    <brk id="57" max="1048575" man="1"/>
    <brk id="79" max="1048575" man="1"/>
    <brk id="112" max="1048575" man="1"/>
    <brk id="134" max="1048575" man="1"/>
    <brk id="167" max="1048575" man="1"/>
    <brk id="189" max="1048575" man="1"/>
    <brk id="22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6">
        <f>第１表!F2</f>
        <v>4</v>
      </c>
      <c r="G1" s="526"/>
      <c r="H1" s="248">
        <f>第１表!G2</f>
        <v>10</v>
      </c>
      <c r="I1" s="508">
        <f>H1</f>
        <v>10</v>
      </c>
      <c r="J1" s="508"/>
    </row>
    <row r="2" spans="2:299" ht="24" customHeight="1" thickBot="1" x14ac:dyDescent="0.25">
      <c r="B2" s="20" t="s">
        <v>132</v>
      </c>
    </row>
    <row r="3" spans="2:299" ht="22.5" customHeight="1" thickBot="1" x14ac:dyDescent="0.25">
      <c r="B3" s="509" t="s">
        <v>38</v>
      </c>
      <c r="C3" s="521" t="s">
        <v>96</v>
      </c>
      <c r="D3" s="521"/>
      <c r="E3" s="521"/>
      <c r="F3" s="521"/>
      <c r="G3" s="521"/>
      <c r="H3" s="521"/>
      <c r="I3" s="521"/>
      <c r="J3" s="521"/>
      <c r="K3" s="521"/>
      <c r="L3" s="521"/>
      <c r="M3" s="521"/>
      <c r="N3" s="521"/>
      <c r="O3" s="521"/>
      <c r="P3" s="521"/>
      <c r="Q3" s="521"/>
      <c r="R3" s="521"/>
      <c r="S3" s="521"/>
      <c r="T3" s="521"/>
      <c r="U3" s="521"/>
      <c r="V3" s="521"/>
      <c r="W3" s="521"/>
      <c r="X3" s="521"/>
      <c r="Y3" s="521"/>
      <c r="Z3" s="521"/>
      <c r="AA3" s="521"/>
      <c r="AB3" s="521"/>
      <c r="AC3" s="521"/>
      <c r="AD3" s="521"/>
      <c r="AE3" s="521"/>
      <c r="AF3" s="521"/>
      <c r="AG3" s="521"/>
      <c r="AH3" s="521"/>
      <c r="AI3" s="521"/>
      <c r="AJ3" s="521"/>
      <c r="AK3" s="521"/>
      <c r="AL3" s="521"/>
      <c r="AM3" s="521"/>
      <c r="AN3" s="521"/>
      <c r="AO3" s="521"/>
      <c r="AP3" s="521"/>
      <c r="AQ3" s="521"/>
      <c r="AR3" s="521"/>
      <c r="AS3" s="521"/>
      <c r="AT3" s="521"/>
      <c r="AU3" s="521"/>
      <c r="AV3" s="521"/>
      <c r="AW3" s="521"/>
      <c r="AX3" s="521"/>
      <c r="AY3" s="521"/>
      <c r="AZ3" s="521"/>
      <c r="BA3" s="521"/>
      <c r="BB3" s="521"/>
      <c r="BC3" s="521"/>
      <c r="BD3" s="521"/>
      <c r="BE3" s="521"/>
      <c r="BF3" s="521"/>
      <c r="BG3" s="521"/>
      <c r="BH3" s="521"/>
      <c r="BI3" s="521"/>
      <c r="BJ3" s="521"/>
      <c r="BK3" s="521"/>
      <c r="BL3" s="521"/>
      <c r="BM3" s="521"/>
      <c r="BN3" s="521"/>
      <c r="BO3" s="521"/>
      <c r="BP3" s="521"/>
      <c r="BQ3" s="521"/>
      <c r="BR3" s="521"/>
      <c r="BS3" s="521"/>
      <c r="BT3" s="521"/>
      <c r="BU3" s="521"/>
      <c r="BV3" s="521"/>
      <c r="BW3" s="521"/>
      <c r="BX3" s="521"/>
      <c r="BY3" s="521"/>
      <c r="BZ3" s="521"/>
      <c r="CA3" s="521"/>
      <c r="CB3" s="521"/>
      <c r="CC3" s="521"/>
      <c r="CD3" s="521"/>
      <c r="CE3" s="521"/>
      <c r="CF3" s="521"/>
      <c r="CG3" s="521"/>
      <c r="CH3" s="521"/>
      <c r="CI3" s="521"/>
      <c r="CJ3" s="521"/>
      <c r="CK3" s="521"/>
      <c r="CL3" s="521"/>
      <c r="CM3" s="521"/>
      <c r="CN3" s="521"/>
      <c r="CO3" s="521"/>
      <c r="CP3" s="521"/>
      <c r="CQ3" s="521"/>
      <c r="CR3" s="521"/>
      <c r="CS3" s="521"/>
      <c r="CT3" s="521"/>
      <c r="CU3" s="521"/>
      <c r="CV3" s="521"/>
      <c r="CW3" s="522"/>
      <c r="CX3" s="521" t="s">
        <v>103</v>
      </c>
      <c r="CY3" s="521"/>
      <c r="CZ3" s="521"/>
      <c r="DA3" s="521"/>
      <c r="DB3" s="521"/>
      <c r="DC3" s="521"/>
      <c r="DD3" s="521"/>
      <c r="DE3" s="521"/>
      <c r="DF3" s="521"/>
      <c r="DG3" s="521"/>
      <c r="DH3" s="521"/>
      <c r="DI3" s="521"/>
      <c r="DJ3" s="521"/>
      <c r="DK3" s="521"/>
      <c r="DL3" s="521"/>
      <c r="DM3" s="521"/>
      <c r="DN3" s="521"/>
      <c r="DO3" s="521"/>
      <c r="DP3" s="521"/>
      <c r="DQ3" s="521"/>
      <c r="DR3" s="521"/>
      <c r="DS3" s="521"/>
      <c r="DT3" s="521"/>
      <c r="DU3" s="521"/>
      <c r="DV3" s="521"/>
      <c r="DW3" s="521"/>
      <c r="DX3" s="521"/>
      <c r="DY3" s="521"/>
      <c r="DZ3" s="521"/>
      <c r="EA3" s="521"/>
      <c r="EB3" s="521"/>
      <c r="EC3" s="521"/>
      <c r="ED3" s="521"/>
      <c r="EE3" s="521"/>
      <c r="EF3" s="521"/>
      <c r="EG3" s="521"/>
      <c r="EH3" s="521"/>
      <c r="EI3" s="521"/>
      <c r="EJ3" s="521"/>
      <c r="EK3" s="521"/>
      <c r="EL3" s="521"/>
      <c r="EM3" s="521"/>
      <c r="EN3" s="521"/>
      <c r="EO3" s="521"/>
      <c r="EP3" s="521"/>
      <c r="EQ3" s="521"/>
      <c r="ER3" s="521"/>
      <c r="ES3" s="521"/>
      <c r="ET3" s="521"/>
      <c r="EU3" s="521"/>
      <c r="EV3" s="521"/>
      <c r="EW3" s="521"/>
      <c r="EX3" s="521"/>
      <c r="EY3" s="521"/>
      <c r="EZ3" s="521"/>
      <c r="FA3" s="521"/>
      <c r="FB3" s="521"/>
      <c r="FC3" s="521"/>
      <c r="FD3" s="521"/>
      <c r="FE3" s="521"/>
      <c r="FF3" s="521"/>
      <c r="FG3" s="521"/>
      <c r="FH3" s="521"/>
      <c r="FI3" s="521"/>
      <c r="FJ3" s="521"/>
      <c r="FK3" s="521"/>
      <c r="FL3" s="521"/>
      <c r="FM3" s="521"/>
      <c r="FN3" s="521"/>
      <c r="FO3" s="521"/>
      <c r="FP3" s="521"/>
      <c r="FQ3" s="521"/>
      <c r="FR3" s="521"/>
      <c r="FS3" s="521"/>
      <c r="FT3" s="521"/>
      <c r="FU3" s="521"/>
      <c r="FV3" s="521"/>
      <c r="FW3" s="521"/>
      <c r="FX3" s="521"/>
      <c r="FY3" s="521"/>
      <c r="FZ3" s="521"/>
      <c r="GA3" s="521"/>
      <c r="GB3" s="521"/>
      <c r="GC3" s="521"/>
      <c r="GD3" s="521"/>
      <c r="GE3" s="521"/>
      <c r="GF3" s="521"/>
      <c r="GG3" s="521"/>
      <c r="GH3" s="521"/>
      <c r="GI3" s="521"/>
      <c r="GJ3" s="521"/>
      <c r="GK3" s="521"/>
      <c r="GL3" s="521"/>
      <c r="GM3" s="521"/>
      <c r="GN3" s="521"/>
      <c r="GO3" s="521"/>
      <c r="GP3" s="521"/>
      <c r="GQ3" s="521"/>
      <c r="GR3" s="522"/>
      <c r="GS3" s="521" t="s">
        <v>104</v>
      </c>
      <c r="GT3" s="521"/>
      <c r="GU3" s="521"/>
      <c r="GV3" s="521"/>
      <c r="GW3" s="521"/>
      <c r="GX3" s="521"/>
      <c r="GY3" s="521"/>
      <c r="GZ3" s="521"/>
      <c r="HA3" s="521"/>
      <c r="HB3" s="521"/>
      <c r="HC3" s="521"/>
      <c r="HD3" s="521"/>
      <c r="HE3" s="521"/>
      <c r="HF3" s="521"/>
      <c r="HG3" s="521"/>
      <c r="HH3" s="521"/>
      <c r="HI3" s="521"/>
      <c r="HJ3" s="521"/>
      <c r="HK3" s="521"/>
      <c r="HL3" s="521"/>
      <c r="HM3" s="521"/>
      <c r="HN3" s="521"/>
      <c r="HO3" s="521"/>
      <c r="HP3" s="521"/>
      <c r="HQ3" s="521"/>
      <c r="HR3" s="521"/>
      <c r="HS3" s="521"/>
      <c r="HT3" s="521"/>
      <c r="HU3" s="521"/>
      <c r="HV3" s="521"/>
      <c r="HW3" s="521"/>
      <c r="HX3" s="521"/>
      <c r="HY3" s="521"/>
      <c r="HZ3" s="521"/>
      <c r="IA3" s="521"/>
      <c r="IB3" s="521"/>
      <c r="IC3" s="521"/>
      <c r="ID3" s="521"/>
      <c r="IE3" s="521"/>
      <c r="IF3" s="521"/>
      <c r="IG3" s="521"/>
      <c r="IH3" s="521"/>
      <c r="II3" s="521"/>
      <c r="IJ3" s="521"/>
      <c r="IK3" s="521"/>
      <c r="IL3" s="521"/>
      <c r="IM3" s="521"/>
      <c r="IN3" s="521"/>
      <c r="IO3" s="521"/>
      <c r="IP3" s="521"/>
      <c r="IQ3" s="521"/>
      <c r="IR3" s="521"/>
      <c r="IS3" s="521"/>
      <c r="IT3" s="521"/>
      <c r="IU3" s="521"/>
      <c r="IV3" s="521"/>
      <c r="IW3" s="521"/>
      <c r="IX3" s="521"/>
      <c r="IY3" s="521"/>
      <c r="IZ3" s="521"/>
      <c r="JA3" s="521"/>
      <c r="JB3" s="521"/>
      <c r="JC3" s="521"/>
      <c r="JD3" s="521"/>
      <c r="JE3" s="521"/>
      <c r="JF3" s="521"/>
      <c r="JG3" s="521"/>
      <c r="JH3" s="521"/>
      <c r="JI3" s="521"/>
      <c r="JJ3" s="521"/>
      <c r="JK3" s="521"/>
      <c r="JL3" s="521"/>
      <c r="JM3" s="521"/>
      <c r="JN3" s="521"/>
      <c r="JO3" s="521"/>
      <c r="JP3" s="521"/>
      <c r="JQ3" s="521"/>
      <c r="JR3" s="521"/>
      <c r="JS3" s="521"/>
      <c r="JT3" s="521"/>
      <c r="JU3" s="521"/>
      <c r="JV3" s="521"/>
      <c r="JW3" s="521"/>
      <c r="JX3" s="521"/>
      <c r="JY3" s="521"/>
      <c r="JZ3" s="521"/>
      <c r="KA3" s="521"/>
      <c r="KB3" s="521"/>
      <c r="KC3" s="521"/>
      <c r="KD3" s="521"/>
      <c r="KE3" s="521"/>
      <c r="KF3" s="521"/>
      <c r="KG3" s="521"/>
      <c r="KH3" s="521"/>
      <c r="KI3" s="521"/>
      <c r="KJ3" s="521"/>
      <c r="KK3" s="521"/>
      <c r="KL3" s="521"/>
      <c r="KM3" s="522"/>
    </row>
    <row r="4" spans="2:299" ht="27.75" customHeight="1" thickBot="1" x14ac:dyDescent="0.25">
      <c r="B4" s="527"/>
      <c r="C4" s="523" t="s">
        <v>39</v>
      </c>
      <c r="D4" s="524"/>
      <c r="E4" s="524"/>
      <c r="F4" s="524"/>
      <c r="G4" s="524"/>
      <c r="H4" s="524"/>
      <c r="I4" s="524"/>
      <c r="J4" s="524"/>
      <c r="K4" s="524"/>
      <c r="L4" s="524"/>
      <c r="M4" s="524"/>
      <c r="N4" s="524"/>
      <c r="O4" s="524"/>
      <c r="P4" s="524"/>
      <c r="Q4" s="524"/>
      <c r="R4" s="524"/>
      <c r="S4" s="524"/>
      <c r="T4" s="524"/>
      <c r="U4" s="524"/>
      <c r="V4" s="524"/>
      <c r="W4" s="524"/>
      <c r="X4" s="524"/>
      <c r="Y4" s="524"/>
      <c r="Z4" s="524"/>
      <c r="AA4" s="524"/>
      <c r="AB4" s="524"/>
      <c r="AC4" s="524"/>
      <c r="AD4" s="524"/>
      <c r="AE4" s="524"/>
      <c r="AF4" s="524"/>
      <c r="AG4" s="524"/>
      <c r="AH4" s="524"/>
      <c r="AI4" s="524"/>
      <c r="AJ4" s="524"/>
      <c r="AK4" s="524"/>
      <c r="AL4" s="524"/>
      <c r="AM4" s="524"/>
      <c r="AN4" s="524"/>
      <c r="AO4" s="524"/>
      <c r="AP4" s="524"/>
      <c r="AQ4" s="524"/>
      <c r="AR4" s="524"/>
      <c r="AS4" s="524"/>
      <c r="AT4" s="524"/>
      <c r="AU4" s="524"/>
      <c r="AV4" s="524"/>
      <c r="AW4" s="524"/>
      <c r="AX4" s="524"/>
      <c r="AY4" s="524"/>
      <c r="AZ4" s="524"/>
      <c r="BA4" s="524"/>
      <c r="BB4" s="524"/>
      <c r="BC4" s="524"/>
      <c r="BD4" s="524"/>
      <c r="BE4" s="524"/>
      <c r="BF4" s="524"/>
      <c r="BG4" s="524"/>
      <c r="BH4" s="524"/>
      <c r="BI4" s="524"/>
      <c r="BJ4" s="524"/>
      <c r="BK4" s="524"/>
      <c r="BL4" s="524"/>
      <c r="BM4" s="524"/>
      <c r="BN4" s="524"/>
      <c r="BO4" s="524"/>
      <c r="BP4" s="524"/>
      <c r="BQ4" s="524"/>
      <c r="BR4" s="524"/>
      <c r="BS4" s="524"/>
      <c r="BT4" s="524"/>
      <c r="BU4" s="524"/>
      <c r="BV4" s="524"/>
      <c r="BW4" s="524"/>
      <c r="BX4" s="524"/>
      <c r="BY4" s="524"/>
      <c r="BZ4" s="524"/>
      <c r="CA4" s="525"/>
      <c r="CB4" s="509" t="s">
        <v>40</v>
      </c>
      <c r="CC4" s="510"/>
      <c r="CD4" s="510"/>
      <c r="CE4" s="510"/>
      <c r="CF4" s="510"/>
      <c r="CG4" s="510"/>
      <c r="CH4" s="510"/>
      <c r="CI4" s="510"/>
      <c r="CJ4" s="510"/>
      <c r="CK4" s="510"/>
      <c r="CL4" s="511"/>
      <c r="CM4" s="509" t="s">
        <v>41</v>
      </c>
      <c r="CN4" s="510"/>
      <c r="CO4" s="510"/>
      <c r="CP4" s="510"/>
      <c r="CQ4" s="510"/>
      <c r="CR4" s="510"/>
      <c r="CS4" s="510"/>
      <c r="CT4" s="510"/>
      <c r="CU4" s="510"/>
      <c r="CV4" s="510"/>
      <c r="CW4" s="511"/>
      <c r="CX4" s="523" t="s">
        <v>39</v>
      </c>
      <c r="CY4" s="524"/>
      <c r="CZ4" s="524"/>
      <c r="DA4" s="524"/>
      <c r="DB4" s="524"/>
      <c r="DC4" s="524"/>
      <c r="DD4" s="524"/>
      <c r="DE4" s="524"/>
      <c r="DF4" s="524"/>
      <c r="DG4" s="524"/>
      <c r="DH4" s="524"/>
      <c r="DI4" s="524"/>
      <c r="DJ4" s="524"/>
      <c r="DK4" s="524"/>
      <c r="DL4" s="524"/>
      <c r="DM4" s="524"/>
      <c r="DN4" s="524"/>
      <c r="DO4" s="524"/>
      <c r="DP4" s="524"/>
      <c r="DQ4" s="524"/>
      <c r="DR4" s="524"/>
      <c r="DS4" s="524"/>
      <c r="DT4" s="524"/>
      <c r="DU4" s="524"/>
      <c r="DV4" s="524"/>
      <c r="DW4" s="524"/>
      <c r="DX4" s="524"/>
      <c r="DY4" s="524"/>
      <c r="DZ4" s="524"/>
      <c r="EA4" s="524"/>
      <c r="EB4" s="524"/>
      <c r="EC4" s="524"/>
      <c r="ED4" s="524"/>
      <c r="EE4" s="524"/>
      <c r="EF4" s="524"/>
      <c r="EG4" s="524"/>
      <c r="EH4" s="524"/>
      <c r="EI4" s="524"/>
      <c r="EJ4" s="524"/>
      <c r="EK4" s="524"/>
      <c r="EL4" s="524"/>
      <c r="EM4" s="524"/>
      <c r="EN4" s="524"/>
      <c r="EO4" s="524"/>
      <c r="EP4" s="524"/>
      <c r="EQ4" s="524"/>
      <c r="ER4" s="524"/>
      <c r="ES4" s="524"/>
      <c r="ET4" s="524"/>
      <c r="EU4" s="524"/>
      <c r="EV4" s="524"/>
      <c r="EW4" s="524"/>
      <c r="EX4" s="524"/>
      <c r="EY4" s="524"/>
      <c r="EZ4" s="524"/>
      <c r="FA4" s="524"/>
      <c r="FB4" s="524"/>
      <c r="FC4" s="524"/>
      <c r="FD4" s="524"/>
      <c r="FE4" s="524"/>
      <c r="FF4" s="524"/>
      <c r="FG4" s="524"/>
      <c r="FH4" s="524"/>
      <c r="FI4" s="524"/>
      <c r="FJ4" s="524"/>
      <c r="FK4" s="524"/>
      <c r="FL4" s="524"/>
      <c r="FM4" s="524"/>
      <c r="FN4" s="524"/>
      <c r="FO4" s="524"/>
      <c r="FP4" s="524"/>
      <c r="FQ4" s="524"/>
      <c r="FR4" s="524"/>
      <c r="FS4" s="524"/>
      <c r="FT4" s="524"/>
      <c r="FU4" s="524"/>
      <c r="FV4" s="525"/>
      <c r="FW4" s="509" t="s">
        <v>40</v>
      </c>
      <c r="FX4" s="510"/>
      <c r="FY4" s="510"/>
      <c r="FZ4" s="510"/>
      <c r="GA4" s="510"/>
      <c r="GB4" s="510"/>
      <c r="GC4" s="510"/>
      <c r="GD4" s="510"/>
      <c r="GE4" s="510"/>
      <c r="GF4" s="510"/>
      <c r="GG4" s="511"/>
      <c r="GH4" s="509" t="s">
        <v>41</v>
      </c>
      <c r="GI4" s="510"/>
      <c r="GJ4" s="510"/>
      <c r="GK4" s="510"/>
      <c r="GL4" s="510"/>
      <c r="GM4" s="510"/>
      <c r="GN4" s="510"/>
      <c r="GO4" s="510"/>
      <c r="GP4" s="510"/>
      <c r="GQ4" s="510"/>
      <c r="GR4" s="511"/>
      <c r="GS4" s="523" t="s">
        <v>39</v>
      </c>
      <c r="GT4" s="524"/>
      <c r="GU4" s="524"/>
      <c r="GV4" s="524"/>
      <c r="GW4" s="524"/>
      <c r="GX4" s="524"/>
      <c r="GY4" s="524"/>
      <c r="GZ4" s="524"/>
      <c r="HA4" s="524"/>
      <c r="HB4" s="524"/>
      <c r="HC4" s="524"/>
      <c r="HD4" s="524"/>
      <c r="HE4" s="524"/>
      <c r="HF4" s="524"/>
      <c r="HG4" s="524"/>
      <c r="HH4" s="524"/>
      <c r="HI4" s="524"/>
      <c r="HJ4" s="524"/>
      <c r="HK4" s="524"/>
      <c r="HL4" s="524"/>
      <c r="HM4" s="524"/>
      <c r="HN4" s="524"/>
      <c r="HO4" s="524"/>
      <c r="HP4" s="524"/>
      <c r="HQ4" s="524"/>
      <c r="HR4" s="524"/>
      <c r="HS4" s="524"/>
      <c r="HT4" s="524"/>
      <c r="HU4" s="524"/>
      <c r="HV4" s="524"/>
      <c r="HW4" s="524"/>
      <c r="HX4" s="524"/>
      <c r="HY4" s="524"/>
      <c r="HZ4" s="524"/>
      <c r="IA4" s="524"/>
      <c r="IB4" s="524"/>
      <c r="IC4" s="524"/>
      <c r="ID4" s="524"/>
      <c r="IE4" s="524"/>
      <c r="IF4" s="524"/>
      <c r="IG4" s="524"/>
      <c r="IH4" s="524"/>
      <c r="II4" s="524"/>
      <c r="IJ4" s="524"/>
      <c r="IK4" s="524"/>
      <c r="IL4" s="524"/>
      <c r="IM4" s="524"/>
      <c r="IN4" s="524"/>
      <c r="IO4" s="524"/>
      <c r="IP4" s="524"/>
      <c r="IQ4" s="524"/>
      <c r="IR4" s="524"/>
      <c r="IS4" s="524"/>
      <c r="IT4" s="524"/>
      <c r="IU4" s="524"/>
      <c r="IV4" s="524"/>
      <c r="IW4" s="524"/>
      <c r="IX4" s="524"/>
      <c r="IY4" s="524"/>
      <c r="IZ4" s="524"/>
      <c r="JA4" s="524"/>
      <c r="JB4" s="524"/>
      <c r="JC4" s="524"/>
      <c r="JD4" s="524"/>
      <c r="JE4" s="524"/>
      <c r="JF4" s="524"/>
      <c r="JG4" s="524"/>
      <c r="JH4" s="524"/>
      <c r="JI4" s="524"/>
      <c r="JJ4" s="524"/>
      <c r="JK4" s="524"/>
      <c r="JL4" s="524"/>
      <c r="JM4" s="524"/>
      <c r="JN4" s="524"/>
      <c r="JO4" s="524"/>
      <c r="JP4" s="524"/>
      <c r="JQ4" s="525"/>
      <c r="JR4" s="509" t="s">
        <v>40</v>
      </c>
      <c r="JS4" s="510"/>
      <c r="JT4" s="510"/>
      <c r="JU4" s="510"/>
      <c r="JV4" s="510"/>
      <c r="JW4" s="510"/>
      <c r="JX4" s="510"/>
      <c r="JY4" s="510"/>
      <c r="JZ4" s="510"/>
      <c r="KA4" s="510"/>
      <c r="KB4" s="511"/>
      <c r="KC4" s="509" t="s">
        <v>41</v>
      </c>
      <c r="KD4" s="510"/>
      <c r="KE4" s="510"/>
      <c r="KF4" s="510"/>
      <c r="KG4" s="510"/>
      <c r="KH4" s="510"/>
      <c r="KI4" s="510"/>
      <c r="KJ4" s="510"/>
      <c r="KK4" s="510"/>
      <c r="KL4" s="510"/>
      <c r="KM4" s="511"/>
    </row>
    <row r="5" spans="2:299" ht="27.75" customHeight="1" thickBot="1" x14ac:dyDescent="0.25">
      <c r="B5" s="515"/>
      <c r="C5" s="515"/>
      <c r="D5" s="516"/>
      <c r="E5" s="516"/>
      <c r="F5" s="516"/>
      <c r="G5" s="516"/>
      <c r="H5" s="516"/>
      <c r="I5" s="516"/>
      <c r="J5" s="516"/>
      <c r="K5" s="516"/>
      <c r="L5" s="516"/>
      <c r="M5" s="517"/>
      <c r="N5" s="518" t="s">
        <v>97</v>
      </c>
      <c r="O5" s="519"/>
      <c r="P5" s="519"/>
      <c r="Q5" s="519"/>
      <c r="R5" s="519"/>
      <c r="S5" s="519"/>
      <c r="T5" s="519"/>
      <c r="U5" s="519"/>
      <c r="V5" s="519"/>
      <c r="W5" s="519"/>
      <c r="X5" s="520"/>
      <c r="Y5" s="518" t="s">
        <v>98</v>
      </c>
      <c r="Z5" s="519"/>
      <c r="AA5" s="519"/>
      <c r="AB5" s="519"/>
      <c r="AC5" s="519"/>
      <c r="AD5" s="519"/>
      <c r="AE5" s="519"/>
      <c r="AF5" s="519"/>
      <c r="AG5" s="519"/>
      <c r="AH5" s="519"/>
      <c r="AI5" s="520"/>
      <c r="AJ5" s="518" t="s">
        <v>99</v>
      </c>
      <c r="AK5" s="519"/>
      <c r="AL5" s="519"/>
      <c r="AM5" s="519"/>
      <c r="AN5" s="519"/>
      <c r="AO5" s="519"/>
      <c r="AP5" s="519"/>
      <c r="AQ5" s="519"/>
      <c r="AR5" s="519"/>
      <c r="AS5" s="519"/>
      <c r="AT5" s="520"/>
      <c r="AU5" s="518" t="s">
        <v>100</v>
      </c>
      <c r="AV5" s="519"/>
      <c r="AW5" s="519"/>
      <c r="AX5" s="519"/>
      <c r="AY5" s="519"/>
      <c r="AZ5" s="519"/>
      <c r="BA5" s="519"/>
      <c r="BB5" s="519"/>
      <c r="BC5" s="519"/>
      <c r="BD5" s="519"/>
      <c r="BE5" s="520"/>
      <c r="BF5" s="518" t="s">
        <v>101</v>
      </c>
      <c r="BG5" s="519"/>
      <c r="BH5" s="519"/>
      <c r="BI5" s="519"/>
      <c r="BJ5" s="519"/>
      <c r="BK5" s="519"/>
      <c r="BL5" s="519"/>
      <c r="BM5" s="519"/>
      <c r="BN5" s="519"/>
      <c r="BO5" s="519"/>
      <c r="BP5" s="520"/>
      <c r="BQ5" s="518" t="s">
        <v>102</v>
      </c>
      <c r="BR5" s="519"/>
      <c r="BS5" s="519"/>
      <c r="BT5" s="519"/>
      <c r="BU5" s="519"/>
      <c r="BV5" s="519"/>
      <c r="BW5" s="519"/>
      <c r="BX5" s="519"/>
      <c r="BY5" s="519"/>
      <c r="BZ5" s="519"/>
      <c r="CA5" s="520"/>
      <c r="CB5" s="512"/>
      <c r="CC5" s="513"/>
      <c r="CD5" s="513"/>
      <c r="CE5" s="513"/>
      <c r="CF5" s="513"/>
      <c r="CG5" s="513"/>
      <c r="CH5" s="513"/>
      <c r="CI5" s="513"/>
      <c r="CJ5" s="513"/>
      <c r="CK5" s="513"/>
      <c r="CL5" s="514"/>
      <c r="CM5" s="512"/>
      <c r="CN5" s="513"/>
      <c r="CO5" s="513"/>
      <c r="CP5" s="513"/>
      <c r="CQ5" s="513"/>
      <c r="CR5" s="513"/>
      <c r="CS5" s="513"/>
      <c r="CT5" s="513"/>
      <c r="CU5" s="513"/>
      <c r="CV5" s="513"/>
      <c r="CW5" s="514"/>
      <c r="CX5" s="515"/>
      <c r="CY5" s="516"/>
      <c r="CZ5" s="516"/>
      <c r="DA5" s="516"/>
      <c r="DB5" s="516"/>
      <c r="DC5" s="516"/>
      <c r="DD5" s="516"/>
      <c r="DE5" s="516"/>
      <c r="DF5" s="516"/>
      <c r="DG5" s="516"/>
      <c r="DH5" s="517"/>
      <c r="DI5" s="518" t="s">
        <v>97</v>
      </c>
      <c r="DJ5" s="519"/>
      <c r="DK5" s="519"/>
      <c r="DL5" s="519"/>
      <c r="DM5" s="519"/>
      <c r="DN5" s="519"/>
      <c r="DO5" s="519"/>
      <c r="DP5" s="519"/>
      <c r="DQ5" s="519"/>
      <c r="DR5" s="519"/>
      <c r="DS5" s="520"/>
      <c r="DT5" s="518" t="s">
        <v>98</v>
      </c>
      <c r="DU5" s="519"/>
      <c r="DV5" s="519"/>
      <c r="DW5" s="519"/>
      <c r="DX5" s="519"/>
      <c r="DY5" s="519"/>
      <c r="DZ5" s="519"/>
      <c r="EA5" s="519"/>
      <c r="EB5" s="519"/>
      <c r="EC5" s="519"/>
      <c r="ED5" s="520"/>
      <c r="EE5" s="518" t="s">
        <v>99</v>
      </c>
      <c r="EF5" s="519"/>
      <c r="EG5" s="519"/>
      <c r="EH5" s="519"/>
      <c r="EI5" s="519"/>
      <c r="EJ5" s="519"/>
      <c r="EK5" s="519"/>
      <c r="EL5" s="519"/>
      <c r="EM5" s="519"/>
      <c r="EN5" s="519"/>
      <c r="EO5" s="520"/>
      <c r="EP5" s="518" t="s">
        <v>100</v>
      </c>
      <c r="EQ5" s="519"/>
      <c r="ER5" s="519"/>
      <c r="ES5" s="519"/>
      <c r="ET5" s="519"/>
      <c r="EU5" s="519"/>
      <c r="EV5" s="519"/>
      <c r="EW5" s="519"/>
      <c r="EX5" s="519"/>
      <c r="EY5" s="519"/>
      <c r="EZ5" s="520"/>
      <c r="FA5" s="518" t="s">
        <v>101</v>
      </c>
      <c r="FB5" s="519"/>
      <c r="FC5" s="519"/>
      <c r="FD5" s="519"/>
      <c r="FE5" s="519"/>
      <c r="FF5" s="519"/>
      <c r="FG5" s="519"/>
      <c r="FH5" s="519"/>
      <c r="FI5" s="519"/>
      <c r="FJ5" s="519"/>
      <c r="FK5" s="520"/>
      <c r="FL5" s="518" t="s">
        <v>102</v>
      </c>
      <c r="FM5" s="519"/>
      <c r="FN5" s="519"/>
      <c r="FO5" s="519"/>
      <c r="FP5" s="519"/>
      <c r="FQ5" s="519"/>
      <c r="FR5" s="519"/>
      <c r="FS5" s="519"/>
      <c r="FT5" s="519"/>
      <c r="FU5" s="519"/>
      <c r="FV5" s="520"/>
      <c r="FW5" s="512"/>
      <c r="FX5" s="513"/>
      <c r="FY5" s="513"/>
      <c r="FZ5" s="513"/>
      <c r="GA5" s="513"/>
      <c r="GB5" s="513"/>
      <c r="GC5" s="513"/>
      <c r="GD5" s="513"/>
      <c r="GE5" s="513"/>
      <c r="GF5" s="513"/>
      <c r="GG5" s="514"/>
      <c r="GH5" s="512"/>
      <c r="GI5" s="513"/>
      <c r="GJ5" s="513"/>
      <c r="GK5" s="513"/>
      <c r="GL5" s="513"/>
      <c r="GM5" s="513"/>
      <c r="GN5" s="513"/>
      <c r="GO5" s="513"/>
      <c r="GP5" s="513"/>
      <c r="GQ5" s="513"/>
      <c r="GR5" s="514"/>
      <c r="GS5" s="515"/>
      <c r="GT5" s="516"/>
      <c r="GU5" s="516"/>
      <c r="GV5" s="516"/>
      <c r="GW5" s="516"/>
      <c r="GX5" s="516"/>
      <c r="GY5" s="516"/>
      <c r="GZ5" s="516"/>
      <c r="HA5" s="516"/>
      <c r="HB5" s="516"/>
      <c r="HC5" s="517"/>
      <c r="HD5" s="518" t="s">
        <v>97</v>
      </c>
      <c r="HE5" s="519"/>
      <c r="HF5" s="519"/>
      <c r="HG5" s="519"/>
      <c r="HH5" s="519"/>
      <c r="HI5" s="519"/>
      <c r="HJ5" s="519"/>
      <c r="HK5" s="519"/>
      <c r="HL5" s="519"/>
      <c r="HM5" s="519"/>
      <c r="HN5" s="520"/>
      <c r="HO5" s="518" t="s">
        <v>98</v>
      </c>
      <c r="HP5" s="519"/>
      <c r="HQ5" s="519"/>
      <c r="HR5" s="519"/>
      <c r="HS5" s="519"/>
      <c r="HT5" s="519"/>
      <c r="HU5" s="519"/>
      <c r="HV5" s="519"/>
      <c r="HW5" s="519"/>
      <c r="HX5" s="519"/>
      <c r="HY5" s="520"/>
      <c r="HZ5" s="518" t="s">
        <v>99</v>
      </c>
      <c r="IA5" s="519"/>
      <c r="IB5" s="519"/>
      <c r="IC5" s="519"/>
      <c r="ID5" s="519"/>
      <c r="IE5" s="519"/>
      <c r="IF5" s="519"/>
      <c r="IG5" s="519"/>
      <c r="IH5" s="519"/>
      <c r="II5" s="519"/>
      <c r="IJ5" s="520"/>
      <c r="IK5" s="518" t="s">
        <v>100</v>
      </c>
      <c r="IL5" s="519"/>
      <c r="IM5" s="519"/>
      <c r="IN5" s="519"/>
      <c r="IO5" s="519"/>
      <c r="IP5" s="519"/>
      <c r="IQ5" s="519"/>
      <c r="IR5" s="519"/>
      <c r="IS5" s="519"/>
      <c r="IT5" s="519"/>
      <c r="IU5" s="520"/>
      <c r="IV5" s="518" t="s">
        <v>101</v>
      </c>
      <c r="IW5" s="519"/>
      <c r="IX5" s="519"/>
      <c r="IY5" s="519"/>
      <c r="IZ5" s="519"/>
      <c r="JA5" s="519"/>
      <c r="JB5" s="519"/>
      <c r="JC5" s="519"/>
      <c r="JD5" s="519"/>
      <c r="JE5" s="519"/>
      <c r="JF5" s="520"/>
      <c r="JG5" s="518" t="s">
        <v>102</v>
      </c>
      <c r="JH5" s="519"/>
      <c r="JI5" s="519"/>
      <c r="JJ5" s="519"/>
      <c r="JK5" s="519"/>
      <c r="JL5" s="519"/>
      <c r="JM5" s="519"/>
      <c r="JN5" s="519"/>
      <c r="JO5" s="519"/>
      <c r="JP5" s="519"/>
      <c r="JQ5" s="520"/>
      <c r="JR5" s="512"/>
      <c r="JS5" s="513"/>
      <c r="JT5" s="513"/>
      <c r="JU5" s="513"/>
      <c r="JV5" s="513"/>
      <c r="JW5" s="513"/>
      <c r="JX5" s="513"/>
      <c r="JY5" s="513"/>
      <c r="JZ5" s="513"/>
      <c r="KA5" s="513"/>
      <c r="KB5" s="514"/>
      <c r="KC5" s="512"/>
      <c r="KD5" s="513"/>
      <c r="KE5" s="513"/>
      <c r="KF5" s="513"/>
      <c r="KG5" s="513"/>
      <c r="KH5" s="513"/>
      <c r="KI5" s="513"/>
      <c r="KJ5" s="513"/>
      <c r="KK5" s="513"/>
      <c r="KL5" s="513"/>
      <c r="KM5" s="514"/>
    </row>
    <row r="6" spans="2:299" ht="44.25"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19.5" customHeight="1" x14ac:dyDescent="0.2">
      <c r="B7" s="125" t="s">
        <v>4</v>
      </c>
      <c r="C7" s="314">
        <v>4407</v>
      </c>
      <c r="D7" s="78">
        <v>3967</v>
      </c>
      <c r="E7" s="79">
        <v>8374</v>
      </c>
      <c r="F7" s="240"/>
      <c r="G7" s="78">
        <v>5933</v>
      </c>
      <c r="H7" s="78">
        <v>5210</v>
      </c>
      <c r="I7" s="78">
        <v>3532</v>
      </c>
      <c r="J7" s="78">
        <v>2881</v>
      </c>
      <c r="K7" s="78">
        <v>1690</v>
      </c>
      <c r="L7" s="80">
        <v>19246</v>
      </c>
      <c r="M7" s="81">
        <v>27620</v>
      </c>
      <c r="N7" s="66">
        <v>58</v>
      </c>
      <c r="O7" s="67">
        <v>60</v>
      </c>
      <c r="P7" s="68">
        <v>118</v>
      </c>
      <c r="Q7" s="240"/>
      <c r="R7" s="67">
        <v>86</v>
      </c>
      <c r="S7" s="67">
        <v>114</v>
      </c>
      <c r="T7" s="67">
        <v>59</v>
      </c>
      <c r="U7" s="67">
        <v>46</v>
      </c>
      <c r="V7" s="67">
        <v>36</v>
      </c>
      <c r="W7" s="68">
        <v>341</v>
      </c>
      <c r="X7" s="69">
        <v>459</v>
      </c>
      <c r="Y7" s="66">
        <v>174</v>
      </c>
      <c r="Z7" s="67">
        <v>178</v>
      </c>
      <c r="AA7" s="68">
        <v>352</v>
      </c>
      <c r="AB7" s="243"/>
      <c r="AC7" s="67">
        <v>235</v>
      </c>
      <c r="AD7" s="67">
        <v>234</v>
      </c>
      <c r="AE7" s="67">
        <v>128</v>
      </c>
      <c r="AF7" s="67">
        <v>140</v>
      </c>
      <c r="AG7" s="67">
        <v>108</v>
      </c>
      <c r="AH7" s="68">
        <v>845</v>
      </c>
      <c r="AI7" s="69">
        <v>1197</v>
      </c>
      <c r="AJ7" s="66">
        <v>350</v>
      </c>
      <c r="AK7" s="67">
        <v>326</v>
      </c>
      <c r="AL7" s="68">
        <v>676</v>
      </c>
      <c r="AM7" s="243"/>
      <c r="AN7" s="67">
        <v>436</v>
      </c>
      <c r="AO7" s="67">
        <v>396</v>
      </c>
      <c r="AP7" s="67">
        <v>268</v>
      </c>
      <c r="AQ7" s="67">
        <v>206</v>
      </c>
      <c r="AR7" s="67">
        <v>157</v>
      </c>
      <c r="AS7" s="68">
        <v>1463</v>
      </c>
      <c r="AT7" s="69">
        <v>2139</v>
      </c>
      <c r="AU7" s="66">
        <v>887</v>
      </c>
      <c r="AV7" s="67">
        <v>786</v>
      </c>
      <c r="AW7" s="68">
        <v>1673</v>
      </c>
      <c r="AX7" s="243"/>
      <c r="AY7" s="67">
        <v>1149</v>
      </c>
      <c r="AZ7" s="67">
        <v>933</v>
      </c>
      <c r="BA7" s="67">
        <v>588</v>
      </c>
      <c r="BB7" s="67">
        <v>452</v>
      </c>
      <c r="BC7" s="67">
        <v>336</v>
      </c>
      <c r="BD7" s="68">
        <v>3458</v>
      </c>
      <c r="BE7" s="69">
        <v>5131</v>
      </c>
      <c r="BF7" s="66">
        <v>1613</v>
      </c>
      <c r="BG7" s="67">
        <v>1358</v>
      </c>
      <c r="BH7" s="68">
        <v>2971</v>
      </c>
      <c r="BI7" s="243"/>
      <c r="BJ7" s="67">
        <v>1997</v>
      </c>
      <c r="BK7" s="67">
        <v>1604</v>
      </c>
      <c r="BL7" s="67">
        <v>1076</v>
      </c>
      <c r="BM7" s="67">
        <v>880</v>
      </c>
      <c r="BN7" s="67">
        <v>503</v>
      </c>
      <c r="BO7" s="68">
        <v>6060</v>
      </c>
      <c r="BP7" s="69">
        <v>9031</v>
      </c>
      <c r="BQ7" s="66">
        <v>1325</v>
      </c>
      <c r="BR7" s="67">
        <v>1259</v>
      </c>
      <c r="BS7" s="68">
        <v>2584</v>
      </c>
      <c r="BT7" s="243"/>
      <c r="BU7" s="67">
        <v>2030</v>
      </c>
      <c r="BV7" s="67">
        <v>1929</v>
      </c>
      <c r="BW7" s="67">
        <v>1413</v>
      </c>
      <c r="BX7" s="67">
        <v>1157</v>
      </c>
      <c r="BY7" s="67">
        <v>550</v>
      </c>
      <c r="BZ7" s="68">
        <v>7079</v>
      </c>
      <c r="CA7" s="69">
        <v>9663</v>
      </c>
      <c r="CB7" s="66">
        <v>0</v>
      </c>
      <c r="CC7" s="67">
        <v>0</v>
      </c>
      <c r="CD7" s="68">
        <v>0</v>
      </c>
      <c r="CE7" s="243"/>
      <c r="CF7" s="67">
        <v>0</v>
      </c>
      <c r="CG7" s="67">
        <v>0</v>
      </c>
      <c r="CH7" s="67">
        <v>0</v>
      </c>
      <c r="CI7" s="67">
        <v>0</v>
      </c>
      <c r="CJ7" s="67">
        <v>0</v>
      </c>
      <c r="CK7" s="68">
        <v>0</v>
      </c>
      <c r="CL7" s="69">
        <v>0</v>
      </c>
      <c r="CM7" s="66">
        <v>4407</v>
      </c>
      <c r="CN7" s="67">
        <v>3967</v>
      </c>
      <c r="CO7" s="68">
        <v>8374</v>
      </c>
      <c r="CP7" s="243"/>
      <c r="CQ7" s="67">
        <v>5933</v>
      </c>
      <c r="CR7" s="67">
        <v>5210</v>
      </c>
      <c r="CS7" s="67">
        <v>3532</v>
      </c>
      <c r="CT7" s="67">
        <v>2881</v>
      </c>
      <c r="CU7" s="67">
        <v>1690</v>
      </c>
      <c r="CV7" s="68">
        <v>19246</v>
      </c>
      <c r="CW7" s="69">
        <v>27620</v>
      </c>
      <c r="CX7" s="122">
        <v>614</v>
      </c>
      <c r="CY7" s="78">
        <v>646</v>
      </c>
      <c r="CZ7" s="79">
        <v>1260</v>
      </c>
      <c r="DA7" s="240"/>
      <c r="DB7" s="78">
        <v>782</v>
      </c>
      <c r="DC7" s="78">
        <v>763</v>
      </c>
      <c r="DD7" s="78">
        <v>496</v>
      </c>
      <c r="DE7" s="78">
        <v>515</v>
      </c>
      <c r="DF7" s="78">
        <v>338</v>
      </c>
      <c r="DG7" s="80">
        <v>2894</v>
      </c>
      <c r="DH7" s="81">
        <v>4154</v>
      </c>
      <c r="DI7" s="66">
        <v>15</v>
      </c>
      <c r="DJ7" s="67">
        <v>11</v>
      </c>
      <c r="DK7" s="68">
        <v>26</v>
      </c>
      <c r="DL7" s="243"/>
      <c r="DM7" s="67">
        <v>9</v>
      </c>
      <c r="DN7" s="67">
        <v>12</v>
      </c>
      <c r="DO7" s="67">
        <v>8</v>
      </c>
      <c r="DP7" s="67">
        <v>8</v>
      </c>
      <c r="DQ7" s="67">
        <v>2</v>
      </c>
      <c r="DR7" s="68">
        <v>39</v>
      </c>
      <c r="DS7" s="69">
        <v>65</v>
      </c>
      <c r="DT7" s="66">
        <v>38</v>
      </c>
      <c r="DU7" s="67">
        <v>46</v>
      </c>
      <c r="DV7" s="68">
        <v>84</v>
      </c>
      <c r="DW7" s="243"/>
      <c r="DX7" s="67">
        <v>38</v>
      </c>
      <c r="DY7" s="67">
        <v>27</v>
      </c>
      <c r="DZ7" s="67">
        <v>12</v>
      </c>
      <c r="EA7" s="67">
        <v>19</v>
      </c>
      <c r="EB7" s="67">
        <v>10</v>
      </c>
      <c r="EC7" s="68">
        <v>106</v>
      </c>
      <c r="ED7" s="69">
        <v>190</v>
      </c>
      <c r="EE7" s="66">
        <v>76</v>
      </c>
      <c r="EF7" s="67">
        <v>69</v>
      </c>
      <c r="EG7" s="68">
        <v>145</v>
      </c>
      <c r="EH7" s="243"/>
      <c r="EI7" s="67">
        <v>75</v>
      </c>
      <c r="EJ7" s="67">
        <v>71</v>
      </c>
      <c r="EK7" s="67">
        <v>27</v>
      </c>
      <c r="EL7" s="67">
        <v>21</v>
      </c>
      <c r="EM7" s="67">
        <v>17</v>
      </c>
      <c r="EN7" s="68">
        <v>211</v>
      </c>
      <c r="EO7" s="69">
        <v>356</v>
      </c>
      <c r="EP7" s="66">
        <v>179</v>
      </c>
      <c r="EQ7" s="67">
        <v>151</v>
      </c>
      <c r="ER7" s="68">
        <v>330</v>
      </c>
      <c r="ES7" s="243"/>
      <c r="ET7" s="67">
        <v>147</v>
      </c>
      <c r="EU7" s="67">
        <v>108</v>
      </c>
      <c r="EV7" s="67">
        <v>68</v>
      </c>
      <c r="EW7" s="67">
        <v>57</v>
      </c>
      <c r="EX7" s="67">
        <v>38</v>
      </c>
      <c r="EY7" s="68">
        <v>418</v>
      </c>
      <c r="EZ7" s="69">
        <v>748</v>
      </c>
      <c r="FA7" s="66">
        <v>166</v>
      </c>
      <c r="FB7" s="67">
        <v>215</v>
      </c>
      <c r="FC7" s="68">
        <v>381</v>
      </c>
      <c r="FD7" s="243"/>
      <c r="FE7" s="67">
        <v>237</v>
      </c>
      <c r="FF7" s="67">
        <v>216</v>
      </c>
      <c r="FG7" s="67">
        <v>131</v>
      </c>
      <c r="FH7" s="67">
        <v>127</v>
      </c>
      <c r="FI7" s="67">
        <v>94</v>
      </c>
      <c r="FJ7" s="68">
        <v>805</v>
      </c>
      <c r="FK7" s="69">
        <v>1186</v>
      </c>
      <c r="FL7" s="66">
        <v>140</v>
      </c>
      <c r="FM7" s="67">
        <v>154</v>
      </c>
      <c r="FN7" s="68">
        <v>294</v>
      </c>
      <c r="FO7" s="243"/>
      <c r="FP7" s="67">
        <v>276</v>
      </c>
      <c r="FQ7" s="67">
        <v>329</v>
      </c>
      <c r="FR7" s="67">
        <v>250</v>
      </c>
      <c r="FS7" s="67">
        <v>283</v>
      </c>
      <c r="FT7" s="67">
        <v>177</v>
      </c>
      <c r="FU7" s="68">
        <v>1315</v>
      </c>
      <c r="FV7" s="69">
        <v>1609</v>
      </c>
      <c r="FW7" s="66">
        <v>0</v>
      </c>
      <c r="FX7" s="67">
        <v>0</v>
      </c>
      <c r="FY7" s="68">
        <v>0</v>
      </c>
      <c r="FZ7" s="243"/>
      <c r="GA7" s="67">
        <v>0</v>
      </c>
      <c r="GB7" s="67">
        <v>0</v>
      </c>
      <c r="GC7" s="67">
        <v>0</v>
      </c>
      <c r="GD7" s="67">
        <v>0</v>
      </c>
      <c r="GE7" s="67">
        <v>0</v>
      </c>
      <c r="GF7" s="68">
        <v>0</v>
      </c>
      <c r="GG7" s="69">
        <v>0</v>
      </c>
      <c r="GH7" s="66">
        <v>614</v>
      </c>
      <c r="GI7" s="67">
        <v>646</v>
      </c>
      <c r="GJ7" s="68">
        <v>1260</v>
      </c>
      <c r="GK7" s="243"/>
      <c r="GL7" s="67">
        <v>782</v>
      </c>
      <c r="GM7" s="67">
        <v>763</v>
      </c>
      <c r="GN7" s="67">
        <v>496</v>
      </c>
      <c r="GO7" s="67">
        <v>515</v>
      </c>
      <c r="GP7" s="67">
        <v>338</v>
      </c>
      <c r="GQ7" s="68">
        <v>2894</v>
      </c>
      <c r="GR7" s="69">
        <v>4154</v>
      </c>
      <c r="GS7" s="122">
        <v>5021</v>
      </c>
      <c r="GT7" s="78">
        <v>4613</v>
      </c>
      <c r="GU7" s="79">
        <v>9634</v>
      </c>
      <c r="GV7" s="240"/>
      <c r="GW7" s="78">
        <v>6715</v>
      </c>
      <c r="GX7" s="78">
        <v>5973</v>
      </c>
      <c r="GY7" s="78">
        <v>4028</v>
      </c>
      <c r="GZ7" s="78">
        <v>3396</v>
      </c>
      <c r="HA7" s="78">
        <v>2028</v>
      </c>
      <c r="HB7" s="80">
        <v>22140</v>
      </c>
      <c r="HC7" s="81">
        <v>31774</v>
      </c>
      <c r="HD7" s="66">
        <v>73</v>
      </c>
      <c r="HE7" s="67">
        <v>71</v>
      </c>
      <c r="HF7" s="68">
        <v>144</v>
      </c>
      <c r="HG7" s="243"/>
      <c r="HH7" s="67">
        <v>95</v>
      </c>
      <c r="HI7" s="67">
        <v>126</v>
      </c>
      <c r="HJ7" s="67">
        <v>67</v>
      </c>
      <c r="HK7" s="67">
        <v>54</v>
      </c>
      <c r="HL7" s="67">
        <v>38</v>
      </c>
      <c r="HM7" s="68">
        <v>380</v>
      </c>
      <c r="HN7" s="69">
        <v>524</v>
      </c>
      <c r="HO7" s="66">
        <v>212</v>
      </c>
      <c r="HP7" s="67">
        <v>224</v>
      </c>
      <c r="HQ7" s="68">
        <v>436</v>
      </c>
      <c r="HR7" s="243"/>
      <c r="HS7" s="67">
        <v>273</v>
      </c>
      <c r="HT7" s="67">
        <v>261</v>
      </c>
      <c r="HU7" s="67">
        <v>140</v>
      </c>
      <c r="HV7" s="67">
        <v>159</v>
      </c>
      <c r="HW7" s="67">
        <v>118</v>
      </c>
      <c r="HX7" s="68">
        <v>951</v>
      </c>
      <c r="HY7" s="69">
        <v>1387</v>
      </c>
      <c r="HZ7" s="66">
        <v>426</v>
      </c>
      <c r="IA7" s="67">
        <v>395</v>
      </c>
      <c r="IB7" s="68">
        <v>821</v>
      </c>
      <c r="IC7" s="243"/>
      <c r="ID7" s="67">
        <v>511</v>
      </c>
      <c r="IE7" s="67">
        <v>467</v>
      </c>
      <c r="IF7" s="67">
        <v>295</v>
      </c>
      <c r="IG7" s="67">
        <v>227</v>
      </c>
      <c r="IH7" s="67">
        <v>174</v>
      </c>
      <c r="II7" s="68">
        <v>1674</v>
      </c>
      <c r="IJ7" s="69">
        <v>2495</v>
      </c>
      <c r="IK7" s="66">
        <v>1066</v>
      </c>
      <c r="IL7" s="67">
        <v>937</v>
      </c>
      <c r="IM7" s="68">
        <v>2003</v>
      </c>
      <c r="IN7" s="243"/>
      <c r="IO7" s="67">
        <v>1296</v>
      </c>
      <c r="IP7" s="67">
        <v>1041</v>
      </c>
      <c r="IQ7" s="67">
        <v>656</v>
      </c>
      <c r="IR7" s="67">
        <v>509</v>
      </c>
      <c r="IS7" s="67">
        <v>374</v>
      </c>
      <c r="IT7" s="68">
        <v>3876</v>
      </c>
      <c r="IU7" s="69">
        <v>5879</v>
      </c>
      <c r="IV7" s="66">
        <v>1779</v>
      </c>
      <c r="IW7" s="67">
        <v>1573</v>
      </c>
      <c r="IX7" s="68">
        <v>3352</v>
      </c>
      <c r="IY7" s="243"/>
      <c r="IZ7" s="67">
        <v>2234</v>
      </c>
      <c r="JA7" s="67">
        <v>1820</v>
      </c>
      <c r="JB7" s="67">
        <v>1207</v>
      </c>
      <c r="JC7" s="67">
        <v>1007</v>
      </c>
      <c r="JD7" s="67">
        <v>597</v>
      </c>
      <c r="JE7" s="68">
        <v>6865</v>
      </c>
      <c r="JF7" s="69">
        <v>10217</v>
      </c>
      <c r="JG7" s="66">
        <v>1465</v>
      </c>
      <c r="JH7" s="67">
        <v>1413</v>
      </c>
      <c r="JI7" s="68">
        <v>2878</v>
      </c>
      <c r="JJ7" s="243"/>
      <c r="JK7" s="67">
        <v>2306</v>
      </c>
      <c r="JL7" s="67">
        <v>2258</v>
      </c>
      <c r="JM7" s="67">
        <v>1663</v>
      </c>
      <c r="JN7" s="67">
        <v>1440</v>
      </c>
      <c r="JO7" s="67">
        <v>727</v>
      </c>
      <c r="JP7" s="68">
        <v>8394</v>
      </c>
      <c r="JQ7" s="69">
        <v>11272</v>
      </c>
      <c r="JR7" s="66">
        <v>0</v>
      </c>
      <c r="JS7" s="67">
        <v>0</v>
      </c>
      <c r="JT7" s="68">
        <v>0</v>
      </c>
      <c r="JU7" s="243"/>
      <c r="JV7" s="67">
        <v>0</v>
      </c>
      <c r="JW7" s="67">
        <v>0</v>
      </c>
      <c r="JX7" s="67">
        <v>0</v>
      </c>
      <c r="JY7" s="67">
        <v>0</v>
      </c>
      <c r="JZ7" s="67">
        <v>0</v>
      </c>
      <c r="KA7" s="68">
        <v>0</v>
      </c>
      <c r="KB7" s="69">
        <v>0</v>
      </c>
      <c r="KC7" s="66">
        <v>5021</v>
      </c>
      <c r="KD7" s="67">
        <v>4613</v>
      </c>
      <c r="KE7" s="68">
        <v>9634</v>
      </c>
      <c r="KF7" s="243"/>
      <c r="KG7" s="67">
        <v>6715</v>
      </c>
      <c r="KH7" s="67">
        <v>5973</v>
      </c>
      <c r="KI7" s="67">
        <v>4028</v>
      </c>
      <c r="KJ7" s="67">
        <v>3396</v>
      </c>
      <c r="KK7" s="67">
        <v>2028</v>
      </c>
      <c r="KL7" s="68">
        <v>22140</v>
      </c>
      <c r="KM7" s="69">
        <v>31774</v>
      </c>
    </row>
    <row r="8" spans="2:299" ht="19.5" customHeight="1" x14ac:dyDescent="0.2">
      <c r="B8" s="126" t="s">
        <v>5</v>
      </c>
      <c r="C8" s="315">
        <v>1913</v>
      </c>
      <c r="D8" s="82">
        <v>2005</v>
      </c>
      <c r="E8" s="83">
        <v>3918</v>
      </c>
      <c r="F8" s="241"/>
      <c r="G8" s="82">
        <v>2174</v>
      </c>
      <c r="H8" s="82">
        <v>2462</v>
      </c>
      <c r="I8" s="82">
        <v>1619</v>
      </c>
      <c r="J8" s="82">
        <v>1223</v>
      </c>
      <c r="K8" s="82">
        <v>758</v>
      </c>
      <c r="L8" s="84">
        <v>8236</v>
      </c>
      <c r="M8" s="85">
        <v>12154</v>
      </c>
      <c r="N8" s="70">
        <v>18</v>
      </c>
      <c r="O8" s="71">
        <v>26</v>
      </c>
      <c r="P8" s="72">
        <v>44</v>
      </c>
      <c r="Q8" s="241"/>
      <c r="R8" s="71">
        <v>26</v>
      </c>
      <c r="S8" s="71">
        <v>53</v>
      </c>
      <c r="T8" s="71">
        <v>24</v>
      </c>
      <c r="U8" s="71">
        <v>21</v>
      </c>
      <c r="V8" s="71">
        <v>13</v>
      </c>
      <c r="W8" s="72">
        <v>137</v>
      </c>
      <c r="X8" s="73">
        <v>181</v>
      </c>
      <c r="Y8" s="70">
        <v>68</v>
      </c>
      <c r="Z8" s="71">
        <v>90</v>
      </c>
      <c r="AA8" s="72">
        <v>158</v>
      </c>
      <c r="AB8" s="244"/>
      <c r="AC8" s="71">
        <v>78</v>
      </c>
      <c r="AD8" s="71">
        <v>101</v>
      </c>
      <c r="AE8" s="71">
        <v>65</v>
      </c>
      <c r="AF8" s="71">
        <v>50</v>
      </c>
      <c r="AG8" s="71">
        <v>46</v>
      </c>
      <c r="AH8" s="72">
        <v>340</v>
      </c>
      <c r="AI8" s="73">
        <v>498</v>
      </c>
      <c r="AJ8" s="70">
        <v>141</v>
      </c>
      <c r="AK8" s="71">
        <v>162</v>
      </c>
      <c r="AL8" s="72">
        <v>303</v>
      </c>
      <c r="AM8" s="244"/>
      <c r="AN8" s="71">
        <v>130</v>
      </c>
      <c r="AO8" s="71">
        <v>170</v>
      </c>
      <c r="AP8" s="71">
        <v>111</v>
      </c>
      <c r="AQ8" s="71">
        <v>77</v>
      </c>
      <c r="AR8" s="71">
        <v>58</v>
      </c>
      <c r="AS8" s="72">
        <v>546</v>
      </c>
      <c r="AT8" s="73">
        <v>849</v>
      </c>
      <c r="AU8" s="70">
        <v>378</v>
      </c>
      <c r="AV8" s="71">
        <v>394</v>
      </c>
      <c r="AW8" s="72">
        <v>772</v>
      </c>
      <c r="AX8" s="244"/>
      <c r="AY8" s="71">
        <v>424</v>
      </c>
      <c r="AZ8" s="71">
        <v>385</v>
      </c>
      <c r="BA8" s="71">
        <v>255</v>
      </c>
      <c r="BB8" s="71">
        <v>183</v>
      </c>
      <c r="BC8" s="71">
        <v>148</v>
      </c>
      <c r="BD8" s="72">
        <v>1395</v>
      </c>
      <c r="BE8" s="73">
        <v>2167</v>
      </c>
      <c r="BF8" s="70">
        <v>717</v>
      </c>
      <c r="BG8" s="71">
        <v>703</v>
      </c>
      <c r="BH8" s="72">
        <v>1420</v>
      </c>
      <c r="BI8" s="244"/>
      <c r="BJ8" s="71">
        <v>785</v>
      </c>
      <c r="BK8" s="71">
        <v>770</v>
      </c>
      <c r="BL8" s="71">
        <v>494</v>
      </c>
      <c r="BM8" s="71">
        <v>385</v>
      </c>
      <c r="BN8" s="71">
        <v>231</v>
      </c>
      <c r="BO8" s="72">
        <v>2665</v>
      </c>
      <c r="BP8" s="73">
        <v>4085</v>
      </c>
      <c r="BQ8" s="70">
        <v>591</v>
      </c>
      <c r="BR8" s="71">
        <v>630</v>
      </c>
      <c r="BS8" s="72">
        <v>1221</v>
      </c>
      <c r="BT8" s="244"/>
      <c r="BU8" s="71">
        <v>731</v>
      </c>
      <c r="BV8" s="71">
        <v>983</v>
      </c>
      <c r="BW8" s="71">
        <v>670</v>
      </c>
      <c r="BX8" s="71">
        <v>507</v>
      </c>
      <c r="BY8" s="71">
        <v>262</v>
      </c>
      <c r="BZ8" s="72">
        <v>3153</v>
      </c>
      <c r="CA8" s="73">
        <v>4374</v>
      </c>
      <c r="CB8" s="70">
        <v>0</v>
      </c>
      <c r="CC8" s="71">
        <v>0</v>
      </c>
      <c r="CD8" s="72">
        <v>0</v>
      </c>
      <c r="CE8" s="244"/>
      <c r="CF8" s="71">
        <v>0</v>
      </c>
      <c r="CG8" s="71">
        <v>0</v>
      </c>
      <c r="CH8" s="71">
        <v>0</v>
      </c>
      <c r="CI8" s="71">
        <v>0</v>
      </c>
      <c r="CJ8" s="71">
        <v>0</v>
      </c>
      <c r="CK8" s="72">
        <v>0</v>
      </c>
      <c r="CL8" s="73">
        <v>0</v>
      </c>
      <c r="CM8" s="70">
        <v>1913</v>
      </c>
      <c r="CN8" s="71">
        <v>2005</v>
      </c>
      <c r="CO8" s="72">
        <v>3918</v>
      </c>
      <c r="CP8" s="244"/>
      <c r="CQ8" s="71">
        <v>2174</v>
      </c>
      <c r="CR8" s="71">
        <v>2462</v>
      </c>
      <c r="CS8" s="71">
        <v>1619</v>
      </c>
      <c r="CT8" s="71">
        <v>1223</v>
      </c>
      <c r="CU8" s="71">
        <v>758</v>
      </c>
      <c r="CV8" s="72">
        <v>8236</v>
      </c>
      <c r="CW8" s="73">
        <v>12154</v>
      </c>
      <c r="CX8" s="123">
        <v>257</v>
      </c>
      <c r="CY8" s="82">
        <v>311</v>
      </c>
      <c r="CZ8" s="83">
        <v>568</v>
      </c>
      <c r="DA8" s="241"/>
      <c r="DB8" s="82">
        <v>292</v>
      </c>
      <c r="DC8" s="82">
        <v>366</v>
      </c>
      <c r="DD8" s="82">
        <v>210</v>
      </c>
      <c r="DE8" s="82">
        <v>230</v>
      </c>
      <c r="DF8" s="82">
        <v>150</v>
      </c>
      <c r="DG8" s="84">
        <v>1248</v>
      </c>
      <c r="DH8" s="85">
        <v>1816</v>
      </c>
      <c r="DI8" s="70">
        <v>8</v>
      </c>
      <c r="DJ8" s="71">
        <v>6</v>
      </c>
      <c r="DK8" s="72">
        <v>14</v>
      </c>
      <c r="DL8" s="244"/>
      <c r="DM8" s="71">
        <v>2</v>
      </c>
      <c r="DN8" s="71">
        <v>7</v>
      </c>
      <c r="DO8" s="71">
        <v>3</v>
      </c>
      <c r="DP8" s="71">
        <v>3</v>
      </c>
      <c r="DQ8" s="71">
        <v>1</v>
      </c>
      <c r="DR8" s="72">
        <v>16</v>
      </c>
      <c r="DS8" s="73">
        <v>30</v>
      </c>
      <c r="DT8" s="70">
        <v>16</v>
      </c>
      <c r="DU8" s="71">
        <v>26</v>
      </c>
      <c r="DV8" s="72">
        <v>42</v>
      </c>
      <c r="DW8" s="244"/>
      <c r="DX8" s="71">
        <v>13</v>
      </c>
      <c r="DY8" s="71">
        <v>12</v>
      </c>
      <c r="DZ8" s="71">
        <v>3</v>
      </c>
      <c r="EA8" s="71">
        <v>9</v>
      </c>
      <c r="EB8" s="71">
        <v>3</v>
      </c>
      <c r="EC8" s="72">
        <v>40</v>
      </c>
      <c r="ED8" s="73">
        <v>82</v>
      </c>
      <c r="EE8" s="70">
        <v>25</v>
      </c>
      <c r="EF8" s="71">
        <v>37</v>
      </c>
      <c r="EG8" s="72">
        <v>62</v>
      </c>
      <c r="EH8" s="244"/>
      <c r="EI8" s="71">
        <v>31</v>
      </c>
      <c r="EJ8" s="71">
        <v>36</v>
      </c>
      <c r="EK8" s="71">
        <v>11</v>
      </c>
      <c r="EL8" s="71">
        <v>9</v>
      </c>
      <c r="EM8" s="71">
        <v>14</v>
      </c>
      <c r="EN8" s="72">
        <v>101</v>
      </c>
      <c r="EO8" s="73">
        <v>163</v>
      </c>
      <c r="EP8" s="70">
        <v>82</v>
      </c>
      <c r="EQ8" s="71">
        <v>71</v>
      </c>
      <c r="ER8" s="72">
        <v>153</v>
      </c>
      <c r="ES8" s="244"/>
      <c r="ET8" s="71">
        <v>51</v>
      </c>
      <c r="EU8" s="71">
        <v>51</v>
      </c>
      <c r="EV8" s="71">
        <v>27</v>
      </c>
      <c r="EW8" s="71">
        <v>34</v>
      </c>
      <c r="EX8" s="71">
        <v>17</v>
      </c>
      <c r="EY8" s="72">
        <v>180</v>
      </c>
      <c r="EZ8" s="73">
        <v>333</v>
      </c>
      <c r="FA8" s="70">
        <v>63</v>
      </c>
      <c r="FB8" s="71">
        <v>100</v>
      </c>
      <c r="FC8" s="72">
        <v>163</v>
      </c>
      <c r="FD8" s="244"/>
      <c r="FE8" s="71">
        <v>91</v>
      </c>
      <c r="FF8" s="71">
        <v>93</v>
      </c>
      <c r="FG8" s="71">
        <v>52</v>
      </c>
      <c r="FH8" s="71">
        <v>53</v>
      </c>
      <c r="FI8" s="71">
        <v>37</v>
      </c>
      <c r="FJ8" s="72">
        <v>326</v>
      </c>
      <c r="FK8" s="73">
        <v>489</v>
      </c>
      <c r="FL8" s="70">
        <v>63</v>
      </c>
      <c r="FM8" s="71">
        <v>71</v>
      </c>
      <c r="FN8" s="72">
        <v>134</v>
      </c>
      <c r="FO8" s="244"/>
      <c r="FP8" s="71">
        <v>104</v>
      </c>
      <c r="FQ8" s="71">
        <v>167</v>
      </c>
      <c r="FR8" s="71">
        <v>114</v>
      </c>
      <c r="FS8" s="71">
        <v>122</v>
      </c>
      <c r="FT8" s="71">
        <v>78</v>
      </c>
      <c r="FU8" s="72">
        <v>585</v>
      </c>
      <c r="FV8" s="73">
        <v>719</v>
      </c>
      <c r="FW8" s="70">
        <v>0</v>
      </c>
      <c r="FX8" s="71">
        <v>0</v>
      </c>
      <c r="FY8" s="72">
        <v>0</v>
      </c>
      <c r="FZ8" s="244"/>
      <c r="GA8" s="71">
        <v>0</v>
      </c>
      <c r="GB8" s="71">
        <v>0</v>
      </c>
      <c r="GC8" s="71">
        <v>0</v>
      </c>
      <c r="GD8" s="71">
        <v>0</v>
      </c>
      <c r="GE8" s="71">
        <v>0</v>
      </c>
      <c r="GF8" s="72">
        <v>0</v>
      </c>
      <c r="GG8" s="73">
        <v>0</v>
      </c>
      <c r="GH8" s="70">
        <v>257</v>
      </c>
      <c r="GI8" s="71">
        <v>311</v>
      </c>
      <c r="GJ8" s="72">
        <v>568</v>
      </c>
      <c r="GK8" s="244"/>
      <c r="GL8" s="71">
        <v>292</v>
      </c>
      <c r="GM8" s="71">
        <v>366</v>
      </c>
      <c r="GN8" s="71">
        <v>210</v>
      </c>
      <c r="GO8" s="71">
        <v>230</v>
      </c>
      <c r="GP8" s="71">
        <v>150</v>
      </c>
      <c r="GQ8" s="72">
        <v>1248</v>
      </c>
      <c r="GR8" s="73">
        <v>1816</v>
      </c>
      <c r="GS8" s="123">
        <v>2170</v>
      </c>
      <c r="GT8" s="82">
        <v>2316</v>
      </c>
      <c r="GU8" s="83">
        <v>4486</v>
      </c>
      <c r="GV8" s="241"/>
      <c r="GW8" s="82">
        <v>2466</v>
      </c>
      <c r="GX8" s="82">
        <v>2828</v>
      </c>
      <c r="GY8" s="82">
        <v>1829</v>
      </c>
      <c r="GZ8" s="82">
        <v>1453</v>
      </c>
      <c r="HA8" s="82">
        <v>908</v>
      </c>
      <c r="HB8" s="84">
        <v>9484</v>
      </c>
      <c r="HC8" s="85">
        <v>13970</v>
      </c>
      <c r="HD8" s="70">
        <v>26</v>
      </c>
      <c r="HE8" s="71">
        <v>32</v>
      </c>
      <c r="HF8" s="72">
        <v>58</v>
      </c>
      <c r="HG8" s="244"/>
      <c r="HH8" s="71">
        <v>28</v>
      </c>
      <c r="HI8" s="71">
        <v>60</v>
      </c>
      <c r="HJ8" s="71">
        <v>27</v>
      </c>
      <c r="HK8" s="71">
        <v>24</v>
      </c>
      <c r="HL8" s="71">
        <v>14</v>
      </c>
      <c r="HM8" s="72">
        <v>153</v>
      </c>
      <c r="HN8" s="73">
        <v>211</v>
      </c>
      <c r="HO8" s="70">
        <v>84</v>
      </c>
      <c r="HP8" s="71">
        <v>116</v>
      </c>
      <c r="HQ8" s="72">
        <v>200</v>
      </c>
      <c r="HR8" s="244"/>
      <c r="HS8" s="71">
        <v>91</v>
      </c>
      <c r="HT8" s="71">
        <v>113</v>
      </c>
      <c r="HU8" s="71">
        <v>68</v>
      </c>
      <c r="HV8" s="71">
        <v>59</v>
      </c>
      <c r="HW8" s="71">
        <v>49</v>
      </c>
      <c r="HX8" s="72">
        <v>380</v>
      </c>
      <c r="HY8" s="73">
        <v>580</v>
      </c>
      <c r="HZ8" s="70">
        <v>166</v>
      </c>
      <c r="IA8" s="71">
        <v>199</v>
      </c>
      <c r="IB8" s="72">
        <v>365</v>
      </c>
      <c r="IC8" s="244"/>
      <c r="ID8" s="71">
        <v>161</v>
      </c>
      <c r="IE8" s="71">
        <v>206</v>
      </c>
      <c r="IF8" s="71">
        <v>122</v>
      </c>
      <c r="IG8" s="71">
        <v>86</v>
      </c>
      <c r="IH8" s="71">
        <v>72</v>
      </c>
      <c r="II8" s="72">
        <v>647</v>
      </c>
      <c r="IJ8" s="73">
        <v>1012</v>
      </c>
      <c r="IK8" s="70">
        <v>460</v>
      </c>
      <c r="IL8" s="71">
        <v>465</v>
      </c>
      <c r="IM8" s="72">
        <v>925</v>
      </c>
      <c r="IN8" s="244"/>
      <c r="IO8" s="71">
        <v>475</v>
      </c>
      <c r="IP8" s="71">
        <v>436</v>
      </c>
      <c r="IQ8" s="71">
        <v>282</v>
      </c>
      <c r="IR8" s="71">
        <v>217</v>
      </c>
      <c r="IS8" s="71">
        <v>165</v>
      </c>
      <c r="IT8" s="72">
        <v>1575</v>
      </c>
      <c r="IU8" s="73">
        <v>2500</v>
      </c>
      <c r="IV8" s="70">
        <v>780</v>
      </c>
      <c r="IW8" s="71">
        <v>803</v>
      </c>
      <c r="IX8" s="72">
        <v>1583</v>
      </c>
      <c r="IY8" s="244"/>
      <c r="IZ8" s="71">
        <v>876</v>
      </c>
      <c r="JA8" s="71">
        <v>863</v>
      </c>
      <c r="JB8" s="71">
        <v>546</v>
      </c>
      <c r="JC8" s="71">
        <v>438</v>
      </c>
      <c r="JD8" s="71">
        <v>268</v>
      </c>
      <c r="JE8" s="72">
        <v>2991</v>
      </c>
      <c r="JF8" s="73">
        <v>4574</v>
      </c>
      <c r="JG8" s="70">
        <v>654</v>
      </c>
      <c r="JH8" s="71">
        <v>701</v>
      </c>
      <c r="JI8" s="72">
        <v>1355</v>
      </c>
      <c r="JJ8" s="244"/>
      <c r="JK8" s="71">
        <v>835</v>
      </c>
      <c r="JL8" s="71">
        <v>1150</v>
      </c>
      <c r="JM8" s="71">
        <v>784</v>
      </c>
      <c r="JN8" s="71">
        <v>629</v>
      </c>
      <c r="JO8" s="71">
        <v>340</v>
      </c>
      <c r="JP8" s="72">
        <v>3738</v>
      </c>
      <c r="JQ8" s="73">
        <v>5093</v>
      </c>
      <c r="JR8" s="70">
        <v>0</v>
      </c>
      <c r="JS8" s="71">
        <v>0</v>
      </c>
      <c r="JT8" s="72">
        <v>0</v>
      </c>
      <c r="JU8" s="244"/>
      <c r="JV8" s="71">
        <v>0</v>
      </c>
      <c r="JW8" s="71">
        <v>0</v>
      </c>
      <c r="JX8" s="71">
        <v>0</v>
      </c>
      <c r="JY8" s="71">
        <v>0</v>
      </c>
      <c r="JZ8" s="71">
        <v>0</v>
      </c>
      <c r="KA8" s="72">
        <v>0</v>
      </c>
      <c r="KB8" s="73">
        <v>0</v>
      </c>
      <c r="KC8" s="70">
        <v>2170</v>
      </c>
      <c r="KD8" s="71">
        <v>2316</v>
      </c>
      <c r="KE8" s="72">
        <v>4486</v>
      </c>
      <c r="KF8" s="244"/>
      <c r="KG8" s="71">
        <v>2466</v>
      </c>
      <c r="KH8" s="71">
        <v>2828</v>
      </c>
      <c r="KI8" s="71">
        <v>1829</v>
      </c>
      <c r="KJ8" s="71">
        <v>1453</v>
      </c>
      <c r="KK8" s="71">
        <v>908</v>
      </c>
      <c r="KL8" s="72">
        <v>9484</v>
      </c>
      <c r="KM8" s="73">
        <v>13970</v>
      </c>
    </row>
    <row r="9" spans="2:299" ht="19.5" customHeight="1" x14ac:dyDescent="0.2">
      <c r="B9" s="126" t="s">
        <v>6</v>
      </c>
      <c r="C9" s="315">
        <v>514</v>
      </c>
      <c r="D9" s="82">
        <v>355</v>
      </c>
      <c r="E9" s="83">
        <v>869</v>
      </c>
      <c r="F9" s="241"/>
      <c r="G9" s="82">
        <v>821</v>
      </c>
      <c r="H9" s="82">
        <v>545</v>
      </c>
      <c r="I9" s="82">
        <v>407</v>
      </c>
      <c r="J9" s="82">
        <v>362</v>
      </c>
      <c r="K9" s="82">
        <v>253</v>
      </c>
      <c r="L9" s="84">
        <v>2388</v>
      </c>
      <c r="M9" s="85">
        <v>3257</v>
      </c>
      <c r="N9" s="70">
        <v>8</v>
      </c>
      <c r="O9" s="71">
        <v>6</v>
      </c>
      <c r="P9" s="72">
        <v>14</v>
      </c>
      <c r="Q9" s="241"/>
      <c r="R9" s="71">
        <v>18</v>
      </c>
      <c r="S9" s="71">
        <v>13</v>
      </c>
      <c r="T9" s="71">
        <v>6</v>
      </c>
      <c r="U9" s="71">
        <v>7</v>
      </c>
      <c r="V9" s="71">
        <v>9</v>
      </c>
      <c r="W9" s="72">
        <v>53</v>
      </c>
      <c r="X9" s="73">
        <v>67</v>
      </c>
      <c r="Y9" s="70">
        <v>14</v>
      </c>
      <c r="Z9" s="71">
        <v>10</v>
      </c>
      <c r="AA9" s="72">
        <v>24</v>
      </c>
      <c r="AB9" s="244"/>
      <c r="AC9" s="71">
        <v>40</v>
      </c>
      <c r="AD9" s="71">
        <v>29</v>
      </c>
      <c r="AE9" s="71">
        <v>11</v>
      </c>
      <c r="AF9" s="71">
        <v>20</v>
      </c>
      <c r="AG9" s="71">
        <v>18</v>
      </c>
      <c r="AH9" s="72">
        <v>118</v>
      </c>
      <c r="AI9" s="73">
        <v>142</v>
      </c>
      <c r="AJ9" s="70">
        <v>46</v>
      </c>
      <c r="AK9" s="71">
        <v>30</v>
      </c>
      <c r="AL9" s="72">
        <v>76</v>
      </c>
      <c r="AM9" s="244"/>
      <c r="AN9" s="71">
        <v>63</v>
      </c>
      <c r="AO9" s="71">
        <v>45</v>
      </c>
      <c r="AP9" s="71">
        <v>26</v>
      </c>
      <c r="AQ9" s="71">
        <v>28</v>
      </c>
      <c r="AR9" s="71">
        <v>26</v>
      </c>
      <c r="AS9" s="72">
        <v>188</v>
      </c>
      <c r="AT9" s="73">
        <v>264</v>
      </c>
      <c r="AU9" s="70">
        <v>101</v>
      </c>
      <c r="AV9" s="71">
        <v>53</v>
      </c>
      <c r="AW9" s="72">
        <v>154</v>
      </c>
      <c r="AX9" s="244"/>
      <c r="AY9" s="71">
        <v>139</v>
      </c>
      <c r="AZ9" s="71">
        <v>95</v>
      </c>
      <c r="BA9" s="71">
        <v>78</v>
      </c>
      <c r="BB9" s="71">
        <v>46</v>
      </c>
      <c r="BC9" s="71">
        <v>38</v>
      </c>
      <c r="BD9" s="72">
        <v>396</v>
      </c>
      <c r="BE9" s="73">
        <v>550</v>
      </c>
      <c r="BF9" s="70">
        <v>174</v>
      </c>
      <c r="BG9" s="71">
        <v>122</v>
      </c>
      <c r="BH9" s="72">
        <v>296</v>
      </c>
      <c r="BI9" s="244"/>
      <c r="BJ9" s="71">
        <v>260</v>
      </c>
      <c r="BK9" s="71">
        <v>162</v>
      </c>
      <c r="BL9" s="71">
        <v>127</v>
      </c>
      <c r="BM9" s="71">
        <v>102</v>
      </c>
      <c r="BN9" s="71">
        <v>82</v>
      </c>
      <c r="BO9" s="72">
        <v>733</v>
      </c>
      <c r="BP9" s="73">
        <v>1029</v>
      </c>
      <c r="BQ9" s="70">
        <v>171</v>
      </c>
      <c r="BR9" s="71">
        <v>134</v>
      </c>
      <c r="BS9" s="72">
        <v>305</v>
      </c>
      <c r="BT9" s="244"/>
      <c r="BU9" s="71">
        <v>301</v>
      </c>
      <c r="BV9" s="71">
        <v>201</v>
      </c>
      <c r="BW9" s="71">
        <v>159</v>
      </c>
      <c r="BX9" s="71">
        <v>159</v>
      </c>
      <c r="BY9" s="71">
        <v>80</v>
      </c>
      <c r="BZ9" s="72">
        <v>900</v>
      </c>
      <c r="CA9" s="73">
        <v>1205</v>
      </c>
      <c r="CB9" s="70">
        <v>0</v>
      </c>
      <c r="CC9" s="71">
        <v>0</v>
      </c>
      <c r="CD9" s="72">
        <v>0</v>
      </c>
      <c r="CE9" s="244"/>
      <c r="CF9" s="71">
        <v>0</v>
      </c>
      <c r="CG9" s="71">
        <v>0</v>
      </c>
      <c r="CH9" s="71">
        <v>0</v>
      </c>
      <c r="CI9" s="71">
        <v>0</v>
      </c>
      <c r="CJ9" s="71">
        <v>0</v>
      </c>
      <c r="CK9" s="72">
        <v>0</v>
      </c>
      <c r="CL9" s="73">
        <v>0</v>
      </c>
      <c r="CM9" s="70">
        <v>514</v>
      </c>
      <c r="CN9" s="71">
        <v>355</v>
      </c>
      <c r="CO9" s="72">
        <v>869</v>
      </c>
      <c r="CP9" s="244"/>
      <c r="CQ9" s="71">
        <v>821</v>
      </c>
      <c r="CR9" s="71">
        <v>545</v>
      </c>
      <c r="CS9" s="71">
        <v>407</v>
      </c>
      <c r="CT9" s="71">
        <v>362</v>
      </c>
      <c r="CU9" s="71">
        <v>253</v>
      </c>
      <c r="CV9" s="72">
        <v>2388</v>
      </c>
      <c r="CW9" s="73">
        <v>3257</v>
      </c>
      <c r="CX9" s="123">
        <v>109</v>
      </c>
      <c r="CY9" s="82">
        <v>88</v>
      </c>
      <c r="CZ9" s="83">
        <v>197</v>
      </c>
      <c r="DA9" s="241"/>
      <c r="DB9" s="82">
        <v>121</v>
      </c>
      <c r="DC9" s="82">
        <v>103</v>
      </c>
      <c r="DD9" s="82">
        <v>69</v>
      </c>
      <c r="DE9" s="82">
        <v>80</v>
      </c>
      <c r="DF9" s="82">
        <v>51</v>
      </c>
      <c r="DG9" s="84">
        <v>424</v>
      </c>
      <c r="DH9" s="85">
        <v>621</v>
      </c>
      <c r="DI9" s="70">
        <v>3</v>
      </c>
      <c r="DJ9" s="71">
        <v>1</v>
      </c>
      <c r="DK9" s="72">
        <v>4</v>
      </c>
      <c r="DL9" s="244"/>
      <c r="DM9" s="71">
        <v>2</v>
      </c>
      <c r="DN9" s="71">
        <v>1</v>
      </c>
      <c r="DO9" s="71">
        <v>0</v>
      </c>
      <c r="DP9" s="71">
        <v>2</v>
      </c>
      <c r="DQ9" s="71">
        <v>1</v>
      </c>
      <c r="DR9" s="72">
        <v>6</v>
      </c>
      <c r="DS9" s="73">
        <v>10</v>
      </c>
      <c r="DT9" s="70">
        <v>4</v>
      </c>
      <c r="DU9" s="71">
        <v>6</v>
      </c>
      <c r="DV9" s="72">
        <v>10</v>
      </c>
      <c r="DW9" s="244"/>
      <c r="DX9" s="71">
        <v>6</v>
      </c>
      <c r="DY9" s="71">
        <v>2</v>
      </c>
      <c r="DZ9" s="71">
        <v>1</v>
      </c>
      <c r="EA9" s="71">
        <v>3</v>
      </c>
      <c r="EB9" s="71">
        <v>1</v>
      </c>
      <c r="EC9" s="72">
        <v>13</v>
      </c>
      <c r="ED9" s="73">
        <v>23</v>
      </c>
      <c r="EE9" s="70">
        <v>20</v>
      </c>
      <c r="EF9" s="71">
        <v>9</v>
      </c>
      <c r="EG9" s="72">
        <v>29</v>
      </c>
      <c r="EH9" s="244"/>
      <c r="EI9" s="71">
        <v>12</v>
      </c>
      <c r="EJ9" s="71">
        <v>5</v>
      </c>
      <c r="EK9" s="71">
        <v>2</v>
      </c>
      <c r="EL9" s="71">
        <v>5</v>
      </c>
      <c r="EM9" s="71">
        <v>0</v>
      </c>
      <c r="EN9" s="72">
        <v>24</v>
      </c>
      <c r="EO9" s="73">
        <v>53</v>
      </c>
      <c r="EP9" s="70">
        <v>28</v>
      </c>
      <c r="EQ9" s="71">
        <v>19</v>
      </c>
      <c r="ER9" s="72">
        <v>47</v>
      </c>
      <c r="ES9" s="244"/>
      <c r="ET9" s="71">
        <v>23</v>
      </c>
      <c r="EU9" s="71">
        <v>15</v>
      </c>
      <c r="EV9" s="71">
        <v>17</v>
      </c>
      <c r="EW9" s="71">
        <v>4</v>
      </c>
      <c r="EX9" s="71">
        <v>7</v>
      </c>
      <c r="EY9" s="72">
        <v>66</v>
      </c>
      <c r="EZ9" s="73">
        <v>113</v>
      </c>
      <c r="FA9" s="70">
        <v>32</v>
      </c>
      <c r="FB9" s="71">
        <v>36</v>
      </c>
      <c r="FC9" s="72">
        <v>68</v>
      </c>
      <c r="FD9" s="244"/>
      <c r="FE9" s="71">
        <v>39</v>
      </c>
      <c r="FF9" s="71">
        <v>39</v>
      </c>
      <c r="FG9" s="71">
        <v>23</v>
      </c>
      <c r="FH9" s="71">
        <v>25</v>
      </c>
      <c r="FI9" s="71">
        <v>13</v>
      </c>
      <c r="FJ9" s="72">
        <v>139</v>
      </c>
      <c r="FK9" s="73">
        <v>207</v>
      </c>
      <c r="FL9" s="70">
        <v>22</v>
      </c>
      <c r="FM9" s="71">
        <v>17</v>
      </c>
      <c r="FN9" s="72">
        <v>39</v>
      </c>
      <c r="FO9" s="244"/>
      <c r="FP9" s="71">
        <v>39</v>
      </c>
      <c r="FQ9" s="71">
        <v>41</v>
      </c>
      <c r="FR9" s="71">
        <v>26</v>
      </c>
      <c r="FS9" s="71">
        <v>41</v>
      </c>
      <c r="FT9" s="71">
        <v>29</v>
      </c>
      <c r="FU9" s="72">
        <v>176</v>
      </c>
      <c r="FV9" s="73">
        <v>215</v>
      </c>
      <c r="FW9" s="70">
        <v>0</v>
      </c>
      <c r="FX9" s="71">
        <v>0</v>
      </c>
      <c r="FY9" s="72">
        <v>0</v>
      </c>
      <c r="FZ9" s="244"/>
      <c r="GA9" s="71">
        <v>0</v>
      </c>
      <c r="GB9" s="71">
        <v>0</v>
      </c>
      <c r="GC9" s="71">
        <v>0</v>
      </c>
      <c r="GD9" s="71">
        <v>0</v>
      </c>
      <c r="GE9" s="71">
        <v>0</v>
      </c>
      <c r="GF9" s="72">
        <v>0</v>
      </c>
      <c r="GG9" s="73">
        <v>0</v>
      </c>
      <c r="GH9" s="70">
        <v>109</v>
      </c>
      <c r="GI9" s="71">
        <v>88</v>
      </c>
      <c r="GJ9" s="72">
        <v>197</v>
      </c>
      <c r="GK9" s="244"/>
      <c r="GL9" s="71">
        <v>121</v>
      </c>
      <c r="GM9" s="71">
        <v>103</v>
      </c>
      <c r="GN9" s="71">
        <v>69</v>
      </c>
      <c r="GO9" s="71">
        <v>80</v>
      </c>
      <c r="GP9" s="71">
        <v>51</v>
      </c>
      <c r="GQ9" s="72">
        <v>424</v>
      </c>
      <c r="GR9" s="73">
        <v>621</v>
      </c>
      <c r="GS9" s="123">
        <v>623</v>
      </c>
      <c r="GT9" s="82">
        <v>443</v>
      </c>
      <c r="GU9" s="83">
        <v>1066</v>
      </c>
      <c r="GV9" s="241"/>
      <c r="GW9" s="82">
        <v>942</v>
      </c>
      <c r="GX9" s="82">
        <v>648</v>
      </c>
      <c r="GY9" s="82">
        <v>476</v>
      </c>
      <c r="GZ9" s="82">
        <v>442</v>
      </c>
      <c r="HA9" s="82">
        <v>304</v>
      </c>
      <c r="HB9" s="84">
        <v>2812</v>
      </c>
      <c r="HC9" s="85">
        <v>3878</v>
      </c>
      <c r="HD9" s="70">
        <v>11</v>
      </c>
      <c r="HE9" s="71">
        <v>7</v>
      </c>
      <c r="HF9" s="72">
        <v>18</v>
      </c>
      <c r="HG9" s="244"/>
      <c r="HH9" s="71">
        <v>20</v>
      </c>
      <c r="HI9" s="71">
        <v>14</v>
      </c>
      <c r="HJ9" s="71">
        <v>6</v>
      </c>
      <c r="HK9" s="71">
        <v>9</v>
      </c>
      <c r="HL9" s="71">
        <v>10</v>
      </c>
      <c r="HM9" s="72">
        <v>59</v>
      </c>
      <c r="HN9" s="73">
        <v>77</v>
      </c>
      <c r="HO9" s="70">
        <v>18</v>
      </c>
      <c r="HP9" s="71">
        <v>16</v>
      </c>
      <c r="HQ9" s="72">
        <v>34</v>
      </c>
      <c r="HR9" s="244"/>
      <c r="HS9" s="71">
        <v>46</v>
      </c>
      <c r="HT9" s="71">
        <v>31</v>
      </c>
      <c r="HU9" s="71">
        <v>12</v>
      </c>
      <c r="HV9" s="71">
        <v>23</v>
      </c>
      <c r="HW9" s="71">
        <v>19</v>
      </c>
      <c r="HX9" s="72">
        <v>131</v>
      </c>
      <c r="HY9" s="73">
        <v>165</v>
      </c>
      <c r="HZ9" s="70">
        <v>66</v>
      </c>
      <c r="IA9" s="71">
        <v>39</v>
      </c>
      <c r="IB9" s="72">
        <v>105</v>
      </c>
      <c r="IC9" s="244"/>
      <c r="ID9" s="71">
        <v>75</v>
      </c>
      <c r="IE9" s="71">
        <v>50</v>
      </c>
      <c r="IF9" s="71">
        <v>28</v>
      </c>
      <c r="IG9" s="71">
        <v>33</v>
      </c>
      <c r="IH9" s="71">
        <v>26</v>
      </c>
      <c r="II9" s="72">
        <v>212</v>
      </c>
      <c r="IJ9" s="73">
        <v>317</v>
      </c>
      <c r="IK9" s="70">
        <v>129</v>
      </c>
      <c r="IL9" s="71">
        <v>72</v>
      </c>
      <c r="IM9" s="72">
        <v>201</v>
      </c>
      <c r="IN9" s="244"/>
      <c r="IO9" s="71">
        <v>162</v>
      </c>
      <c r="IP9" s="71">
        <v>110</v>
      </c>
      <c r="IQ9" s="71">
        <v>95</v>
      </c>
      <c r="IR9" s="71">
        <v>50</v>
      </c>
      <c r="IS9" s="71">
        <v>45</v>
      </c>
      <c r="IT9" s="72">
        <v>462</v>
      </c>
      <c r="IU9" s="73">
        <v>663</v>
      </c>
      <c r="IV9" s="70">
        <v>206</v>
      </c>
      <c r="IW9" s="71">
        <v>158</v>
      </c>
      <c r="IX9" s="72">
        <v>364</v>
      </c>
      <c r="IY9" s="244"/>
      <c r="IZ9" s="71">
        <v>299</v>
      </c>
      <c r="JA9" s="71">
        <v>201</v>
      </c>
      <c r="JB9" s="71">
        <v>150</v>
      </c>
      <c r="JC9" s="71">
        <v>127</v>
      </c>
      <c r="JD9" s="71">
        <v>95</v>
      </c>
      <c r="JE9" s="72">
        <v>872</v>
      </c>
      <c r="JF9" s="73">
        <v>1236</v>
      </c>
      <c r="JG9" s="70">
        <v>193</v>
      </c>
      <c r="JH9" s="71">
        <v>151</v>
      </c>
      <c r="JI9" s="72">
        <v>344</v>
      </c>
      <c r="JJ9" s="244"/>
      <c r="JK9" s="71">
        <v>340</v>
      </c>
      <c r="JL9" s="71">
        <v>242</v>
      </c>
      <c r="JM9" s="71">
        <v>185</v>
      </c>
      <c r="JN9" s="71">
        <v>200</v>
      </c>
      <c r="JO9" s="71">
        <v>109</v>
      </c>
      <c r="JP9" s="72">
        <v>1076</v>
      </c>
      <c r="JQ9" s="73">
        <v>1420</v>
      </c>
      <c r="JR9" s="70">
        <v>0</v>
      </c>
      <c r="JS9" s="71">
        <v>0</v>
      </c>
      <c r="JT9" s="72">
        <v>0</v>
      </c>
      <c r="JU9" s="244"/>
      <c r="JV9" s="71">
        <v>0</v>
      </c>
      <c r="JW9" s="71">
        <v>0</v>
      </c>
      <c r="JX9" s="71">
        <v>0</v>
      </c>
      <c r="JY9" s="71">
        <v>0</v>
      </c>
      <c r="JZ9" s="71">
        <v>0</v>
      </c>
      <c r="KA9" s="72">
        <v>0</v>
      </c>
      <c r="KB9" s="73">
        <v>0</v>
      </c>
      <c r="KC9" s="70">
        <v>623</v>
      </c>
      <c r="KD9" s="71">
        <v>443</v>
      </c>
      <c r="KE9" s="72">
        <v>1066</v>
      </c>
      <c r="KF9" s="244"/>
      <c r="KG9" s="71">
        <v>942</v>
      </c>
      <c r="KH9" s="71">
        <v>648</v>
      </c>
      <c r="KI9" s="71">
        <v>476</v>
      </c>
      <c r="KJ9" s="71">
        <v>442</v>
      </c>
      <c r="KK9" s="71">
        <v>304</v>
      </c>
      <c r="KL9" s="72">
        <v>2812</v>
      </c>
      <c r="KM9" s="73">
        <v>3878</v>
      </c>
    </row>
    <row r="10" spans="2:299" ht="19.5" customHeight="1" x14ac:dyDescent="0.2">
      <c r="B10" s="126" t="s">
        <v>14</v>
      </c>
      <c r="C10" s="315">
        <v>266</v>
      </c>
      <c r="D10" s="82">
        <v>321</v>
      </c>
      <c r="E10" s="83">
        <v>587</v>
      </c>
      <c r="F10" s="241"/>
      <c r="G10" s="82">
        <v>416</v>
      </c>
      <c r="H10" s="82">
        <v>409</v>
      </c>
      <c r="I10" s="82">
        <v>276</v>
      </c>
      <c r="J10" s="82">
        <v>218</v>
      </c>
      <c r="K10" s="82">
        <v>121</v>
      </c>
      <c r="L10" s="84">
        <v>1440</v>
      </c>
      <c r="M10" s="85">
        <v>2027</v>
      </c>
      <c r="N10" s="70">
        <v>6</v>
      </c>
      <c r="O10" s="71">
        <v>6</v>
      </c>
      <c r="P10" s="72">
        <v>12</v>
      </c>
      <c r="Q10" s="241"/>
      <c r="R10" s="71">
        <v>2</v>
      </c>
      <c r="S10" s="71">
        <v>11</v>
      </c>
      <c r="T10" s="71">
        <v>6</v>
      </c>
      <c r="U10" s="71">
        <v>3</v>
      </c>
      <c r="V10" s="71">
        <v>2</v>
      </c>
      <c r="W10" s="72">
        <v>24</v>
      </c>
      <c r="X10" s="73">
        <v>36</v>
      </c>
      <c r="Y10" s="70">
        <v>13</v>
      </c>
      <c r="Z10" s="71">
        <v>15</v>
      </c>
      <c r="AA10" s="72">
        <v>28</v>
      </c>
      <c r="AB10" s="244"/>
      <c r="AC10" s="71">
        <v>15</v>
      </c>
      <c r="AD10" s="71">
        <v>23</v>
      </c>
      <c r="AE10" s="71">
        <v>9</v>
      </c>
      <c r="AF10" s="71">
        <v>18</v>
      </c>
      <c r="AG10" s="71">
        <v>10</v>
      </c>
      <c r="AH10" s="72">
        <v>75</v>
      </c>
      <c r="AI10" s="73">
        <v>103</v>
      </c>
      <c r="AJ10" s="70">
        <v>28</v>
      </c>
      <c r="AK10" s="71">
        <v>35</v>
      </c>
      <c r="AL10" s="72">
        <v>63</v>
      </c>
      <c r="AM10" s="244"/>
      <c r="AN10" s="71">
        <v>42</v>
      </c>
      <c r="AO10" s="71">
        <v>40</v>
      </c>
      <c r="AP10" s="71">
        <v>20</v>
      </c>
      <c r="AQ10" s="71">
        <v>20</v>
      </c>
      <c r="AR10" s="71">
        <v>13</v>
      </c>
      <c r="AS10" s="72">
        <v>135</v>
      </c>
      <c r="AT10" s="73">
        <v>198</v>
      </c>
      <c r="AU10" s="70">
        <v>63</v>
      </c>
      <c r="AV10" s="71">
        <v>73</v>
      </c>
      <c r="AW10" s="72">
        <v>136</v>
      </c>
      <c r="AX10" s="244"/>
      <c r="AY10" s="71">
        <v>89</v>
      </c>
      <c r="AZ10" s="71">
        <v>95</v>
      </c>
      <c r="BA10" s="71">
        <v>55</v>
      </c>
      <c r="BB10" s="71">
        <v>41</v>
      </c>
      <c r="BC10" s="71">
        <v>18</v>
      </c>
      <c r="BD10" s="72">
        <v>298</v>
      </c>
      <c r="BE10" s="73">
        <v>434</v>
      </c>
      <c r="BF10" s="70">
        <v>84</v>
      </c>
      <c r="BG10" s="71">
        <v>98</v>
      </c>
      <c r="BH10" s="72">
        <v>182</v>
      </c>
      <c r="BI10" s="244"/>
      <c r="BJ10" s="71">
        <v>134</v>
      </c>
      <c r="BK10" s="71">
        <v>121</v>
      </c>
      <c r="BL10" s="71">
        <v>88</v>
      </c>
      <c r="BM10" s="71">
        <v>56</v>
      </c>
      <c r="BN10" s="71">
        <v>36</v>
      </c>
      <c r="BO10" s="72">
        <v>435</v>
      </c>
      <c r="BP10" s="73">
        <v>617</v>
      </c>
      <c r="BQ10" s="70">
        <v>72</v>
      </c>
      <c r="BR10" s="71">
        <v>94</v>
      </c>
      <c r="BS10" s="72">
        <v>166</v>
      </c>
      <c r="BT10" s="244"/>
      <c r="BU10" s="71">
        <v>134</v>
      </c>
      <c r="BV10" s="71">
        <v>119</v>
      </c>
      <c r="BW10" s="71">
        <v>98</v>
      </c>
      <c r="BX10" s="71">
        <v>80</v>
      </c>
      <c r="BY10" s="71">
        <v>42</v>
      </c>
      <c r="BZ10" s="72">
        <v>473</v>
      </c>
      <c r="CA10" s="73">
        <v>639</v>
      </c>
      <c r="CB10" s="70">
        <v>0</v>
      </c>
      <c r="CC10" s="71">
        <v>0</v>
      </c>
      <c r="CD10" s="72">
        <v>0</v>
      </c>
      <c r="CE10" s="244"/>
      <c r="CF10" s="71">
        <v>0</v>
      </c>
      <c r="CG10" s="71">
        <v>0</v>
      </c>
      <c r="CH10" s="71">
        <v>0</v>
      </c>
      <c r="CI10" s="71">
        <v>0</v>
      </c>
      <c r="CJ10" s="71">
        <v>0</v>
      </c>
      <c r="CK10" s="72">
        <v>0</v>
      </c>
      <c r="CL10" s="73">
        <v>0</v>
      </c>
      <c r="CM10" s="70">
        <v>266</v>
      </c>
      <c r="CN10" s="71">
        <v>321</v>
      </c>
      <c r="CO10" s="72">
        <v>587</v>
      </c>
      <c r="CP10" s="244"/>
      <c r="CQ10" s="71">
        <v>416</v>
      </c>
      <c r="CR10" s="71">
        <v>409</v>
      </c>
      <c r="CS10" s="71">
        <v>276</v>
      </c>
      <c r="CT10" s="71">
        <v>218</v>
      </c>
      <c r="CU10" s="71">
        <v>121</v>
      </c>
      <c r="CV10" s="72">
        <v>1440</v>
      </c>
      <c r="CW10" s="73">
        <v>2027</v>
      </c>
      <c r="CX10" s="123">
        <v>34</v>
      </c>
      <c r="CY10" s="82">
        <v>46</v>
      </c>
      <c r="CZ10" s="83">
        <v>80</v>
      </c>
      <c r="DA10" s="241"/>
      <c r="DB10" s="82">
        <v>38</v>
      </c>
      <c r="DC10" s="82">
        <v>43</v>
      </c>
      <c r="DD10" s="82">
        <v>30</v>
      </c>
      <c r="DE10" s="82">
        <v>32</v>
      </c>
      <c r="DF10" s="82">
        <v>18</v>
      </c>
      <c r="DG10" s="84">
        <v>161</v>
      </c>
      <c r="DH10" s="85">
        <v>241</v>
      </c>
      <c r="DI10" s="70">
        <v>1</v>
      </c>
      <c r="DJ10" s="71">
        <v>2</v>
      </c>
      <c r="DK10" s="72">
        <v>3</v>
      </c>
      <c r="DL10" s="244"/>
      <c r="DM10" s="71">
        <v>0</v>
      </c>
      <c r="DN10" s="71">
        <v>0</v>
      </c>
      <c r="DO10" s="71">
        <v>0</v>
      </c>
      <c r="DP10" s="71">
        <v>0</v>
      </c>
      <c r="DQ10" s="71">
        <v>0</v>
      </c>
      <c r="DR10" s="72">
        <v>0</v>
      </c>
      <c r="DS10" s="73">
        <v>3</v>
      </c>
      <c r="DT10" s="70">
        <v>2</v>
      </c>
      <c r="DU10" s="71">
        <v>3</v>
      </c>
      <c r="DV10" s="72">
        <v>5</v>
      </c>
      <c r="DW10" s="244"/>
      <c r="DX10" s="71">
        <v>3</v>
      </c>
      <c r="DY10" s="71">
        <v>2</v>
      </c>
      <c r="DZ10" s="71">
        <v>1</v>
      </c>
      <c r="EA10" s="71">
        <v>1</v>
      </c>
      <c r="EB10" s="71">
        <v>3</v>
      </c>
      <c r="EC10" s="72">
        <v>10</v>
      </c>
      <c r="ED10" s="73">
        <v>15</v>
      </c>
      <c r="EE10" s="70">
        <v>11</v>
      </c>
      <c r="EF10" s="71">
        <v>6</v>
      </c>
      <c r="EG10" s="72">
        <v>17</v>
      </c>
      <c r="EH10" s="244"/>
      <c r="EI10" s="71">
        <v>5</v>
      </c>
      <c r="EJ10" s="71">
        <v>6</v>
      </c>
      <c r="EK10" s="71">
        <v>2</v>
      </c>
      <c r="EL10" s="71">
        <v>2</v>
      </c>
      <c r="EM10" s="71">
        <v>0</v>
      </c>
      <c r="EN10" s="72">
        <v>15</v>
      </c>
      <c r="EO10" s="73">
        <v>32</v>
      </c>
      <c r="EP10" s="70">
        <v>8</v>
      </c>
      <c r="EQ10" s="71">
        <v>9</v>
      </c>
      <c r="ER10" s="72">
        <v>17</v>
      </c>
      <c r="ES10" s="244"/>
      <c r="ET10" s="71">
        <v>5</v>
      </c>
      <c r="EU10" s="71">
        <v>7</v>
      </c>
      <c r="EV10" s="71">
        <v>6</v>
      </c>
      <c r="EW10" s="71">
        <v>2</v>
      </c>
      <c r="EX10" s="71">
        <v>2</v>
      </c>
      <c r="EY10" s="72">
        <v>22</v>
      </c>
      <c r="EZ10" s="73">
        <v>39</v>
      </c>
      <c r="FA10" s="70">
        <v>9</v>
      </c>
      <c r="FB10" s="71">
        <v>12</v>
      </c>
      <c r="FC10" s="72">
        <v>21</v>
      </c>
      <c r="FD10" s="244"/>
      <c r="FE10" s="71">
        <v>10</v>
      </c>
      <c r="FF10" s="71">
        <v>15</v>
      </c>
      <c r="FG10" s="71">
        <v>7</v>
      </c>
      <c r="FH10" s="71">
        <v>10</v>
      </c>
      <c r="FI10" s="71">
        <v>4</v>
      </c>
      <c r="FJ10" s="72">
        <v>46</v>
      </c>
      <c r="FK10" s="73">
        <v>67</v>
      </c>
      <c r="FL10" s="70">
        <v>3</v>
      </c>
      <c r="FM10" s="71">
        <v>14</v>
      </c>
      <c r="FN10" s="72">
        <v>17</v>
      </c>
      <c r="FO10" s="244"/>
      <c r="FP10" s="71">
        <v>15</v>
      </c>
      <c r="FQ10" s="71">
        <v>13</v>
      </c>
      <c r="FR10" s="71">
        <v>14</v>
      </c>
      <c r="FS10" s="71">
        <v>17</v>
      </c>
      <c r="FT10" s="71">
        <v>9</v>
      </c>
      <c r="FU10" s="72">
        <v>68</v>
      </c>
      <c r="FV10" s="73">
        <v>85</v>
      </c>
      <c r="FW10" s="70">
        <v>0</v>
      </c>
      <c r="FX10" s="71">
        <v>0</v>
      </c>
      <c r="FY10" s="72">
        <v>0</v>
      </c>
      <c r="FZ10" s="244"/>
      <c r="GA10" s="71">
        <v>0</v>
      </c>
      <c r="GB10" s="71">
        <v>0</v>
      </c>
      <c r="GC10" s="71">
        <v>0</v>
      </c>
      <c r="GD10" s="71">
        <v>0</v>
      </c>
      <c r="GE10" s="71">
        <v>0</v>
      </c>
      <c r="GF10" s="72">
        <v>0</v>
      </c>
      <c r="GG10" s="73">
        <v>0</v>
      </c>
      <c r="GH10" s="70">
        <v>34</v>
      </c>
      <c r="GI10" s="71">
        <v>46</v>
      </c>
      <c r="GJ10" s="72">
        <v>80</v>
      </c>
      <c r="GK10" s="244"/>
      <c r="GL10" s="71">
        <v>38</v>
      </c>
      <c r="GM10" s="71">
        <v>43</v>
      </c>
      <c r="GN10" s="71">
        <v>30</v>
      </c>
      <c r="GO10" s="71">
        <v>32</v>
      </c>
      <c r="GP10" s="71">
        <v>18</v>
      </c>
      <c r="GQ10" s="72">
        <v>161</v>
      </c>
      <c r="GR10" s="73">
        <v>241</v>
      </c>
      <c r="GS10" s="123">
        <v>300</v>
      </c>
      <c r="GT10" s="82">
        <v>367</v>
      </c>
      <c r="GU10" s="83">
        <v>667</v>
      </c>
      <c r="GV10" s="241"/>
      <c r="GW10" s="82">
        <v>454</v>
      </c>
      <c r="GX10" s="82">
        <v>452</v>
      </c>
      <c r="GY10" s="82">
        <v>306</v>
      </c>
      <c r="GZ10" s="82">
        <v>250</v>
      </c>
      <c r="HA10" s="82">
        <v>139</v>
      </c>
      <c r="HB10" s="84">
        <v>1601</v>
      </c>
      <c r="HC10" s="85">
        <v>2268</v>
      </c>
      <c r="HD10" s="70">
        <v>7</v>
      </c>
      <c r="HE10" s="71">
        <v>8</v>
      </c>
      <c r="HF10" s="72">
        <v>15</v>
      </c>
      <c r="HG10" s="244"/>
      <c r="HH10" s="71">
        <v>2</v>
      </c>
      <c r="HI10" s="71">
        <v>11</v>
      </c>
      <c r="HJ10" s="71">
        <v>6</v>
      </c>
      <c r="HK10" s="71">
        <v>3</v>
      </c>
      <c r="HL10" s="71">
        <v>2</v>
      </c>
      <c r="HM10" s="72">
        <v>24</v>
      </c>
      <c r="HN10" s="73">
        <v>39</v>
      </c>
      <c r="HO10" s="70">
        <v>15</v>
      </c>
      <c r="HP10" s="71">
        <v>18</v>
      </c>
      <c r="HQ10" s="72">
        <v>33</v>
      </c>
      <c r="HR10" s="244"/>
      <c r="HS10" s="71">
        <v>18</v>
      </c>
      <c r="HT10" s="71">
        <v>25</v>
      </c>
      <c r="HU10" s="71">
        <v>10</v>
      </c>
      <c r="HV10" s="71">
        <v>19</v>
      </c>
      <c r="HW10" s="71">
        <v>13</v>
      </c>
      <c r="HX10" s="72">
        <v>85</v>
      </c>
      <c r="HY10" s="73">
        <v>118</v>
      </c>
      <c r="HZ10" s="70">
        <v>39</v>
      </c>
      <c r="IA10" s="71">
        <v>41</v>
      </c>
      <c r="IB10" s="72">
        <v>80</v>
      </c>
      <c r="IC10" s="244"/>
      <c r="ID10" s="71">
        <v>47</v>
      </c>
      <c r="IE10" s="71">
        <v>46</v>
      </c>
      <c r="IF10" s="71">
        <v>22</v>
      </c>
      <c r="IG10" s="71">
        <v>22</v>
      </c>
      <c r="IH10" s="71">
        <v>13</v>
      </c>
      <c r="II10" s="72">
        <v>150</v>
      </c>
      <c r="IJ10" s="73">
        <v>230</v>
      </c>
      <c r="IK10" s="70">
        <v>71</v>
      </c>
      <c r="IL10" s="71">
        <v>82</v>
      </c>
      <c r="IM10" s="72">
        <v>153</v>
      </c>
      <c r="IN10" s="244"/>
      <c r="IO10" s="71">
        <v>94</v>
      </c>
      <c r="IP10" s="71">
        <v>102</v>
      </c>
      <c r="IQ10" s="71">
        <v>61</v>
      </c>
      <c r="IR10" s="71">
        <v>43</v>
      </c>
      <c r="IS10" s="71">
        <v>20</v>
      </c>
      <c r="IT10" s="72">
        <v>320</v>
      </c>
      <c r="IU10" s="73">
        <v>473</v>
      </c>
      <c r="IV10" s="70">
        <v>93</v>
      </c>
      <c r="IW10" s="71">
        <v>110</v>
      </c>
      <c r="IX10" s="72">
        <v>203</v>
      </c>
      <c r="IY10" s="244"/>
      <c r="IZ10" s="71">
        <v>144</v>
      </c>
      <c r="JA10" s="71">
        <v>136</v>
      </c>
      <c r="JB10" s="71">
        <v>95</v>
      </c>
      <c r="JC10" s="71">
        <v>66</v>
      </c>
      <c r="JD10" s="71">
        <v>40</v>
      </c>
      <c r="JE10" s="72">
        <v>481</v>
      </c>
      <c r="JF10" s="73">
        <v>684</v>
      </c>
      <c r="JG10" s="70">
        <v>75</v>
      </c>
      <c r="JH10" s="71">
        <v>108</v>
      </c>
      <c r="JI10" s="72">
        <v>183</v>
      </c>
      <c r="JJ10" s="244"/>
      <c r="JK10" s="71">
        <v>149</v>
      </c>
      <c r="JL10" s="71">
        <v>132</v>
      </c>
      <c r="JM10" s="71">
        <v>112</v>
      </c>
      <c r="JN10" s="71">
        <v>97</v>
      </c>
      <c r="JO10" s="71">
        <v>51</v>
      </c>
      <c r="JP10" s="72">
        <v>541</v>
      </c>
      <c r="JQ10" s="73">
        <v>724</v>
      </c>
      <c r="JR10" s="70">
        <v>0</v>
      </c>
      <c r="JS10" s="71">
        <v>0</v>
      </c>
      <c r="JT10" s="72">
        <v>0</v>
      </c>
      <c r="JU10" s="244"/>
      <c r="JV10" s="71">
        <v>0</v>
      </c>
      <c r="JW10" s="71">
        <v>0</v>
      </c>
      <c r="JX10" s="71">
        <v>0</v>
      </c>
      <c r="JY10" s="71">
        <v>0</v>
      </c>
      <c r="JZ10" s="71">
        <v>0</v>
      </c>
      <c r="KA10" s="72">
        <v>0</v>
      </c>
      <c r="KB10" s="73">
        <v>0</v>
      </c>
      <c r="KC10" s="70">
        <v>300</v>
      </c>
      <c r="KD10" s="71">
        <v>367</v>
      </c>
      <c r="KE10" s="72">
        <v>667</v>
      </c>
      <c r="KF10" s="244"/>
      <c r="KG10" s="71">
        <v>454</v>
      </c>
      <c r="KH10" s="71">
        <v>452</v>
      </c>
      <c r="KI10" s="71">
        <v>306</v>
      </c>
      <c r="KJ10" s="71">
        <v>250</v>
      </c>
      <c r="KK10" s="71">
        <v>139</v>
      </c>
      <c r="KL10" s="72">
        <v>1601</v>
      </c>
      <c r="KM10" s="73">
        <v>2268</v>
      </c>
    </row>
    <row r="11" spans="2:299" ht="19.5" customHeight="1" x14ac:dyDescent="0.2">
      <c r="B11" s="126" t="s">
        <v>7</v>
      </c>
      <c r="C11" s="315">
        <v>254</v>
      </c>
      <c r="D11" s="82">
        <v>161</v>
      </c>
      <c r="E11" s="83">
        <v>415</v>
      </c>
      <c r="F11" s="241"/>
      <c r="G11" s="82">
        <v>528</v>
      </c>
      <c r="H11" s="82">
        <v>337</v>
      </c>
      <c r="I11" s="82">
        <v>200</v>
      </c>
      <c r="J11" s="82">
        <v>191</v>
      </c>
      <c r="K11" s="82">
        <v>85</v>
      </c>
      <c r="L11" s="84">
        <v>1341</v>
      </c>
      <c r="M11" s="85">
        <v>1756</v>
      </c>
      <c r="N11" s="70">
        <v>3</v>
      </c>
      <c r="O11" s="71">
        <v>1</v>
      </c>
      <c r="P11" s="72">
        <v>4</v>
      </c>
      <c r="Q11" s="241"/>
      <c r="R11" s="71">
        <v>4</v>
      </c>
      <c r="S11" s="71">
        <v>8</v>
      </c>
      <c r="T11" s="71">
        <v>4</v>
      </c>
      <c r="U11" s="71">
        <v>2</v>
      </c>
      <c r="V11" s="71">
        <v>1</v>
      </c>
      <c r="W11" s="72">
        <v>19</v>
      </c>
      <c r="X11" s="73">
        <v>23</v>
      </c>
      <c r="Y11" s="70">
        <v>11</v>
      </c>
      <c r="Z11" s="71">
        <v>6</v>
      </c>
      <c r="AA11" s="72">
        <v>17</v>
      </c>
      <c r="AB11" s="244"/>
      <c r="AC11" s="71">
        <v>26</v>
      </c>
      <c r="AD11" s="71">
        <v>16</v>
      </c>
      <c r="AE11" s="71">
        <v>10</v>
      </c>
      <c r="AF11" s="71">
        <v>4</v>
      </c>
      <c r="AG11" s="71">
        <v>3</v>
      </c>
      <c r="AH11" s="72">
        <v>59</v>
      </c>
      <c r="AI11" s="73">
        <v>76</v>
      </c>
      <c r="AJ11" s="70">
        <v>14</v>
      </c>
      <c r="AK11" s="71">
        <v>14</v>
      </c>
      <c r="AL11" s="72">
        <v>28</v>
      </c>
      <c r="AM11" s="244"/>
      <c r="AN11" s="71">
        <v>50</v>
      </c>
      <c r="AO11" s="71">
        <v>33</v>
      </c>
      <c r="AP11" s="71">
        <v>21</v>
      </c>
      <c r="AQ11" s="71">
        <v>11</v>
      </c>
      <c r="AR11" s="71">
        <v>11</v>
      </c>
      <c r="AS11" s="72">
        <v>126</v>
      </c>
      <c r="AT11" s="73">
        <v>154</v>
      </c>
      <c r="AU11" s="70">
        <v>48</v>
      </c>
      <c r="AV11" s="71">
        <v>30</v>
      </c>
      <c r="AW11" s="72">
        <v>78</v>
      </c>
      <c r="AX11" s="244"/>
      <c r="AY11" s="71">
        <v>93</v>
      </c>
      <c r="AZ11" s="71">
        <v>67</v>
      </c>
      <c r="BA11" s="71">
        <v>35</v>
      </c>
      <c r="BB11" s="71">
        <v>34</v>
      </c>
      <c r="BC11" s="71">
        <v>26</v>
      </c>
      <c r="BD11" s="72">
        <v>255</v>
      </c>
      <c r="BE11" s="73">
        <v>333</v>
      </c>
      <c r="BF11" s="70">
        <v>107</v>
      </c>
      <c r="BG11" s="71">
        <v>63</v>
      </c>
      <c r="BH11" s="72">
        <v>170</v>
      </c>
      <c r="BI11" s="244"/>
      <c r="BJ11" s="71">
        <v>163</v>
      </c>
      <c r="BK11" s="71">
        <v>106</v>
      </c>
      <c r="BL11" s="71">
        <v>68</v>
      </c>
      <c r="BM11" s="71">
        <v>60</v>
      </c>
      <c r="BN11" s="71">
        <v>24</v>
      </c>
      <c r="BO11" s="72">
        <v>421</v>
      </c>
      <c r="BP11" s="73">
        <v>591</v>
      </c>
      <c r="BQ11" s="70">
        <v>71</v>
      </c>
      <c r="BR11" s="71">
        <v>47</v>
      </c>
      <c r="BS11" s="72">
        <v>118</v>
      </c>
      <c r="BT11" s="244"/>
      <c r="BU11" s="71">
        <v>192</v>
      </c>
      <c r="BV11" s="71">
        <v>107</v>
      </c>
      <c r="BW11" s="71">
        <v>62</v>
      </c>
      <c r="BX11" s="71">
        <v>80</v>
      </c>
      <c r="BY11" s="71">
        <v>20</v>
      </c>
      <c r="BZ11" s="72">
        <v>461</v>
      </c>
      <c r="CA11" s="73">
        <v>579</v>
      </c>
      <c r="CB11" s="70">
        <v>0</v>
      </c>
      <c r="CC11" s="71">
        <v>0</v>
      </c>
      <c r="CD11" s="72">
        <v>0</v>
      </c>
      <c r="CE11" s="244"/>
      <c r="CF11" s="71">
        <v>0</v>
      </c>
      <c r="CG11" s="71">
        <v>0</v>
      </c>
      <c r="CH11" s="71">
        <v>0</v>
      </c>
      <c r="CI11" s="71">
        <v>0</v>
      </c>
      <c r="CJ11" s="71">
        <v>0</v>
      </c>
      <c r="CK11" s="72">
        <v>0</v>
      </c>
      <c r="CL11" s="73">
        <v>0</v>
      </c>
      <c r="CM11" s="70">
        <v>254</v>
      </c>
      <c r="CN11" s="71">
        <v>161</v>
      </c>
      <c r="CO11" s="72">
        <v>415</v>
      </c>
      <c r="CP11" s="244"/>
      <c r="CQ11" s="71">
        <v>528</v>
      </c>
      <c r="CR11" s="71">
        <v>337</v>
      </c>
      <c r="CS11" s="71">
        <v>200</v>
      </c>
      <c r="CT11" s="71">
        <v>191</v>
      </c>
      <c r="CU11" s="71">
        <v>85</v>
      </c>
      <c r="CV11" s="72">
        <v>1341</v>
      </c>
      <c r="CW11" s="73">
        <v>1756</v>
      </c>
      <c r="CX11" s="123">
        <v>35</v>
      </c>
      <c r="CY11" s="82">
        <v>25</v>
      </c>
      <c r="CZ11" s="83">
        <v>60</v>
      </c>
      <c r="DA11" s="241"/>
      <c r="DB11" s="82">
        <v>71</v>
      </c>
      <c r="DC11" s="82">
        <v>37</v>
      </c>
      <c r="DD11" s="82">
        <v>25</v>
      </c>
      <c r="DE11" s="82">
        <v>24</v>
      </c>
      <c r="DF11" s="82">
        <v>17</v>
      </c>
      <c r="DG11" s="84">
        <v>174</v>
      </c>
      <c r="DH11" s="85">
        <v>234</v>
      </c>
      <c r="DI11" s="70">
        <v>0</v>
      </c>
      <c r="DJ11" s="71">
        <v>0</v>
      </c>
      <c r="DK11" s="72">
        <v>0</v>
      </c>
      <c r="DL11" s="244"/>
      <c r="DM11" s="71">
        <v>1</v>
      </c>
      <c r="DN11" s="71">
        <v>0</v>
      </c>
      <c r="DO11" s="71">
        <v>0</v>
      </c>
      <c r="DP11" s="71">
        <v>0</v>
      </c>
      <c r="DQ11" s="71">
        <v>0</v>
      </c>
      <c r="DR11" s="72">
        <v>1</v>
      </c>
      <c r="DS11" s="73">
        <v>1</v>
      </c>
      <c r="DT11" s="70">
        <v>6</v>
      </c>
      <c r="DU11" s="71">
        <v>0</v>
      </c>
      <c r="DV11" s="72">
        <v>6</v>
      </c>
      <c r="DW11" s="244"/>
      <c r="DX11" s="71">
        <v>3</v>
      </c>
      <c r="DY11" s="71">
        <v>2</v>
      </c>
      <c r="DZ11" s="71">
        <v>1</v>
      </c>
      <c r="EA11" s="71">
        <v>3</v>
      </c>
      <c r="EB11" s="71">
        <v>1</v>
      </c>
      <c r="EC11" s="72">
        <v>10</v>
      </c>
      <c r="ED11" s="73">
        <v>16</v>
      </c>
      <c r="EE11" s="70">
        <v>3</v>
      </c>
      <c r="EF11" s="71">
        <v>1</v>
      </c>
      <c r="EG11" s="72">
        <v>4</v>
      </c>
      <c r="EH11" s="244"/>
      <c r="EI11" s="71">
        <v>6</v>
      </c>
      <c r="EJ11" s="71">
        <v>4</v>
      </c>
      <c r="EK11" s="71">
        <v>1</v>
      </c>
      <c r="EL11" s="71">
        <v>1</v>
      </c>
      <c r="EM11" s="71">
        <v>1</v>
      </c>
      <c r="EN11" s="72">
        <v>13</v>
      </c>
      <c r="EO11" s="73">
        <v>17</v>
      </c>
      <c r="EP11" s="70">
        <v>11</v>
      </c>
      <c r="EQ11" s="71">
        <v>9</v>
      </c>
      <c r="ER11" s="72">
        <v>20</v>
      </c>
      <c r="ES11" s="244"/>
      <c r="ET11" s="71">
        <v>17</v>
      </c>
      <c r="EU11" s="71">
        <v>2</v>
      </c>
      <c r="EV11" s="71">
        <v>1</v>
      </c>
      <c r="EW11" s="71">
        <v>3</v>
      </c>
      <c r="EX11" s="71">
        <v>2</v>
      </c>
      <c r="EY11" s="72">
        <v>25</v>
      </c>
      <c r="EZ11" s="73">
        <v>45</v>
      </c>
      <c r="FA11" s="70">
        <v>8</v>
      </c>
      <c r="FB11" s="71">
        <v>8</v>
      </c>
      <c r="FC11" s="72">
        <v>16</v>
      </c>
      <c r="FD11" s="244"/>
      <c r="FE11" s="71">
        <v>20</v>
      </c>
      <c r="FF11" s="71">
        <v>10</v>
      </c>
      <c r="FG11" s="71">
        <v>8</v>
      </c>
      <c r="FH11" s="71">
        <v>9</v>
      </c>
      <c r="FI11" s="71">
        <v>6</v>
      </c>
      <c r="FJ11" s="72">
        <v>53</v>
      </c>
      <c r="FK11" s="73">
        <v>69</v>
      </c>
      <c r="FL11" s="70">
        <v>7</v>
      </c>
      <c r="FM11" s="71">
        <v>7</v>
      </c>
      <c r="FN11" s="72">
        <v>14</v>
      </c>
      <c r="FO11" s="244"/>
      <c r="FP11" s="71">
        <v>24</v>
      </c>
      <c r="FQ11" s="71">
        <v>19</v>
      </c>
      <c r="FR11" s="71">
        <v>14</v>
      </c>
      <c r="FS11" s="71">
        <v>8</v>
      </c>
      <c r="FT11" s="71">
        <v>7</v>
      </c>
      <c r="FU11" s="72">
        <v>72</v>
      </c>
      <c r="FV11" s="73">
        <v>86</v>
      </c>
      <c r="FW11" s="70">
        <v>0</v>
      </c>
      <c r="FX11" s="71">
        <v>0</v>
      </c>
      <c r="FY11" s="72">
        <v>0</v>
      </c>
      <c r="FZ11" s="244"/>
      <c r="GA11" s="71">
        <v>0</v>
      </c>
      <c r="GB11" s="71">
        <v>0</v>
      </c>
      <c r="GC11" s="71">
        <v>0</v>
      </c>
      <c r="GD11" s="71">
        <v>0</v>
      </c>
      <c r="GE11" s="71">
        <v>0</v>
      </c>
      <c r="GF11" s="72">
        <v>0</v>
      </c>
      <c r="GG11" s="73">
        <v>0</v>
      </c>
      <c r="GH11" s="70">
        <v>35</v>
      </c>
      <c r="GI11" s="71">
        <v>25</v>
      </c>
      <c r="GJ11" s="72">
        <v>60</v>
      </c>
      <c r="GK11" s="244"/>
      <c r="GL11" s="71">
        <v>71</v>
      </c>
      <c r="GM11" s="71">
        <v>37</v>
      </c>
      <c r="GN11" s="71">
        <v>25</v>
      </c>
      <c r="GO11" s="71">
        <v>24</v>
      </c>
      <c r="GP11" s="71">
        <v>17</v>
      </c>
      <c r="GQ11" s="72">
        <v>174</v>
      </c>
      <c r="GR11" s="73">
        <v>234</v>
      </c>
      <c r="GS11" s="123">
        <v>289</v>
      </c>
      <c r="GT11" s="82">
        <v>186</v>
      </c>
      <c r="GU11" s="83">
        <v>475</v>
      </c>
      <c r="GV11" s="241"/>
      <c r="GW11" s="82">
        <v>599</v>
      </c>
      <c r="GX11" s="82">
        <v>374</v>
      </c>
      <c r="GY11" s="82">
        <v>225</v>
      </c>
      <c r="GZ11" s="82">
        <v>215</v>
      </c>
      <c r="HA11" s="82">
        <v>102</v>
      </c>
      <c r="HB11" s="84">
        <v>1515</v>
      </c>
      <c r="HC11" s="85">
        <v>1990</v>
      </c>
      <c r="HD11" s="70">
        <v>3</v>
      </c>
      <c r="HE11" s="71">
        <v>1</v>
      </c>
      <c r="HF11" s="72">
        <v>4</v>
      </c>
      <c r="HG11" s="244"/>
      <c r="HH11" s="71">
        <v>5</v>
      </c>
      <c r="HI11" s="71">
        <v>8</v>
      </c>
      <c r="HJ11" s="71">
        <v>4</v>
      </c>
      <c r="HK11" s="71">
        <v>2</v>
      </c>
      <c r="HL11" s="71">
        <v>1</v>
      </c>
      <c r="HM11" s="72">
        <v>20</v>
      </c>
      <c r="HN11" s="73">
        <v>24</v>
      </c>
      <c r="HO11" s="70">
        <v>17</v>
      </c>
      <c r="HP11" s="71">
        <v>6</v>
      </c>
      <c r="HQ11" s="72">
        <v>23</v>
      </c>
      <c r="HR11" s="244"/>
      <c r="HS11" s="71">
        <v>29</v>
      </c>
      <c r="HT11" s="71">
        <v>18</v>
      </c>
      <c r="HU11" s="71">
        <v>11</v>
      </c>
      <c r="HV11" s="71">
        <v>7</v>
      </c>
      <c r="HW11" s="71">
        <v>4</v>
      </c>
      <c r="HX11" s="72">
        <v>69</v>
      </c>
      <c r="HY11" s="73">
        <v>92</v>
      </c>
      <c r="HZ11" s="70">
        <v>17</v>
      </c>
      <c r="IA11" s="71">
        <v>15</v>
      </c>
      <c r="IB11" s="72">
        <v>32</v>
      </c>
      <c r="IC11" s="244"/>
      <c r="ID11" s="71">
        <v>56</v>
      </c>
      <c r="IE11" s="71">
        <v>37</v>
      </c>
      <c r="IF11" s="71">
        <v>22</v>
      </c>
      <c r="IG11" s="71">
        <v>12</v>
      </c>
      <c r="IH11" s="71">
        <v>12</v>
      </c>
      <c r="II11" s="72">
        <v>139</v>
      </c>
      <c r="IJ11" s="73">
        <v>171</v>
      </c>
      <c r="IK11" s="70">
        <v>59</v>
      </c>
      <c r="IL11" s="71">
        <v>39</v>
      </c>
      <c r="IM11" s="72">
        <v>98</v>
      </c>
      <c r="IN11" s="244"/>
      <c r="IO11" s="71">
        <v>110</v>
      </c>
      <c r="IP11" s="71">
        <v>69</v>
      </c>
      <c r="IQ11" s="71">
        <v>36</v>
      </c>
      <c r="IR11" s="71">
        <v>37</v>
      </c>
      <c r="IS11" s="71">
        <v>28</v>
      </c>
      <c r="IT11" s="72">
        <v>280</v>
      </c>
      <c r="IU11" s="73">
        <v>378</v>
      </c>
      <c r="IV11" s="70">
        <v>115</v>
      </c>
      <c r="IW11" s="71">
        <v>71</v>
      </c>
      <c r="IX11" s="72">
        <v>186</v>
      </c>
      <c r="IY11" s="244"/>
      <c r="IZ11" s="71">
        <v>183</v>
      </c>
      <c r="JA11" s="71">
        <v>116</v>
      </c>
      <c r="JB11" s="71">
        <v>76</v>
      </c>
      <c r="JC11" s="71">
        <v>69</v>
      </c>
      <c r="JD11" s="71">
        <v>30</v>
      </c>
      <c r="JE11" s="72">
        <v>474</v>
      </c>
      <c r="JF11" s="73">
        <v>660</v>
      </c>
      <c r="JG11" s="70">
        <v>78</v>
      </c>
      <c r="JH11" s="71">
        <v>54</v>
      </c>
      <c r="JI11" s="72">
        <v>132</v>
      </c>
      <c r="JJ11" s="244"/>
      <c r="JK11" s="71">
        <v>216</v>
      </c>
      <c r="JL11" s="71">
        <v>126</v>
      </c>
      <c r="JM11" s="71">
        <v>76</v>
      </c>
      <c r="JN11" s="71">
        <v>88</v>
      </c>
      <c r="JO11" s="71">
        <v>27</v>
      </c>
      <c r="JP11" s="72">
        <v>533</v>
      </c>
      <c r="JQ11" s="73">
        <v>665</v>
      </c>
      <c r="JR11" s="70">
        <v>0</v>
      </c>
      <c r="JS11" s="71">
        <v>0</v>
      </c>
      <c r="JT11" s="72">
        <v>0</v>
      </c>
      <c r="JU11" s="244"/>
      <c r="JV11" s="71">
        <v>0</v>
      </c>
      <c r="JW11" s="71">
        <v>0</v>
      </c>
      <c r="JX11" s="71">
        <v>0</v>
      </c>
      <c r="JY11" s="71">
        <v>0</v>
      </c>
      <c r="JZ11" s="71">
        <v>0</v>
      </c>
      <c r="KA11" s="72">
        <v>0</v>
      </c>
      <c r="KB11" s="73">
        <v>0</v>
      </c>
      <c r="KC11" s="70">
        <v>289</v>
      </c>
      <c r="KD11" s="71">
        <v>186</v>
      </c>
      <c r="KE11" s="72">
        <v>475</v>
      </c>
      <c r="KF11" s="244"/>
      <c r="KG11" s="71">
        <v>599</v>
      </c>
      <c r="KH11" s="71">
        <v>374</v>
      </c>
      <c r="KI11" s="71">
        <v>225</v>
      </c>
      <c r="KJ11" s="71">
        <v>215</v>
      </c>
      <c r="KK11" s="71">
        <v>102</v>
      </c>
      <c r="KL11" s="72">
        <v>1515</v>
      </c>
      <c r="KM11" s="73">
        <v>1990</v>
      </c>
    </row>
    <row r="12" spans="2:299" ht="19.5" customHeight="1" x14ac:dyDescent="0.2">
      <c r="B12" s="126" t="s">
        <v>8</v>
      </c>
      <c r="C12" s="315">
        <v>111</v>
      </c>
      <c r="D12" s="82">
        <v>54</v>
      </c>
      <c r="E12" s="83">
        <v>165</v>
      </c>
      <c r="F12" s="241"/>
      <c r="G12" s="82">
        <v>145</v>
      </c>
      <c r="H12" s="82">
        <v>113</v>
      </c>
      <c r="I12" s="82">
        <v>87</v>
      </c>
      <c r="J12" s="82">
        <v>59</v>
      </c>
      <c r="K12" s="82">
        <v>34</v>
      </c>
      <c r="L12" s="84">
        <v>438</v>
      </c>
      <c r="M12" s="85">
        <v>603</v>
      </c>
      <c r="N12" s="70">
        <v>3</v>
      </c>
      <c r="O12" s="71">
        <v>2</v>
      </c>
      <c r="P12" s="72">
        <v>5</v>
      </c>
      <c r="Q12" s="241"/>
      <c r="R12" s="71">
        <v>4</v>
      </c>
      <c r="S12" s="71">
        <v>3</v>
      </c>
      <c r="T12" s="71">
        <v>1</v>
      </c>
      <c r="U12" s="71">
        <v>2</v>
      </c>
      <c r="V12" s="71">
        <v>1</v>
      </c>
      <c r="W12" s="72">
        <v>11</v>
      </c>
      <c r="X12" s="73">
        <v>16</v>
      </c>
      <c r="Y12" s="70">
        <v>1</v>
      </c>
      <c r="Z12" s="71">
        <v>3</v>
      </c>
      <c r="AA12" s="72">
        <v>4</v>
      </c>
      <c r="AB12" s="244"/>
      <c r="AC12" s="71">
        <v>6</v>
      </c>
      <c r="AD12" s="71">
        <v>9</v>
      </c>
      <c r="AE12" s="71">
        <v>0</v>
      </c>
      <c r="AF12" s="71">
        <v>6</v>
      </c>
      <c r="AG12" s="71">
        <v>0</v>
      </c>
      <c r="AH12" s="72">
        <v>21</v>
      </c>
      <c r="AI12" s="73">
        <v>25</v>
      </c>
      <c r="AJ12" s="70">
        <v>8</v>
      </c>
      <c r="AK12" s="71">
        <v>4</v>
      </c>
      <c r="AL12" s="72">
        <v>12</v>
      </c>
      <c r="AM12" s="244"/>
      <c r="AN12" s="71">
        <v>14</v>
      </c>
      <c r="AO12" s="71">
        <v>12</v>
      </c>
      <c r="AP12" s="71">
        <v>8</v>
      </c>
      <c r="AQ12" s="71">
        <v>4</v>
      </c>
      <c r="AR12" s="71">
        <v>6</v>
      </c>
      <c r="AS12" s="72">
        <v>44</v>
      </c>
      <c r="AT12" s="73">
        <v>56</v>
      </c>
      <c r="AU12" s="70">
        <v>29</v>
      </c>
      <c r="AV12" s="71">
        <v>6</v>
      </c>
      <c r="AW12" s="72">
        <v>35</v>
      </c>
      <c r="AX12" s="244"/>
      <c r="AY12" s="71">
        <v>26</v>
      </c>
      <c r="AZ12" s="71">
        <v>14</v>
      </c>
      <c r="BA12" s="71">
        <v>15</v>
      </c>
      <c r="BB12" s="71">
        <v>11</v>
      </c>
      <c r="BC12" s="71">
        <v>6</v>
      </c>
      <c r="BD12" s="72">
        <v>72</v>
      </c>
      <c r="BE12" s="73">
        <v>107</v>
      </c>
      <c r="BF12" s="70">
        <v>36</v>
      </c>
      <c r="BG12" s="71">
        <v>18</v>
      </c>
      <c r="BH12" s="72">
        <v>54</v>
      </c>
      <c r="BI12" s="244"/>
      <c r="BJ12" s="71">
        <v>40</v>
      </c>
      <c r="BK12" s="71">
        <v>25</v>
      </c>
      <c r="BL12" s="71">
        <v>20</v>
      </c>
      <c r="BM12" s="71">
        <v>9</v>
      </c>
      <c r="BN12" s="71">
        <v>10</v>
      </c>
      <c r="BO12" s="72">
        <v>104</v>
      </c>
      <c r="BP12" s="73">
        <v>158</v>
      </c>
      <c r="BQ12" s="70">
        <v>34</v>
      </c>
      <c r="BR12" s="71">
        <v>21</v>
      </c>
      <c r="BS12" s="72">
        <v>55</v>
      </c>
      <c r="BT12" s="244"/>
      <c r="BU12" s="71">
        <v>55</v>
      </c>
      <c r="BV12" s="71">
        <v>50</v>
      </c>
      <c r="BW12" s="71">
        <v>43</v>
      </c>
      <c r="BX12" s="71">
        <v>27</v>
      </c>
      <c r="BY12" s="71">
        <v>11</v>
      </c>
      <c r="BZ12" s="72">
        <v>186</v>
      </c>
      <c r="CA12" s="73">
        <v>241</v>
      </c>
      <c r="CB12" s="70">
        <v>0</v>
      </c>
      <c r="CC12" s="71">
        <v>0</v>
      </c>
      <c r="CD12" s="72">
        <v>0</v>
      </c>
      <c r="CE12" s="244"/>
      <c r="CF12" s="71">
        <v>0</v>
      </c>
      <c r="CG12" s="71">
        <v>0</v>
      </c>
      <c r="CH12" s="71">
        <v>0</v>
      </c>
      <c r="CI12" s="71">
        <v>0</v>
      </c>
      <c r="CJ12" s="71">
        <v>0</v>
      </c>
      <c r="CK12" s="72">
        <v>0</v>
      </c>
      <c r="CL12" s="73">
        <v>0</v>
      </c>
      <c r="CM12" s="70">
        <v>111</v>
      </c>
      <c r="CN12" s="71">
        <v>54</v>
      </c>
      <c r="CO12" s="72">
        <v>165</v>
      </c>
      <c r="CP12" s="244"/>
      <c r="CQ12" s="71">
        <v>145</v>
      </c>
      <c r="CR12" s="71">
        <v>113</v>
      </c>
      <c r="CS12" s="71">
        <v>87</v>
      </c>
      <c r="CT12" s="71">
        <v>59</v>
      </c>
      <c r="CU12" s="71">
        <v>34</v>
      </c>
      <c r="CV12" s="72">
        <v>438</v>
      </c>
      <c r="CW12" s="73">
        <v>603</v>
      </c>
      <c r="CX12" s="123">
        <v>14</v>
      </c>
      <c r="CY12" s="82">
        <v>9</v>
      </c>
      <c r="CZ12" s="83">
        <v>23</v>
      </c>
      <c r="DA12" s="241"/>
      <c r="DB12" s="82">
        <v>21</v>
      </c>
      <c r="DC12" s="82">
        <v>28</v>
      </c>
      <c r="DD12" s="82">
        <v>10</v>
      </c>
      <c r="DE12" s="82">
        <v>8</v>
      </c>
      <c r="DF12" s="82">
        <v>4</v>
      </c>
      <c r="DG12" s="84">
        <v>71</v>
      </c>
      <c r="DH12" s="85">
        <v>94</v>
      </c>
      <c r="DI12" s="70">
        <v>1</v>
      </c>
      <c r="DJ12" s="71">
        <v>0</v>
      </c>
      <c r="DK12" s="72">
        <v>1</v>
      </c>
      <c r="DL12" s="244"/>
      <c r="DM12" s="71">
        <v>0</v>
      </c>
      <c r="DN12" s="71">
        <v>0</v>
      </c>
      <c r="DO12" s="71">
        <v>0</v>
      </c>
      <c r="DP12" s="71">
        <v>0</v>
      </c>
      <c r="DQ12" s="71">
        <v>0</v>
      </c>
      <c r="DR12" s="72">
        <v>0</v>
      </c>
      <c r="DS12" s="73">
        <v>1</v>
      </c>
      <c r="DT12" s="70">
        <v>1</v>
      </c>
      <c r="DU12" s="71">
        <v>0</v>
      </c>
      <c r="DV12" s="72">
        <v>1</v>
      </c>
      <c r="DW12" s="244"/>
      <c r="DX12" s="71">
        <v>1</v>
      </c>
      <c r="DY12" s="71">
        <v>1</v>
      </c>
      <c r="DZ12" s="71">
        <v>0</v>
      </c>
      <c r="EA12" s="71">
        <v>0</v>
      </c>
      <c r="EB12" s="71">
        <v>0</v>
      </c>
      <c r="EC12" s="72">
        <v>2</v>
      </c>
      <c r="ED12" s="73">
        <v>3</v>
      </c>
      <c r="EE12" s="70">
        <v>1</v>
      </c>
      <c r="EF12" s="71">
        <v>3</v>
      </c>
      <c r="EG12" s="72">
        <v>4</v>
      </c>
      <c r="EH12" s="244"/>
      <c r="EI12" s="71">
        <v>1</v>
      </c>
      <c r="EJ12" s="71">
        <v>2</v>
      </c>
      <c r="EK12" s="71">
        <v>0</v>
      </c>
      <c r="EL12" s="71">
        <v>1</v>
      </c>
      <c r="EM12" s="71">
        <v>0</v>
      </c>
      <c r="EN12" s="72">
        <v>4</v>
      </c>
      <c r="EO12" s="73">
        <v>8</v>
      </c>
      <c r="EP12" s="70">
        <v>4</v>
      </c>
      <c r="EQ12" s="71">
        <v>1</v>
      </c>
      <c r="ER12" s="72">
        <v>5</v>
      </c>
      <c r="ES12" s="244"/>
      <c r="ET12" s="71">
        <v>3</v>
      </c>
      <c r="EU12" s="71">
        <v>3</v>
      </c>
      <c r="EV12" s="71">
        <v>2</v>
      </c>
      <c r="EW12" s="71">
        <v>1</v>
      </c>
      <c r="EX12" s="71">
        <v>1</v>
      </c>
      <c r="EY12" s="72">
        <v>10</v>
      </c>
      <c r="EZ12" s="73">
        <v>15</v>
      </c>
      <c r="FA12" s="70">
        <v>3</v>
      </c>
      <c r="FB12" s="71">
        <v>1</v>
      </c>
      <c r="FC12" s="72">
        <v>4</v>
      </c>
      <c r="FD12" s="244"/>
      <c r="FE12" s="71">
        <v>7</v>
      </c>
      <c r="FF12" s="71">
        <v>10</v>
      </c>
      <c r="FG12" s="71">
        <v>2</v>
      </c>
      <c r="FH12" s="71">
        <v>1</v>
      </c>
      <c r="FI12" s="71">
        <v>2</v>
      </c>
      <c r="FJ12" s="72">
        <v>22</v>
      </c>
      <c r="FK12" s="73">
        <v>26</v>
      </c>
      <c r="FL12" s="70">
        <v>4</v>
      </c>
      <c r="FM12" s="71">
        <v>4</v>
      </c>
      <c r="FN12" s="72">
        <v>8</v>
      </c>
      <c r="FO12" s="244"/>
      <c r="FP12" s="71">
        <v>9</v>
      </c>
      <c r="FQ12" s="71">
        <v>12</v>
      </c>
      <c r="FR12" s="71">
        <v>6</v>
      </c>
      <c r="FS12" s="71">
        <v>5</v>
      </c>
      <c r="FT12" s="71">
        <v>1</v>
      </c>
      <c r="FU12" s="72">
        <v>33</v>
      </c>
      <c r="FV12" s="73">
        <v>41</v>
      </c>
      <c r="FW12" s="70">
        <v>0</v>
      </c>
      <c r="FX12" s="71">
        <v>0</v>
      </c>
      <c r="FY12" s="72">
        <v>0</v>
      </c>
      <c r="FZ12" s="244"/>
      <c r="GA12" s="71">
        <v>0</v>
      </c>
      <c r="GB12" s="71">
        <v>0</v>
      </c>
      <c r="GC12" s="71">
        <v>0</v>
      </c>
      <c r="GD12" s="71">
        <v>0</v>
      </c>
      <c r="GE12" s="71">
        <v>0</v>
      </c>
      <c r="GF12" s="72">
        <v>0</v>
      </c>
      <c r="GG12" s="73">
        <v>0</v>
      </c>
      <c r="GH12" s="70">
        <v>14</v>
      </c>
      <c r="GI12" s="71">
        <v>9</v>
      </c>
      <c r="GJ12" s="72">
        <v>23</v>
      </c>
      <c r="GK12" s="244"/>
      <c r="GL12" s="71">
        <v>21</v>
      </c>
      <c r="GM12" s="71">
        <v>28</v>
      </c>
      <c r="GN12" s="71">
        <v>10</v>
      </c>
      <c r="GO12" s="71">
        <v>8</v>
      </c>
      <c r="GP12" s="71">
        <v>4</v>
      </c>
      <c r="GQ12" s="72">
        <v>71</v>
      </c>
      <c r="GR12" s="73">
        <v>94</v>
      </c>
      <c r="GS12" s="123">
        <v>125</v>
      </c>
      <c r="GT12" s="82">
        <v>63</v>
      </c>
      <c r="GU12" s="83">
        <v>188</v>
      </c>
      <c r="GV12" s="241"/>
      <c r="GW12" s="82">
        <v>166</v>
      </c>
      <c r="GX12" s="82">
        <v>141</v>
      </c>
      <c r="GY12" s="82">
        <v>97</v>
      </c>
      <c r="GZ12" s="82">
        <v>67</v>
      </c>
      <c r="HA12" s="82">
        <v>38</v>
      </c>
      <c r="HB12" s="84">
        <v>509</v>
      </c>
      <c r="HC12" s="85">
        <v>697</v>
      </c>
      <c r="HD12" s="70">
        <v>4</v>
      </c>
      <c r="HE12" s="71">
        <v>2</v>
      </c>
      <c r="HF12" s="72">
        <v>6</v>
      </c>
      <c r="HG12" s="244"/>
      <c r="HH12" s="71">
        <v>4</v>
      </c>
      <c r="HI12" s="71">
        <v>3</v>
      </c>
      <c r="HJ12" s="71">
        <v>1</v>
      </c>
      <c r="HK12" s="71">
        <v>2</v>
      </c>
      <c r="HL12" s="71">
        <v>1</v>
      </c>
      <c r="HM12" s="72">
        <v>11</v>
      </c>
      <c r="HN12" s="73">
        <v>17</v>
      </c>
      <c r="HO12" s="70">
        <v>2</v>
      </c>
      <c r="HP12" s="71">
        <v>3</v>
      </c>
      <c r="HQ12" s="72">
        <v>5</v>
      </c>
      <c r="HR12" s="244"/>
      <c r="HS12" s="71">
        <v>7</v>
      </c>
      <c r="HT12" s="71">
        <v>10</v>
      </c>
      <c r="HU12" s="71">
        <v>0</v>
      </c>
      <c r="HV12" s="71">
        <v>6</v>
      </c>
      <c r="HW12" s="71">
        <v>0</v>
      </c>
      <c r="HX12" s="72">
        <v>23</v>
      </c>
      <c r="HY12" s="73">
        <v>28</v>
      </c>
      <c r="HZ12" s="70">
        <v>9</v>
      </c>
      <c r="IA12" s="71">
        <v>7</v>
      </c>
      <c r="IB12" s="72">
        <v>16</v>
      </c>
      <c r="IC12" s="244"/>
      <c r="ID12" s="71">
        <v>15</v>
      </c>
      <c r="IE12" s="71">
        <v>14</v>
      </c>
      <c r="IF12" s="71">
        <v>8</v>
      </c>
      <c r="IG12" s="71">
        <v>5</v>
      </c>
      <c r="IH12" s="71">
        <v>6</v>
      </c>
      <c r="II12" s="72">
        <v>48</v>
      </c>
      <c r="IJ12" s="73">
        <v>64</v>
      </c>
      <c r="IK12" s="70">
        <v>33</v>
      </c>
      <c r="IL12" s="71">
        <v>7</v>
      </c>
      <c r="IM12" s="72">
        <v>40</v>
      </c>
      <c r="IN12" s="244"/>
      <c r="IO12" s="71">
        <v>29</v>
      </c>
      <c r="IP12" s="71">
        <v>17</v>
      </c>
      <c r="IQ12" s="71">
        <v>17</v>
      </c>
      <c r="IR12" s="71">
        <v>12</v>
      </c>
      <c r="IS12" s="71">
        <v>7</v>
      </c>
      <c r="IT12" s="72">
        <v>82</v>
      </c>
      <c r="IU12" s="73">
        <v>122</v>
      </c>
      <c r="IV12" s="70">
        <v>39</v>
      </c>
      <c r="IW12" s="71">
        <v>19</v>
      </c>
      <c r="IX12" s="72">
        <v>58</v>
      </c>
      <c r="IY12" s="244"/>
      <c r="IZ12" s="71">
        <v>47</v>
      </c>
      <c r="JA12" s="71">
        <v>35</v>
      </c>
      <c r="JB12" s="71">
        <v>22</v>
      </c>
      <c r="JC12" s="71">
        <v>10</v>
      </c>
      <c r="JD12" s="71">
        <v>12</v>
      </c>
      <c r="JE12" s="72">
        <v>126</v>
      </c>
      <c r="JF12" s="73">
        <v>184</v>
      </c>
      <c r="JG12" s="70">
        <v>38</v>
      </c>
      <c r="JH12" s="71">
        <v>25</v>
      </c>
      <c r="JI12" s="72">
        <v>63</v>
      </c>
      <c r="JJ12" s="244"/>
      <c r="JK12" s="71">
        <v>64</v>
      </c>
      <c r="JL12" s="71">
        <v>62</v>
      </c>
      <c r="JM12" s="71">
        <v>49</v>
      </c>
      <c r="JN12" s="71">
        <v>32</v>
      </c>
      <c r="JO12" s="71">
        <v>12</v>
      </c>
      <c r="JP12" s="72">
        <v>219</v>
      </c>
      <c r="JQ12" s="73">
        <v>282</v>
      </c>
      <c r="JR12" s="70">
        <v>0</v>
      </c>
      <c r="JS12" s="71">
        <v>0</v>
      </c>
      <c r="JT12" s="72">
        <v>0</v>
      </c>
      <c r="JU12" s="244"/>
      <c r="JV12" s="71">
        <v>0</v>
      </c>
      <c r="JW12" s="71">
        <v>0</v>
      </c>
      <c r="JX12" s="71">
        <v>0</v>
      </c>
      <c r="JY12" s="71">
        <v>0</v>
      </c>
      <c r="JZ12" s="71">
        <v>0</v>
      </c>
      <c r="KA12" s="72">
        <v>0</v>
      </c>
      <c r="KB12" s="73">
        <v>0</v>
      </c>
      <c r="KC12" s="70">
        <v>125</v>
      </c>
      <c r="KD12" s="71">
        <v>63</v>
      </c>
      <c r="KE12" s="72">
        <v>188</v>
      </c>
      <c r="KF12" s="244"/>
      <c r="KG12" s="71">
        <v>166</v>
      </c>
      <c r="KH12" s="71">
        <v>141</v>
      </c>
      <c r="KI12" s="71">
        <v>97</v>
      </c>
      <c r="KJ12" s="71">
        <v>67</v>
      </c>
      <c r="KK12" s="71">
        <v>38</v>
      </c>
      <c r="KL12" s="72">
        <v>509</v>
      </c>
      <c r="KM12" s="73">
        <v>697</v>
      </c>
    </row>
    <row r="13" spans="2:299" ht="19.5" customHeight="1" x14ac:dyDescent="0.2">
      <c r="B13" s="126" t="s">
        <v>9</v>
      </c>
      <c r="C13" s="315">
        <v>177</v>
      </c>
      <c r="D13" s="82">
        <v>119</v>
      </c>
      <c r="E13" s="83">
        <v>296</v>
      </c>
      <c r="F13" s="241"/>
      <c r="G13" s="82">
        <v>212</v>
      </c>
      <c r="H13" s="82">
        <v>151</v>
      </c>
      <c r="I13" s="82">
        <v>112</v>
      </c>
      <c r="J13" s="82">
        <v>103</v>
      </c>
      <c r="K13" s="82">
        <v>58</v>
      </c>
      <c r="L13" s="84">
        <v>636</v>
      </c>
      <c r="M13" s="85">
        <v>932</v>
      </c>
      <c r="N13" s="70">
        <v>2</v>
      </c>
      <c r="O13" s="71">
        <v>2</v>
      </c>
      <c r="P13" s="72">
        <v>4</v>
      </c>
      <c r="Q13" s="241"/>
      <c r="R13" s="71">
        <v>0</v>
      </c>
      <c r="S13" s="71">
        <v>1</v>
      </c>
      <c r="T13" s="71">
        <v>1</v>
      </c>
      <c r="U13" s="71">
        <v>0</v>
      </c>
      <c r="V13" s="71">
        <v>1</v>
      </c>
      <c r="W13" s="72">
        <v>3</v>
      </c>
      <c r="X13" s="73">
        <v>7</v>
      </c>
      <c r="Y13" s="70">
        <v>8</v>
      </c>
      <c r="Z13" s="71">
        <v>4</v>
      </c>
      <c r="AA13" s="72">
        <v>12</v>
      </c>
      <c r="AB13" s="244"/>
      <c r="AC13" s="71">
        <v>4</v>
      </c>
      <c r="AD13" s="71">
        <v>4</v>
      </c>
      <c r="AE13" s="71">
        <v>0</v>
      </c>
      <c r="AF13" s="71">
        <v>4</v>
      </c>
      <c r="AG13" s="71">
        <v>3</v>
      </c>
      <c r="AH13" s="72">
        <v>15</v>
      </c>
      <c r="AI13" s="73">
        <v>27</v>
      </c>
      <c r="AJ13" s="70">
        <v>13</v>
      </c>
      <c r="AK13" s="71">
        <v>5</v>
      </c>
      <c r="AL13" s="72">
        <v>18</v>
      </c>
      <c r="AM13" s="244"/>
      <c r="AN13" s="71">
        <v>11</v>
      </c>
      <c r="AO13" s="71">
        <v>10</v>
      </c>
      <c r="AP13" s="71">
        <v>9</v>
      </c>
      <c r="AQ13" s="71">
        <v>5</v>
      </c>
      <c r="AR13" s="71">
        <v>7</v>
      </c>
      <c r="AS13" s="72">
        <v>42</v>
      </c>
      <c r="AT13" s="73">
        <v>60</v>
      </c>
      <c r="AU13" s="70">
        <v>28</v>
      </c>
      <c r="AV13" s="71">
        <v>28</v>
      </c>
      <c r="AW13" s="72">
        <v>56</v>
      </c>
      <c r="AX13" s="244"/>
      <c r="AY13" s="71">
        <v>28</v>
      </c>
      <c r="AZ13" s="71">
        <v>21</v>
      </c>
      <c r="BA13" s="71">
        <v>12</v>
      </c>
      <c r="BB13" s="71">
        <v>11</v>
      </c>
      <c r="BC13" s="71">
        <v>8</v>
      </c>
      <c r="BD13" s="72">
        <v>80</v>
      </c>
      <c r="BE13" s="73">
        <v>136</v>
      </c>
      <c r="BF13" s="70">
        <v>73</v>
      </c>
      <c r="BG13" s="71">
        <v>38</v>
      </c>
      <c r="BH13" s="72">
        <v>111</v>
      </c>
      <c r="BI13" s="244"/>
      <c r="BJ13" s="71">
        <v>90</v>
      </c>
      <c r="BK13" s="71">
        <v>48</v>
      </c>
      <c r="BL13" s="71">
        <v>32</v>
      </c>
      <c r="BM13" s="71">
        <v>39</v>
      </c>
      <c r="BN13" s="71">
        <v>12</v>
      </c>
      <c r="BO13" s="72">
        <v>221</v>
      </c>
      <c r="BP13" s="73">
        <v>332</v>
      </c>
      <c r="BQ13" s="70">
        <v>53</v>
      </c>
      <c r="BR13" s="71">
        <v>42</v>
      </c>
      <c r="BS13" s="72">
        <v>95</v>
      </c>
      <c r="BT13" s="244"/>
      <c r="BU13" s="71">
        <v>79</v>
      </c>
      <c r="BV13" s="71">
        <v>67</v>
      </c>
      <c r="BW13" s="71">
        <v>58</v>
      </c>
      <c r="BX13" s="71">
        <v>44</v>
      </c>
      <c r="BY13" s="71">
        <v>27</v>
      </c>
      <c r="BZ13" s="72">
        <v>275</v>
      </c>
      <c r="CA13" s="73">
        <v>370</v>
      </c>
      <c r="CB13" s="70">
        <v>0</v>
      </c>
      <c r="CC13" s="71">
        <v>0</v>
      </c>
      <c r="CD13" s="72">
        <v>0</v>
      </c>
      <c r="CE13" s="244"/>
      <c r="CF13" s="71">
        <v>0</v>
      </c>
      <c r="CG13" s="71">
        <v>0</v>
      </c>
      <c r="CH13" s="71">
        <v>0</v>
      </c>
      <c r="CI13" s="71">
        <v>0</v>
      </c>
      <c r="CJ13" s="71">
        <v>0</v>
      </c>
      <c r="CK13" s="72">
        <v>0</v>
      </c>
      <c r="CL13" s="73">
        <v>0</v>
      </c>
      <c r="CM13" s="70">
        <v>177</v>
      </c>
      <c r="CN13" s="71">
        <v>119</v>
      </c>
      <c r="CO13" s="72">
        <v>296</v>
      </c>
      <c r="CP13" s="244"/>
      <c r="CQ13" s="71">
        <v>212</v>
      </c>
      <c r="CR13" s="71">
        <v>151</v>
      </c>
      <c r="CS13" s="71">
        <v>112</v>
      </c>
      <c r="CT13" s="71">
        <v>103</v>
      </c>
      <c r="CU13" s="71">
        <v>58</v>
      </c>
      <c r="CV13" s="72">
        <v>636</v>
      </c>
      <c r="CW13" s="73">
        <v>932</v>
      </c>
      <c r="CX13" s="123">
        <v>30</v>
      </c>
      <c r="CY13" s="82">
        <v>19</v>
      </c>
      <c r="CZ13" s="83">
        <v>49</v>
      </c>
      <c r="DA13" s="241"/>
      <c r="DB13" s="82">
        <v>33</v>
      </c>
      <c r="DC13" s="82">
        <v>18</v>
      </c>
      <c r="DD13" s="82">
        <v>21</v>
      </c>
      <c r="DE13" s="82">
        <v>18</v>
      </c>
      <c r="DF13" s="82">
        <v>11</v>
      </c>
      <c r="DG13" s="84">
        <v>101</v>
      </c>
      <c r="DH13" s="85">
        <v>150</v>
      </c>
      <c r="DI13" s="70">
        <v>2</v>
      </c>
      <c r="DJ13" s="71">
        <v>0</v>
      </c>
      <c r="DK13" s="72">
        <v>2</v>
      </c>
      <c r="DL13" s="244"/>
      <c r="DM13" s="71">
        <v>0</v>
      </c>
      <c r="DN13" s="71">
        <v>0</v>
      </c>
      <c r="DO13" s="71">
        <v>1</v>
      </c>
      <c r="DP13" s="71">
        <v>1</v>
      </c>
      <c r="DQ13" s="71">
        <v>0</v>
      </c>
      <c r="DR13" s="72">
        <v>2</v>
      </c>
      <c r="DS13" s="73">
        <v>4</v>
      </c>
      <c r="DT13" s="70">
        <v>4</v>
      </c>
      <c r="DU13" s="71">
        <v>2</v>
      </c>
      <c r="DV13" s="72">
        <v>6</v>
      </c>
      <c r="DW13" s="244"/>
      <c r="DX13" s="71">
        <v>0</v>
      </c>
      <c r="DY13" s="71">
        <v>1</v>
      </c>
      <c r="DZ13" s="71">
        <v>1</v>
      </c>
      <c r="EA13" s="71">
        <v>0</v>
      </c>
      <c r="EB13" s="71">
        <v>0</v>
      </c>
      <c r="EC13" s="72">
        <v>2</v>
      </c>
      <c r="ED13" s="73">
        <v>8</v>
      </c>
      <c r="EE13" s="70">
        <v>4</v>
      </c>
      <c r="EF13" s="71">
        <v>0</v>
      </c>
      <c r="EG13" s="72">
        <v>4</v>
      </c>
      <c r="EH13" s="244"/>
      <c r="EI13" s="71">
        <v>4</v>
      </c>
      <c r="EJ13" s="71">
        <v>0</v>
      </c>
      <c r="EK13" s="71">
        <v>3</v>
      </c>
      <c r="EL13" s="71">
        <v>1</v>
      </c>
      <c r="EM13" s="71">
        <v>1</v>
      </c>
      <c r="EN13" s="72">
        <v>9</v>
      </c>
      <c r="EO13" s="73">
        <v>13</v>
      </c>
      <c r="EP13" s="70">
        <v>8</v>
      </c>
      <c r="EQ13" s="71">
        <v>6</v>
      </c>
      <c r="ER13" s="72">
        <v>14</v>
      </c>
      <c r="ES13" s="244"/>
      <c r="ET13" s="71">
        <v>8</v>
      </c>
      <c r="EU13" s="71">
        <v>2</v>
      </c>
      <c r="EV13" s="71">
        <v>0</v>
      </c>
      <c r="EW13" s="71">
        <v>0</v>
      </c>
      <c r="EX13" s="71">
        <v>1</v>
      </c>
      <c r="EY13" s="72">
        <v>11</v>
      </c>
      <c r="EZ13" s="73">
        <v>25</v>
      </c>
      <c r="FA13" s="70">
        <v>5</v>
      </c>
      <c r="FB13" s="71">
        <v>8</v>
      </c>
      <c r="FC13" s="72">
        <v>13</v>
      </c>
      <c r="FD13" s="244"/>
      <c r="FE13" s="71">
        <v>8</v>
      </c>
      <c r="FF13" s="71">
        <v>6</v>
      </c>
      <c r="FG13" s="71">
        <v>3</v>
      </c>
      <c r="FH13" s="71">
        <v>5</v>
      </c>
      <c r="FI13" s="71">
        <v>6</v>
      </c>
      <c r="FJ13" s="72">
        <v>28</v>
      </c>
      <c r="FK13" s="73">
        <v>41</v>
      </c>
      <c r="FL13" s="70">
        <v>7</v>
      </c>
      <c r="FM13" s="71">
        <v>3</v>
      </c>
      <c r="FN13" s="72">
        <v>10</v>
      </c>
      <c r="FO13" s="244"/>
      <c r="FP13" s="71">
        <v>13</v>
      </c>
      <c r="FQ13" s="71">
        <v>9</v>
      </c>
      <c r="FR13" s="71">
        <v>13</v>
      </c>
      <c r="FS13" s="71">
        <v>11</v>
      </c>
      <c r="FT13" s="71">
        <v>3</v>
      </c>
      <c r="FU13" s="72">
        <v>49</v>
      </c>
      <c r="FV13" s="73">
        <v>59</v>
      </c>
      <c r="FW13" s="70">
        <v>0</v>
      </c>
      <c r="FX13" s="71">
        <v>0</v>
      </c>
      <c r="FY13" s="72">
        <v>0</v>
      </c>
      <c r="FZ13" s="244"/>
      <c r="GA13" s="71">
        <v>0</v>
      </c>
      <c r="GB13" s="71">
        <v>0</v>
      </c>
      <c r="GC13" s="71">
        <v>0</v>
      </c>
      <c r="GD13" s="71">
        <v>0</v>
      </c>
      <c r="GE13" s="71">
        <v>0</v>
      </c>
      <c r="GF13" s="72">
        <v>0</v>
      </c>
      <c r="GG13" s="73">
        <v>0</v>
      </c>
      <c r="GH13" s="70">
        <v>30</v>
      </c>
      <c r="GI13" s="71">
        <v>19</v>
      </c>
      <c r="GJ13" s="72">
        <v>49</v>
      </c>
      <c r="GK13" s="244"/>
      <c r="GL13" s="71">
        <v>33</v>
      </c>
      <c r="GM13" s="71">
        <v>18</v>
      </c>
      <c r="GN13" s="71">
        <v>21</v>
      </c>
      <c r="GO13" s="71">
        <v>18</v>
      </c>
      <c r="GP13" s="71">
        <v>11</v>
      </c>
      <c r="GQ13" s="72">
        <v>101</v>
      </c>
      <c r="GR13" s="73">
        <v>150</v>
      </c>
      <c r="GS13" s="123">
        <v>207</v>
      </c>
      <c r="GT13" s="82">
        <v>138</v>
      </c>
      <c r="GU13" s="83">
        <v>345</v>
      </c>
      <c r="GV13" s="241"/>
      <c r="GW13" s="82">
        <v>245</v>
      </c>
      <c r="GX13" s="82">
        <v>169</v>
      </c>
      <c r="GY13" s="82">
        <v>133</v>
      </c>
      <c r="GZ13" s="82">
        <v>121</v>
      </c>
      <c r="HA13" s="82">
        <v>69</v>
      </c>
      <c r="HB13" s="84">
        <v>737</v>
      </c>
      <c r="HC13" s="85">
        <v>1082</v>
      </c>
      <c r="HD13" s="70">
        <v>4</v>
      </c>
      <c r="HE13" s="71">
        <v>2</v>
      </c>
      <c r="HF13" s="72">
        <v>6</v>
      </c>
      <c r="HG13" s="244"/>
      <c r="HH13" s="71">
        <v>0</v>
      </c>
      <c r="HI13" s="71">
        <v>1</v>
      </c>
      <c r="HJ13" s="71">
        <v>2</v>
      </c>
      <c r="HK13" s="71">
        <v>1</v>
      </c>
      <c r="HL13" s="71">
        <v>1</v>
      </c>
      <c r="HM13" s="72">
        <v>5</v>
      </c>
      <c r="HN13" s="73">
        <v>11</v>
      </c>
      <c r="HO13" s="70">
        <v>12</v>
      </c>
      <c r="HP13" s="71">
        <v>6</v>
      </c>
      <c r="HQ13" s="72">
        <v>18</v>
      </c>
      <c r="HR13" s="244"/>
      <c r="HS13" s="71">
        <v>4</v>
      </c>
      <c r="HT13" s="71">
        <v>5</v>
      </c>
      <c r="HU13" s="71">
        <v>1</v>
      </c>
      <c r="HV13" s="71">
        <v>4</v>
      </c>
      <c r="HW13" s="71">
        <v>3</v>
      </c>
      <c r="HX13" s="72">
        <v>17</v>
      </c>
      <c r="HY13" s="73">
        <v>35</v>
      </c>
      <c r="HZ13" s="70">
        <v>17</v>
      </c>
      <c r="IA13" s="71">
        <v>5</v>
      </c>
      <c r="IB13" s="72">
        <v>22</v>
      </c>
      <c r="IC13" s="244"/>
      <c r="ID13" s="71">
        <v>15</v>
      </c>
      <c r="IE13" s="71">
        <v>10</v>
      </c>
      <c r="IF13" s="71">
        <v>12</v>
      </c>
      <c r="IG13" s="71">
        <v>6</v>
      </c>
      <c r="IH13" s="71">
        <v>8</v>
      </c>
      <c r="II13" s="72">
        <v>51</v>
      </c>
      <c r="IJ13" s="73">
        <v>73</v>
      </c>
      <c r="IK13" s="70">
        <v>36</v>
      </c>
      <c r="IL13" s="71">
        <v>34</v>
      </c>
      <c r="IM13" s="72">
        <v>70</v>
      </c>
      <c r="IN13" s="244"/>
      <c r="IO13" s="71">
        <v>36</v>
      </c>
      <c r="IP13" s="71">
        <v>23</v>
      </c>
      <c r="IQ13" s="71">
        <v>12</v>
      </c>
      <c r="IR13" s="71">
        <v>11</v>
      </c>
      <c r="IS13" s="71">
        <v>9</v>
      </c>
      <c r="IT13" s="72">
        <v>91</v>
      </c>
      <c r="IU13" s="73">
        <v>161</v>
      </c>
      <c r="IV13" s="70">
        <v>78</v>
      </c>
      <c r="IW13" s="71">
        <v>46</v>
      </c>
      <c r="IX13" s="72">
        <v>124</v>
      </c>
      <c r="IY13" s="244"/>
      <c r="IZ13" s="71">
        <v>98</v>
      </c>
      <c r="JA13" s="71">
        <v>54</v>
      </c>
      <c r="JB13" s="71">
        <v>35</v>
      </c>
      <c r="JC13" s="71">
        <v>44</v>
      </c>
      <c r="JD13" s="71">
        <v>18</v>
      </c>
      <c r="JE13" s="72">
        <v>249</v>
      </c>
      <c r="JF13" s="73">
        <v>373</v>
      </c>
      <c r="JG13" s="70">
        <v>60</v>
      </c>
      <c r="JH13" s="71">
        <v>45</v>
      </c>
      <c r="JI13" s="72">
        <v>105</v>
      </c>
      <c r="JJ13" s="244"/>
      <c r="JK13" s="71">
        <v>92</v>
      </c>
      <c r="JL13" s="71">
        <v>76</v>
      </c>
      <c r="JM13" s="71">
        <v>71</v>
      </c>
      <c r="JN13" s="71">
        <v>55</v>
      </c>
      <c r="JO13" s="71">
        <v>30</v>
      </c>
      <c r="JP13" s="72">
        <v>324</v>
      </c>
      <c r="JQ13" s="73">
        <v>429</v>
      </c>
      <c r="JR13" s="70">
        <v>0</v>
      </c>
      <c r="JS13" s="71">
        <v>0</v>
      </c>
      <c r="JT13" s="72">
        <v>0</v>
      </c>
      <c r="JU13" s="244"/>
      <c r="JV13" s="71">
        <v>0</v>
      </c>
      <c r="JW13" s="71">
        <v>0</v>
      </c>
      <c r="JX13" s="71">
        <v>0</v>
      </c>
      <c r="JY13" s="71">
        <v>0</v>
      </c>
      <c r="JZ13" s="71">
        <v>0</v>
      </c>
      <c r="KA13" s="72">
        <v>0</v>
      </c>
      <c r="KB13" s="73">
        <v>0</v>
      </c>
      <c r="KC13" s="70">
        <v>207</v>
      </c>
      <c r="KD13" s="71">
        <v>138</v>
      </c>
      <c r="KE13" s="72">
        <v>345</v>
      </c>
      <c r="KF13" s="244"/>
      <c r="KG13" s="71">
        <v>245</v>
      </c>
      <c r="KH13" s="71">
        <v>169</v>
      </c>
      <c r="KI13" s="71">
        <v>133</v>
      </c>
      <c r="KJ13" s="71">
        <v>121</v>
      </c>
      <c r="KK13" s="71">
        <v>69</v>
      </c>
      <c r="KL13" s="72">
        <v>737</v>
      </c>
      <c r="KM13" s="73">
        <v>1082</v>
      </c>
    </row>
    <row r="14" spans="2:299" ht="19.5" customHeight="1" x14ac:dyDescent="0.2">
      <c r="B14" s="126" t="s">
        <v>10</v>
      </c>
      <c r="C14" s="315">
        <v>349</v>
      </c>
      <c r="D14" s="82">
        <v>206</v>
      </c>
      <c r="E14" s="83">
        <v>555</v>
      </c>
      <c r="F14" s="241"/>
      <c r="G14" s="82">
        <v>337</v>
      </c>
      <c r="H14" s="82">
        <v>198</v>
      </c>
      <c r="I14" s="82">
        <v>141</v>
      </c>
      <c r="J14" s="82">
        <v>143</v>
      </c>
      <c r="K14" s="82">
        <v>73</v>
      </c>
      <c r="L14" s="84">
        <v>892</v>
      </c>
      <c r="M14" s="85">
        <v>1447</v>
      </c>
      <c r="N14" s="70">
        <v>1</v>
      </c>
      <c r="O14" s="71">
        <v>2</v>
      </c>
      <c r="P14" s="72">
        <v>3</v>
      </c>
      <c r="Q14" s="241"/>
      <c r="R14" s="71">
        <v>5</v>
      </c>
      <c r="S14" s="71">
        <v>5</v>
      </c>
      <c r="T14" s="71">
        <v>2</v>
      </c>
      <c r="U14" s="71">
        <v>0</v>
      </c>
      <c r="V14" s="71">
        <v>1</v>
      </c>
      <c r="W14" s="72">
        <v>13</v>
      </c>
      <c r="X14" s="73">
        <v>16</v>
      </c>
      <c r="Y14" s="70">
        <v>10</v>
      </c>
      <c r="Z14" s="71">
        <v>9</v>
      </c>
      <c r="AA14" s="72">
        <v>19</v>
      </c>
      <c r="AB14" s="244"/>
      <c r="AC14" s="71">
        <v>15</v>
      </c>
      <c r="AD14" s="71">
        <v>5</v>
      </c>
      <c r="AE14" s="71">
        <v>3</v>
      </c>
      <c r="AF14" s="71">
        <v>9</v>
      </c>
      <c r="AG14" s="71">
        <v>3</v>
      </c>
      <c r="AH14" s="72">
        <v>35</v>
      </c>
      <c r="AI14" s="73">
        <v>54</v>
      </c>
      <c r="AJ14" s="70">
        <v>22</v>
      </c>
      <c r="AK14" s="71">
        <v>11</v>
      </c>
      <c r="AL14" s="72">
        <v>33</v>
      </c>
      <c r="AM14" s="244"/>
      <c r="AN14" s="71">
        <v>22</v>
      </c>
      <c r="AO14" s="71">
        <v>13</v>
      </c>
      <c r="AP14" s="71">
        <v>13</v>
      </c>
      <c r="AQ14" s="71">
        <v>10</v>
      </c>
      <c r="AR14" s="71">
        <v>5</v>
      </c>
      <c r="AS14" s="72">
        <v>63</v>
      </c>
      <c r="AT14" s="73">
        <v>96</v>
      </c>
      <c r="AU14" s="70">
        <v>83</v>
      </c>
      <c r="AV14" s="71">
        <v>45</v>
      </c>
      <c r="AW14" s="72">
        <v>128</v>
      </c>
      <c r="AX14" s="244"/>
      <c r="AY14" s="71">
        <v>69</v>
      </c>
      <c r="AZ14" s="71">
        <v>31</v>
      </c>
      <c r="BA14" s="71">
        <v>19</v>
      </c>
      <c r="BB14" s="71">
        <v>22</v>
      </c>
      <c r="BC14" s="71">
        <v>17</v>
      </c>
      <c r="BD14" s="72">
        <v>158</v>
      </c>
      <c r="BE14" s="73">
        <v>286</v>
      </c>
      <c r="BF14" s="70">
        <v>139</v>
      </c>
      <c r="BG14" s="71">
        <v>70</v>
      </c>
      <c r="BH14" s="72">
        <v>209</v>
      </c>
      <c r="BI14" s="244"/>
      <c r="BJ14" s="71">
        <v>102</v>
      </c>
      <c r="BK14" s="71">
        <v>60</v>
      </c>
      <c r="BL14" s="71">
        <v>40</v>
      </c>
      <c r="BM14" s="71">
        <v>49</v>
      </c>
      <c r="BN14" s="71">
        <v>21</v>
      </c>
      <c r="BO14" s="72">
        <v>272</v>
      </c>
      <c r="BP14" s="73">
        <v>481</v>
      </c>
      <c r="BQ14" s="70">
        <v>94</v>
      </c>
      <c r="BR14" s="71">
        <v>69</v>
      </c>
      <c r="BS14" s="72">
        <v>163</v>
      </c>
      <c r="BT14" s="244"/>
      <c r="BU14" s="71">
        <v>124</v>
      </c>
      <c r="BV14" s="71">
        <v>84</v>
      </c>
      <c r="BW14" s="71">
        <v>64</v>
      </c>
      <c r="BX14" s="71">
        <v>53</v>
      </c>
      <c r="BY14" s="71">
        <v>26</v>
      </c>
      <c r="BZ14" s="72">
        <v>351</v>
      </c>
      <c r="CA14" s="73">
        <v>514</v>
      </c>
      <c r="CB14" s="70">
        <v>0</v>
      </c>
      <c r="CC14" s="71">
        <v>0</v>
      </c>
      <c r="CD14" s="72">
        <v>0</v>
      </c>
      <c r="CE14" s="244"/>
      <c r="CF14" s="71">
        <v>0</v>
      </c>
      <c r="CG14" s="71">
        <v>0</v>
      </c>
      <c r="CH14" s="71">
        <v>0</v>
      </c>
      <c r="CI14" s="71">
        <v>0</v>
      </c>
      <c r="CJ14" s="71">
        <v>0</v>
      </c>
      <c r="CK14" s="72">
        <v>0</v>
      </c>
      <c r="CL14" s="73">
        <v>0</v>
      </c>
      <c r="CM14" s="70">
        <v>349</v>
      </c>
      <c r="CN14" s="71">
        <v>206</v>
      </c>
      <c r="CO14" s="72">
        <v>555</v>
      </c>
      <c r="CP14" s="244"/>
      <c r="CQ14" s="71">
        <v>337</v>
      </c>
      <c r="CR14" s="71">
        <v>198</v>
      </c>
      <c r="CS14" s="71">
        <v>141</v>
      </c>
      <c r="CT14" s="71">
        <v>143</v>
      </c>
      <c r="CU14" s="71">
        <v>73</v>
      </c>
      <c r="CV14" s="72">
        <v>892</v>
      </c>
      <c r="CW14" s="73">
        <v>1447</v>
      </c>
      <c r="CX14" s="123">
        <v>40</v>
      </c>
      <c r="CY14" s="82">
        <v>39</v>
      </c>
      <c r="CZ14" s="83">
        <v>79</v>
      </c>
      <c r="DA14" s="241"/>
      <c r="DB14" s="82">
        <v>52</v>
      </c>
      <c r="DC14" s="82">
        <v>22</v>
      </c>
      <c r="DD14" s="82">
        <v>22</v>
      </c>
      <c r="DE14" s="82">
        <v>16</v>
      </c>
      <c r="DF14" s="82">
        <v>18</v>
      </c>
      <c r="DG14" s="84">
        <v>130</v>
      </c>
      <c r="DH14" s="85">
        <v>209</v>
      </c>
      <c r="DI14" s="70">
        <v>0</v>
      </c>
      <c r="DJ14" s="71">
        <v>1</v>
      </c>
      <c r="DK14" s="72">
        <v>1</v>
      </c>
      <c r="DL14" s="244"/>
      <c r="DM14" s="71">
        <v>2</v>
      </c>
      <c r="DN14" s="71">
        <v>0</v>
      </c>
      <c r="DO14" s="71">
        <v>0</v>
      </c>
      <c r="DP14" s="71">
        <v>0</v>
      </c>
      <c r="DQ14" s="71">
        <v>0</v>
      </c>
      <c r="DR14" s="72">
        <v>2</v>
      </c>
      <c r="DS14" s="73">
        <v>3</v>
      </c>
      <c r="DT14" s="70">
        <v>1</v>
      </c>
      <c r="DU14" s="71">
        <v>0</v>
      </c>
      <c r="DV14" s="72">
        <v>1</v>
      </c>
      <c r="DW14" s="244"/>
      <c r="DX14" s="71">
        <v>2</v>
      </c>
      <c r="DY14" s="71">
        <v>1</v>
      </c>
      <c r="DZ14" s="71">
        <v>0</v>
      </c>
      <c r="EA14" s="71">
        <v>0</v>
      </c>
      <c r="EB14" s="71">
        <v>0</v>
      </c>
      <c r="EC14" s="72">
        <v>3</v>
      </c>
      <c r="ED14" s="73">
        <v>4</v>
      </c>
      <c r="EE14" s="70">
        <v>4</v>
      </c>
      <c r="EF14" s="71">
        <v>2</v>
      </c>
      <c r="EG14" s="72">
        <v>6</v>
      </c>
      <c r="EH14" s="244"/>
      <c r="EI14" s="71">
        <v>3</v>
      </c>
      <c r="EJ14" s="71">
        <v>2</v>
      </c>
      <c r="EK14" s="71">
        <v>1</v>
      </c>
      <c r="EL14" s="71">
        <v>1</v>
      </c>
      <c r="EM14" s="71">
        <v>1</v>
      </c>
      <c r="EN14" s="72">
        <v>8</v>
      </c>
      <c r="EO14" s="73">
        <v>14</v>
      </c>
      <c r="EP14" s="70">
        <v>9</v>
      </c>
      <c r="EQ14" s="71">
        <v>9</v>
      </c>
      <c r="ER14" s="72">
        <v>18</v>
      </c>
      <c r="ES14" s="244"/>
      <c r="ET14" s="71">
        <v>10</v>
      </c>
      <c r="EU14" s="71">
        <v>3</v>
      </c>
      <c r="EV14" s="71">
        <v>4</v>
      </c>
      <c r="EW14" s="71">
        <v>4</v>
      </c>
      <c r="EX14" s="71">
        <v>2</v>
      </c>
      <c r="EY14" s="72">
        <v>23</v>
      </c>
      <c r="EZ14" s="73">
        <v>41</v>
      </c>
      <c r="FA14" s="70">
        <v>18</v>
      </c>
      <c r="FB14" s="71">
        <v>16</v>
      </c>
      <c r="FC14" s="72">
        <v>34</v>
      </c>
      <c r="FD14" s="244"/>
      <c r="FE14" s="71">
        <v>15</v>
      </c>
      <c r="FF14" s="71">
        <v>4</v>
      </c>
      <c r="FG14" s="71">
        <v>7</v>
      </c>
      <c r="FH14" s="71">
        <v>3</v>
      </c>
      <c r="FI14" s="71">
        <v>4</v>
      </c>
      <c r="FJ14" s="72">
        <v>33</v>
      </c>
      <c r="FK14" s="73">
        <v>67</v>
      </c>
      <c r="FL14" s="70">
        <v>8</v>
      </c>
      <c r="FM14" s="71">
        <v>11</v>
      </c>
      <c r="FN14" s="72">
        <v>19</v>
      </c>
      <c r="FO14" s="244"/>
      <c r="FP14" s="71">
        <v>20</v>
      </c>
      <c r="FQ14" s="71">
        <v>12</v>
      </c>
      <c r="FR14" s="71">
        <v>10</v>
      </c>
      <c r="FS14" s="71">
        <v>8</v>
      </c>
      <c r="FT14" s="71">
        <v>11</v>
      </c>
      <c r="FU14" s="72">
        <v>61</v>
      </c>
      <c r="FV14" s="73">
        <v>80</v>
      </c>
      <c r="FW14" s="70">
        <v>0</v>
      </c>
      <c r="FX14" s="71">
        <v>0</v>
      </c>
      <c r="FY14" s="72">
        <v>0</v>
      </c>
      <c r="FZ14" s="244"/>
      <c r="GA14" s="71">
        <v>0</v>
      </c>
      <c r="GB14" s="71">
        <v>0</v>
      </c>
      <c r="GC14" s="71">
        <v>0</v>
      </c>
      <c r="GD14" s="71">
        <v>0</v>
      </c>
      <c r="GE14" s="71">
        <v>0</v>
      </c>
      <c r="GF14" s="72">
        <v>0</v>
      </c>
      <c r="GG14" s="73">
        <v>0</v>
      </c>
      <c r="GH14" s="70">
        <v>40</v>
      </c>
      <c r="GI14" s="71">
        <v>39</v>
      </c>
      <c r="GJ14" s="72">
        <v>79</v>
      </c>
      <c r="GK14" s="244"/>
      <c r="GL14" s="71">
        <v>52</v>
      </c>
      <c r="GM14" s="71">
        <v>22</v>
      </c>
      <c r="GN14" s="71">
        <v>22</v>
      </c>
      <c r="GO14" s="71">
        <v>16</v>
      </c>
      <c r="GP14" s="71">
        <v>18</v>
      </c>
      <c r="GQ14" s="72">
        <v>130</v>
      </c>
      <c r="GR14" s="73">
        <v>209</v>
      </c>
      <c r="GS14" s="123">
        <v>389</v>
      </c>
      <c r="GT14" s="82">
        <v>245</v>
      </c>
      <c r="GU14" s="83">
        <v>634</v>
      </c>
      <c r="GV14" s="241"/>
      <c r="GW14" s="82">
        <v>389</v>
      </c>
      <c r="GX14" s="82">
        <v>220</v>
      </c>
      <c r="GY14" s="82">
        <v>163</v>
      </c>
      <c r="GZ14" s="82">
        <v>159</v>
      </c>
      <c r="HA14" s="82">
        <v>91</v>
      </c>
      <c r="HB14" s="84">
        <v>1022</v>
      </c>
      <c r="HC14" s="85">
        <v>1656</v>
      </c>
      <c r="HD14" s="70">
        <v>1</v>
      </c>
      <c r="HE14" s="71">
        <v>3</v>
      </c>
      <c r="HF14" s="72">
        <v>4</v>
      </c>
      <c r="HG14" s="244"/>
      <c r="HH14" s="71">
        <v>7</v>
      </c>
      <c r="HI14" s="71">
        <v>5</v>
      </c>
      <c r="HJ14" s="71">
        <v>2</v>
      </c>
      <c r="HK14" s="71">
        <v>0</v>
      </c>
      <c r="HL14" s="71">
        <v>1</v>
      </c>
      <c r="HM14" s="72">
        <v>15</v>
      </c>
      <c r="HN14" s="73">
        <v>19</v>
      </c>
      <c r="HO14" s="70">
        <v>11</v>
      </c>
      <c r="HP14" s="71">
        <v>9</v>
      </c>
      <c r="HQ14" s="72">
        <v>20</v>
      </c>
      <c r="HR14" s="244"/>
      <c r="HS14" s="71">
        <v>17</v>
      </c>
      <c r="HT14" s="71">
        <v>6</v>
      </c>
      <c r="HU14" s="71">
        <v>3</v>
      </c>
      <c r="HV14" s="71">
        <v>9</v>
      </c>
      <c r="HW14" s="71">
        <v>3</v>
      </c>
      <c r="HX14" s="72">
        <v>38</v>
      </c>
      <c r="HY14" s="73">
        <v>58</v>
      </c>
      <c r="HZ14" s="70">
        <v>26</v>
      </c>
      <c r="IA14" s="71">
        <v>13</v>
      </c>
      <c r="IB14" s="72">
        <v>39</v>
      </c>
      <c r="IC14" s="244"/>
      <c r="ID14" s="71">
        <v>25</v>
      </c>
      <c r="IE14" s="71">
        <v>15</v>
      </c>
      <c r="IF14" s="71">
        <v>14</v>
      </c>
      <c r="IG14" s="71">
        <v>11</v>
      </c>
      <c r="IH14" s="71">
        <v>6</v>
      </c>
      <c r="II14" s="72">
        <v>71</v>
      </c>
      <c r="IJ14" s="73">
        <v>110</v>
      </c>
      <c r="IK14" s="70">
        <v>92</v>
      </c>
      <c r="IL14" s="71">
        <v>54</v>
      </c>
      <c r="IM14" s="72">
        <v>146</v>
      </c>
      <c r="IN14" s="244"/>
      <c r="IO14" s="71">
        <v>79</v>
      </c>
      <c r="IP14" s="71">
        <v>34</v>
      </c>
      <c r="IQ14" s="71">
        <v>23</v>
      </c>
      <c r="IR14" s="71">
        <v>26</v>
      </c>
      <c r="IS14" s="71">
        <v>19</v>
      </c>
      <c r="IT14" s="72">
        <v>181</v>
      </c>
      <c r="IU14" s="73">
        <v>327</v>
      </c>
      <c r="IV14" s="70">
        <v>157</v>
      </c>
      <c r="IW14" s="71">
        <v>86</v>
      </c>
      <c r="IX14" s="72">
        <v>243</v>
      </c>
      <c r="IY14" s="244"/>
      <c r="IZ14" s="71">
        <v>117</v>
      </c>
      <c r="JA14" s="71">
        <v>64</v>
      </c>
      <c r="JB14" s="71">
        <v>47</v>
      </c>
      <c r="JC14" s="71">
        <v>52</v>
      </c>
      <c r="JD14" s="71">
        <v>25</v>
      </c>
      <c r="JE14" s="72">
        <v>305</v>
      </c>
      <c r="JF14" s="73">
        <v>548</v>
      </c>
      <c r="JG14" s="70">
        <v>102</v>
      </c>
      <c r="JH14" s="71">
        <v>80</v>
      </c>
      <c r="JI14" s="72">
        <v>182</v>
      </c>
      <c r="JJ14" s="244"/>
      <c r="JK14" s="71">
        <v>144</v>
      </c>
      <c r="JL14" s="71">
        <v>96</v>
      </c>
      <c r="JM14" s="71">
        <v>74</v>
      </c>
      <c r="JN14" s="71">
        <v>61</v>
      </c>
      <c r="JO14" s="71">
        <v>37</v>
      </c>
      <c r="JP14" s="72">
        <v>412</v>
      </c>
      <c r="JQ14" s="73">
        <v>594</v>
      </c>
      <c r="JR14" s="70">
        <v>0</v>
      </c>
      <c r="JS14" s="71">
        <v>0</v>
      </c>
      <c r="JT14" s="72">
        <v>0</v>
      </c>
      <c r="JU14" s="244"/>
      <c r="JV14" s="71">
        <v>0</v>
      </c>
      <c r="JW14" s="71">
        <v>0</v>
      </c>
      <c r="JX14" s="71">
        <v>0</v>
      </c>
      <c r="JY14" s="71">
        <v>0</v>
      </c>
      <c r="JZ14" s="71">
        <v>0</v>
      </c>
      <c r="KA14" s="72">
        <v>0</v>
      </c>
      <c r="KB14" s="73">
        <v>0</v>
      </c>
      <c r="KC14" s="70">
        <v>389</v>
      </c>
      <c r="KD14" s="71">
        <v>245</v>
      </c>
      <c r="KE14" s="72">
        <v>634</v>
      </c>
      <c r="KF14" s="244"/>
      <c r="KG14" s="71">
        <v>389</v>
      </c>
      <c r="KH14" s="71">
        <v>220</v>
      </c>
      <c r="KI14" s="71">
        <v>163</v>
      </c>
      <c r="KJ14" s="71">
        <v>159</v>
      </c>
      <c r="KK14" s="71">
        <v>91</v>
      </c>
      <c r="KL14" s="72">
        <v>1022</v>
      </c>
      <c r="KM14" s="73">
        <v>1656</v>
      </c>
    </row>
    <row r="15" spans="2:299" ht="19.5" customHeight="1" x14ac:dyDescent="0.2">
      <c r="B15" s="126" t="s">
        <v>11</v>
      </c>
      <c r="C15" s="315">
        <v>92</v>
      </c>
      <c r="D15" s="82">
        <v>57</v>
      </c>
      <c r="E15" s="83">
        <v>149</v>
      </c>
      <c r="F15" s="241"/>
      <c r="G15" s="82">
        <v>130</v>
      </c>
      <c r="H15" s="82">
        <v>80</v>
      </c>
      <c r="I15" s="82">
        <v>65</v>
      </c>
      <c r="J15" s="82">
        <v>57</v>
      </c>
      <c r="K15" s="82">
        <v>22</v>
      </c>
      <c r="L15" s="84">
        <v>354</v>
      </c>
      <c r="M15" s="85">
        <v>503</v>
      </c>
      <c r="N15" s="70">
        <v>5</v>
      </c>
      <c r="O15" s="71">
        <v>1</v>
      </c>
      <c r="P15" s="72">
        <v>6</v>
      </c>
      <c r="Q15" s="241"/>
      <c r="R15" s="71">
        <v>5</v>
      </c>
      <c r="S15" s="71">
        <v>1</v>
      </c>
      <c r="T15" s="71">
        <v>1</v>
      </c>
      <c r="U15" s="71">
        <v>1</v>
      </c>
      <c r="V15" s="71">
        <v>0</v>
      </c>
      <c r="W15" s="72">
        <v>8</v>
      </c>
      <c r="X15" s="73">
        <v>14</v>
      </c>
      <c r="Y15" s="70">
        <v>9</v>
      </c>
      <c r="Z15" s="71">
        <v>6</v>
      </c>
      <c r="AA15" s="72">
        <v>15</v>
      </c>
      <c r="AB15" s="244"/>
      <c r="AC15" s="71">
        <v>8</v>
      </c>
      <c r="AD15" s="71">
        <v>2</v>
      </c>
      <c r="AE15" s="71">
        <v>3</v>
      </c>
      <c r="AF15" s="71">
        <v>4</v>
      </c>
      <c r="AG15" s="71">
        <v>3</v>
      </c>
      <c r="AH15" s="72">
        <v>20</v>
      </c>
      <c r="AI15" s="73">
        <v>35</v>
      </c>
      <c r="AJ15" s="70">
        <v>3</v>
      </c>
      <c r="AK15" s="71">
        <v>2</v>
      </c>
      <c r="AL15" s="72">
        <v>5</v>
      </c>
      <c r="AM15" s="244"/>
      <c r="AN15" s="71">
        <v>7</v>
      </c>
      <c r="AO15" s="71">
        <v>6</v>
      </c>
      <c r="AP15" s="71">
        <v>6</v>
      </c>
      <c r="AQ15" s="71">
        <v>4</v>
      </c>
      <c r="AR15" s="71">
        <v>1</v>
      </c>
      <c r="AS15" s="72">
        <v>24</v>
      </c>
      <c r="AT15" s="73">
        <v>29</v>
      </c>
      <c r="AU15" s="70">
        <v>15</v>
      </c>
      <c r="AV15" s="71">
        <v>13</v>
      </c>
      <c r="AW15" s="72">
        <v>28</v>
      </c>
      <c r="AX15" s="244"/>
      <c r="AY15" s="71">
        <v>25</v>
      </c>
      <c r="AZ15" s="71">
        <v>20</v>
      </c>
      <c r="BA15" s="71">
        <v>6</v>
      </c>
      <c r="BB15" s="71">
        <v>10</v>
      </c>
      <c r="BC15" s="71">
        <v>7</v>
      </c>
      <c r="BD15" s="72">
        <v>68</v>
      </c>
      <c r="BE15" s="73">
        <v>96</v>
      </c>
      <c r="BF15" s="70">
        <v>34</v>
      </c>
      <c r="BG15" s="71">
        <v>18</v>
      </c>
      <c r="BH15" s="72">
        <v>52</v>
      </c>
      <c r="BI15" s="244"/>
      <c r="BJ15" s="71">
        <v>36</v>
      </c>
      <c r="BK15" s="71">
        <v>22</v>
      </c>
      <c r="BL15" s="71">
        <v>19</v>
      </c>
      <c r="BM15" s="71">
        <v>21</v>
      </c>
      <c r="BN15" s="71">
        <v>6</v>
      </c>
      <c r="BO15" s="72">
        <v>104</v>
      </c>
      <c r="BP15" s="73">
        <v>156</v>
      </c>
      <c r="BQ15" s="70">
        <v>26</v>
      </c>
      <c r="BR15" s="71">
        <v>17</v>
      </c>
      <c r="BS15" s="72">
        <v>43</v>
      </c>
      <c r="BT15" s="244"/>
      <c r="BU15" s="71">
        <v>49</v>
      </c>
      <c r="BV15" s="71">
        <v>29</v>
      </c>
      <c r="BW15" s="71">
        <v>30</v>
      </c>
      <c r="BX15" s="71">
        <v>17</v>
      </c>
      <c r="BY15" s="71">
        <v>5</v>
      </c>
      <c r="BZ15" s="72">
        <v>130</v>
      </c>
      <c r="CA15" s="73">
        <v>173</v>
      </c>
      <c r="CB15" s="70">
        <v>0</v>
      </c>
      <c r="CC15" s="71">
        <v>0</v>
      </c>
      <c r="CD15" s="72">
        <v>0</v>
      </c>
      <c r="CE15" s="244"/>
      <c r="CF15" s="71">
        <v>0</v>
      </c>
      <c r="CG15" s="71">
        <v>0</v>
      </c>
      <c r="CH15" s="71">
        <v>0</v>
      </c>
      <c r="CI15" s="71">
        <v>0</v>
      </c>
      <c r="CJ15" s="71">
        <v>0</v>
      </c>
      <c r="CK15" s="72">
        <v>0</v>
      </c>
      <c r="CL15" s="73">
        <v>0</v>
      </c>
      <c r="CM15" s="70">
        <v>92</v>
      </c>
      <c r="CN15" s="71">
        <v>57</v>
      </c>
      <c r="CO15" s="72">
        <v>149</v>
      </c>
      <c r="CP15" s="244"/>
      <c r="CQ15" s="71">
        <v>130</v>
      </c>
      <c r="CR15" s="71">
        <v>80</v>
      </c>
      <c r="CS15" s="71">
        <v>65</v>
      </c>
      <c r="CT15" s="71">
        <v>57</v>
      </c>
      <c r="CU15" s="71">
        <v>22</v>
      </c>
      <c r="CV15" s="72">
        <v>354</v>
      </c>
      <c r="CW15" s="73">
        <v>503</v>
      </c>
      <c r="CX15" s="123">
        <v>15</v>
      </c>
      <c r="CY15" s="82">
        <v>13</v>
      </c>
      <c r="CZ15" s="83">
        <v>28</v>
      </c>
      <c r="DA15" s="241"/>
      <c r="DB15" s="82">
        <v>11</v>
      </c>
      <c r="DC15" s="82">
        <v>16</v>
      </c>
      <c r="DD15" s="82">
        <v>13</v>
      </c>
      <c r="DE15" s="82">
        <v>16</v>
      </c>
      <c r="DF15" s="82">
        <v>7</v>
      </c>
      <c r="DG15" s="84">
        <v>63</v>
      </c>
      <c r="DH15" s="85">
        <v>91</v>
      </c>
      <c r="DI15" s="70">
        <v>0</v>
      </c>
      <c r="DJ15" s="71">
        <v>0</v>
      </c>
      <c r="DK15" s="72">
        <v>0</v>
      </c>
      <c r="DL15" s="244"/>
      <c r="DM15" s="71">
        <v>0</v>
      </c>
      <c r="DN15" s="71">
        <v>0</v>
      </c>
      <c r="DO15" s="71">
        <v>0</v>
      </c>
      <c r="DP15" s="71">
        <v>0</v>
      </c>
      <c r="DQ15" s="71">
        <v>0</v>
      </c>
      <c r="DR15" s="72">
        <v>0</v>
      </c>
      <c r="DS15" s="73">
        <v>0</v>
      </c>
      <c r="DT15" s="70">
        <v>0</v>
      </c>
      <c r="DU15" s="71">
        <v>3</v>
      </c>
      <c r="DV15" s="72">
        <v>3</v>
      </c>
      <c r="DW15" s="244"/>
      <c r="DX15" s="71">
        <v>1</v>
      </c>
      <c r="DY15" s="71">
        <v>1</v>
      </c>
      <c r="DZ15" s="71">
        <v>0</v>
      </c>
      <c r="EA15" s="71">
        <v>1</v>
      </c>
      <c r="EB15" s="71">
        <v>0</v>
      </c>
      <c r="EC15" s="72">
        <v>3</v>
      </c>
      <c r="ED15" s="73">
        <v>6</v>
      </c>
      <c r="EE15" s="70">
        <v>0</v>
      </c>
      <c r="EF15" s="71">
        <v>0</v>
      </c>
      <c r="EG15" s="72">
        <v>0</v>
      </c>
      <c r="EH15" s="244"/>
      <c r="EI15" s="71">
        <v>0</v>
      </c>
      <c r="EJ15" s="71">
        <v>3</v>
      </c>
      <c r="EK15" s="71">
        <v>1</v>
      </c>
      <c r="EL15" s="71">
        <v>0</v>
      </c>
      <c r="EM15" s="71">
        <v>0</v>
      </c>
      <c r="EN15" s="72">
        <v>4</v>
      </c>
      <c r="EO15" s="73">
        <v>4</v>
      </c>
      <c r="EP15" s="70">
        <v>7</v>
      </c>
      <c r="EQ15" s="71">
        <v>1</v>
      </c>
      <c r="ER15" s="72">
        <v>8</v>
      </c>
      <c r="ES15" s="244"/>
      <c r="ET15" s="71">
        <v>1</v>
      </c>
      <c r="EU15" s="71">
        <v>1</v>
      </c>
      <c r="EV15" s="71">
        <v>0</v>
      </c>
      <c r="EW15" s="71">
        <v>0</v>
      </c>
      <c r="EX15" s="71">
        <v>1</v>
      </c>
      <c r="EY15" s="72">
        <v>3</v>
      </c>
      <c r="EZ15" s="73">
        <v>11</v>
      </c>
      <c r="FA15" s="70">
        <v>3</v>
      </c>
      <c r="FB15" s="71">
        <v>8</v>
      </c>
      <c r="FC15" s="72">
        <v>11</v>
      </c>
      <c r="FD15" s="244"/>
      <c r="FE15" s="71">
        <v>5</v>
      </c>
      <c r="FF15" s="71">
        <v>7</v>
      </c>
      <c r="FG15" s="71">
        <v>2</v>
      </c>
      <c r="FH15" s="71">
        <v>5</v>
      </c>
      <c r="FI15" s="71">
        <v>4</v>
      </c>
      <c r="FJ15" s="72">
        <v>23</v>
      </c>
      <c r="FK15" s="73">
        <v>34</v>
      </c>
      <c r="FL15" s="70">
        <v>5</v>
      </c>
      <c r="FM15" s="71">
        <v>1</v>
      </c>
      <c r="FN15" s="72">
        <v>6</v>
      </c>
      <c r="FO15" s="244"/>
      <c r="FP15" s="71">
        <v>4</v>
      </c>
      <c r="FQ15" s="71">
        <v>4</v>
      </c>
      <c r="FR15" s="71">
        <v>10</v>
      </c>
      <c r="FS15" s="71">
        <v>10</v>
      </c>
      <c r="FT15" s="71">
        <v>2</v>
      </c>
      <c r="FU15" s="72">
        <v>30</v>
      </c>
      <c r="FV15" s="73">
        <v>36</v>
      </c>
      <c r="FW15" s="70">
        <v>0</v>
      </c>
      <c r="FX15" s="71">
        <v>0</v>
      </c>
      <c r="FY15" s="72">
        <v>0</v>
      </c>
      <c r="FZ15" s="244"/>
      <c r="GA15" s="71">
        <v>0</v>
      </c>
      <c r="GB15" s="71">
        <v>0</v>
      </c>
      <c r="GC15" s="71">
        <v>0</v>
      </c>
      <c r="GD15" s="71">
        <v>0</v>
      </c>
      <c r="GE15" s="71">
        <v>0</v>
      </c>
      <c r="GF15" s="72">
        <v>0</v>
      </c>
      <c r="GG15" s="73">
        <v>0</v>
      </c>
      <c r="GH15" s="70">
        <v>15</v>
      </c>
      <c r="GI15" s="71">
        <v>13</v>
      </c>
      <c r="GJ15" s="72">
        <v>28</v>
      </c>
      <c r="GK15" s="244"/>
      <c r="GL15" s="71">
        <v>11</v>
      </c>
      <c r="GM15" s="71">
        <v>16</v>
      </c>
      <c r="GN15" s="71">
        <v>13</v>
      </c>
      <c r="GO15" s="71">
        <v>16</v>
      </c>
      <c r="GP15" s="71">
        <v>7</v>
      </c>
      <c r="GQ15" s="72">
        <v>63</v>
      </c>
      <c r="GR15" s="73">
        <v>91</v>
      </c>
      <c r="GS15" s="123">
        <v>107</v>
      </c>
      <c r="GT15" s="82">
        <v>70</v>
      </c>
      <c r="GU15" s="83">
        <v>177</v>
      </c>
      <c r="GV15" s="241"/>
      <c r="GW15" s="82">
        <v>141</v>
      </c>
      <c r="GX15" s="82">
        <v>96</v>
      </c>
      <c r="GY15" s="82">
        <v>78</v>
      </c>
      <c r="GZ15" s="82">
        <v>73</v>
      </c>
      <c r="HA15" s="82">
        <v>29</v>
      </c>
      <c r="HB15" s="84">
        <v>417</v>
      </c>
      <c r="HC15" s="85">
        <v>594</v>
      </c>
      <c r="HD15" s="70">
        <v>5</v>
      </c>
      <c r="HE15" s="71">
        <v>1</v>
      </c>
      <c r="HF15" s="72">
        <v>6</v>
      </c>
      <c r="HG15" s="244"/>
      <c r="HH15" s="71">
        <v>5</v>
      </c>
      <c r="HI15" s="71">
        <v>1</v>
      </c>
      <c r="HJ15" s="71">
        <v>1</v>
      </c>
      <c r="HK15" s="71">
        <v>1</v>
      </c>
      <c r="HL15" s="71">
        <v>0</v>
      </c>
      <c r="HM15" s="72">
        <v>8</v>
      </c>
      <c r="HN15" s="73">
        <v>14</v>
      </c>
      <c r="HO15" s="70">
        <v>9</v>
      </c>
      <c r="HP15" s="71">
        <v>9</v>
      </c>
      <c r="HQ15" s="72">
        <v>18</v>
      </c>
      <c r="HR15" s="244"/>
      <c r="HS15" s="71">
        <v>9</v>
      </c>
      <c r="HT15" s="71">
        <v>3</v>
      </c>
      <c r="HU15" s="71">
        <v>3</v>
      </c>
      <c r="HV15" s="71">
        <v>5</v>
      </c>
      <c r="HW15" s="71">
        <v>3</v>
      </c>
      <c r="HX15" s="72">
        <v>23</v>
      </c>
      <c r="HY15" s="73">
        <v>41</v>
      </c>
      <c r="HZ15" s="70">
        <v>3</v>
      </c>
      <c r="IA15" s="71">
        <v>2</v>
      </c>
      <c r="IB15" s="72">
        <v>5</v>
      </c>
      <c r="IC15" s="244"/>
      <c r="ID15" s="71">
        <v>7</v>
      </c>
      <c r="IE15" s="71">
        <v>9</v>
      </c>
      <c r="IF15" s="71">
        <v>7</v>
      </c>
      <c r="IG15" s="71">
        <v>4</v>
      </c>
      <c r="IH15" s="71">
        <v>1</v>
      </c>
      <c r="II15" s="72">
        <v>28</v>
      </c>
      <c r="IJ15" s="73">
        <v>33</v>
      </c>
      <c r="IK15" s="70">
        <v>22</v>
      </c>
      <c r="IL15" s="71">
        <v>14</v>
      </c>
      <c r="IM15" s="72">
        <v>36</v>
      </c>
      <c r="IN15" s="244"/>
      <c r="IO15" s="71">
        <v>26</v>
      </c>
      <c r="IP15" s="71">
        <v>21</v>
      </c>
      <c r="IQ15" s="71">
        <v>6</v>
      </c>
      <c r="IR15" s="71">
        <v>10</v>
      </c>
      <c r="IS15" s="71">
        <v>8</v>
      </c>
      <c r="IT15" s="72">
        <v>71</v>
      </c>
      <c r="IU15" s="73">
        <v>107</v>
      </c>
      <c r="IV15" s="70">
        <v>37</v>
      </c>
      <c r="IW15" s="71">
        <v>26</v>
      </c>
      <c r="IX15" s="72">
        <v>63</v>
      </c>
      <c r="IY15" s="244"/>
      <c r="IZ15" s="71">
        <v>41</v>
      </c>
      <c r="JA15" s="71">
        <v>29</v>
      </c>
      <c r="JB15" s="71">
        <v>21</v>
      </c>
      <c r="JC15" s="71">
        <v>26</v>
      </c>
      <c r="JD15" s="71">
        <v>10</v>
      </c>
      <c r="JE15" s="72">
        <v>127</v>
      </c>
      <c r="JF15" s="73">
        <v>190</v>
      </c>
      <c r="JG15" s="70">
        <v>31</v>
      </c>
      <c r="JH15" s="71">
        <v>18</v>
      </c>
      <c r="JI15" s="72">
        <v>49</v>
      </c>
      <c r="JJ15" s="244"/>
      <c r="JK15" s="71">
        <v>53</v>
      </c>
      <c r="JL15" s="71">
        <v>33</v>
      </c>
      <c r="JM15" s="71">
        <v>40</v>
      </c>
      <c r="JN15" s="71">
        <v>27</v>
      </c>
      <c r="JO15" s="71">
        <v>7</v>
      </c>
      <c r="JP15" s="72">
        <v>160</v>
      </c>
      <c r="JQ15" s="73">
        <v>209</v>
      </c>
      <c r="JR15" s="70">
        <v>0</v>
      </c>
      <c r="JS15" s="71">
        <v>0</v>
      </c>
      <c r="JT15" s="72">
        <v>0</v>
      </c>
      <c r="JU15" s="244"/>
      <c r="JV15" s="71">
        <v>0</v>
      </c>
      <c r="JW15" s="71">
        <v>0</v>
      </c>
      <c r="JX15" s="71">
        <v>0</v>
      </c>
      <c r="JY15" s="71">
        <v>0</v>
      </c>
      <c r="JZ15" s="71">
        <v>0</v>
      </c>
      <c r="KA15" s="72">
        <v>0</v>
      </c>
      <c r="KB15" s="73">
        <v>0</v>
      </c>
      <c r="KC15" s="70">
        <v>107</v>
      </c>
      <c r="KD15" s="71">
        <v>70</v>
      </c>
      <c r="KE15" s="72">
        <v>177</v>
      </c>
      <c r="KF15" s="244"/>
      <c r="KG15" s="71">
        <v>141</v>
      </c>
      <c r="KH15" s="71">
        <v>96</v>
      </c>
      <c r="KI15" s="71">
        <v>78</v>
      </c>
      <c r="KJ15" s="71">
        <v>73</v>
      </c>
      <c r="KK15" s="71">
        <v>29</v>
      </c>
      <c r="KL15" s="72">
        <v>417</v>
      </c>
      <c r="KM15" s="73">
        <v>594</v>
      </c>
    </row>
    <row r="16" spans="2:299" ht="19.5" customHeight="1" x14ac:dyDescent="0.2">
      <c r="B16" s="126" t="s">
        <v>12</v>
      </c>
      <c r="C16" s="315">
        <v>156</v>
      </c>
      <c r="D16" s="82">
        <v>121</v>
      </c>
      <c r="E16" s="83">
        <v>277</v>
      </c>
      <c r="F16" s="241"/>
      <c r="G16" s="82">
        <v>158</v>
      </c>
      <c r="H16" s="82">
        <v>127</v>
      </c>
      <c r="I16" s="82">
        <v>98</v>
      </c>
      <c r="J16" s="82">
        <v>90</v>
      </c>
      <c r="K16" s="82">
        <v>39</v>
      </c>
      <c r="L16" s="84">
        <v>512</v>
      </c>
      <c r="M16" s="85">
        <v>789</v>
      </c>
      <c r="N16" s="86">
        <v>3</v>
      </c>
      <c r="O16" s="71">
        <v>3</v>
      </c>
      <c r="P16" s="72">
        <v>6</v>
      </c>
      <c r="Q16" s="241"/>
      <c r="R16" s="71">
        <v>1</v>
      </c>
      <c r="S16" s="71">
        <v>1</v>
      </c>
      <c r="T16" s="71">
        <v>1</v>
      </c>
      <c r="U16" s="71">
        <v>1</v>
      </c>
      <c r="V16" s="71">
        <v>2</v>
      </c>
      <c r="W16" s="72">
        <v>6</v>
      </c>
      <c r="X16" s="73">
        <v>12</v>
      </c>
      <c r="Y16" s="70">
        <v>6</v>
      </c>
      <c r="Z16" s="71">
        <v>9</v>
      </c>
      <c r="AA16" s="72">
        <v>15</v>
      </c>
      <c r="AB16" s="244"/>
      <c r="AC16" s="71">
        <v>3</v>
      </c>
      <c r="AD16" s="71">
        <v>8</v>
      </c>
      <c r="AE16" s="71">
        <v>5</v>
      </c>
      <c r="AF16" s="71">
        <v>1</v>
      </c>
      <c r="AG16" s="71">
        <v>4</v>
      </c>
      <c r="AH16" s="72">
        <v>21</v>
      </c>
      <c r="AI16" s="73">
        <v>36</v>
      </c>
      <c r="AJ16" s="86">
        <v>13</v>
      </c>
      <c r="AK16" s="71">
        <v>12</v>
      </c>
      <c r="AL16" s="72">
        <v>25</v>
      </c>
      <c r="AM16" s="244"/>
      <c r="AN16" s="71">
        <v>9</v>
      </c>
      <c r="AO16" s="71">
        <v>5</v>
      </c>
      <c r="AP16" s="71">
        <v>9</v>
      </c>
      <c r="AQ16" s="71">
        <v>6</v>
      </c>
      <c r="AR16" s="71">
        <v>4</v>
      </c>
      <c r="AS16" s="72">
        <v>33</v>
      </c>
      <c r="AT16" s="73">
        <v>58</v>
      </c>
      <c r="AU16" s="70">
        <v>29</v>
      </c>
      <c r="AV16" s="71">
        <v>20</v>
      </c>
      <c r="AW16" s="72">
        <v>49</v>
      </c>
      <c r="AX16" s="244"/>
      <c r="AY16" s="71">
        <v>31</v>
      </c>
      <c r="AZ16" s="71">
        <v>29</v>
      </c>
      <c r="BA16" s="71">
        <v>12</v>
      </c>
      <c r="BB16" s="71">
        <v>15</v>
      </c>
      <c r="BC16" s="71">
        <v>10</v>
      </c>
      <c r="BD16" s="72">
        <v>97</v>
      </c>
      <c r="BE16" s="73">
        <v>146</v>
      </c>
      <c r="BF16" s="86">
        <v>57</v>
      </c>
      <c r="BG16" s="71">
        <v>28</v>
      </c>
      <c r="BH16" s="72">
        <v>85</v>
      </c>
      <c r="BI16" s="244"/>
      <c r="BJ16" s="71">
        <v>60</v>
      </c>
      <c r="BK16" s="71">
        <v>38</v>
      </c>
      <c r="BL16" s="71">
        <v>32</v>
      </c>
      <c r="BM16" s="71">
        <v>26</v>
      </c>
      <c r="BN16" s="71">
        <v>11</v>
      </c>
      <c r="BO16" s="72">
        <v>167</v>
      </c>
      <c r="BP16" s="73">
        <v>252</v>
      </c>
      <c r="BQ16" s="70">
        <v>48</v>
      </c>
      <c r="BR16" s="71">
        <v>49</v>
      </c>
      <c r="BS16" s="72">
        <v>97</v>
      </c>
      <c r="BT16" s="244"/>
      <c r="BU16" s="71">
        <v>54</v>
      </c>
      <c r="BV16" s="71">
        <v>46</v>
      </c>
      <c r="BW16" s="71">
        <v>39</v>
      </c>
      <c r="BX16" s="71">
        <v>41</v>
      </c>
      <c r="BY16" s="71">
        <v>8</v>
      </c>
      <c r="BZ16" s="72">
        <v>188</v>
      </c>
      <c r="CA16" s="73">
        <v>285</v>
      </c>
      <c r="CB16" s="70">
        <v>0</v>
      </c>
      <c r="CC16" s="71">
        <v>0</v>
      </c>
      <c r="CD16" s="72">
        <v>0</v>
      </c>
      <c r="CE16" s="244"/>
      <c r="CF16" s="71">
        <v>0</v>
      </c>
      <c r="CG16" s="71">
        <v>0</v>
      </c>
      <c r="CH16" s="71">
        <v>0</v>
      </c>
      <c r="CI16" s="71">
        <v>0</v>
      </c>
      <c r="CJ16" s="71">
        <v>0</v>
      </c>
      <c r="CK16" s="72">
        <v>0</v>
      </c>
      <c r="CL16" s="73">
        <v>0</v>
      </c>
      <c r="CM16" s="70">
        <v>156</v>
      </c>
      <c r="CN16" s="71">
        <v>121</v>
      </c>
      <c r="CO16" s="72">
        <v>277</v>
      </c>
      <c r="CP16" s="244"/>
      <c r="CQ16" s="71">
        <v>158</v>
      </c>
      <c r="CR16" s="71">
        <v>127</v>
      </c>
      <c r="CS16" s="71">
        <v>98</v>
      </c>
      <c r="CT16" s="71">
        <v>90</v>
      </c>
      <c r="CU16" s="71">
        <v>39</v>
      </c>
      <c r="CV16" s="72">
        <v>512</v>
      </c>
      <c r="CW16" s="73">
        <v>789</v>
      </c>
      <c r="CX16" s="123">
        <v>13</v>
      </c>
      <c r="CY16" s="82">
        <v>22</v>
      </c>
      <c r="CZ16" s="83">
        <v>35</v>
      </c>
      <c r="DA16" s="241"/>
      <c r="DB16" s="82">
        <v>20</v>
      </c>
      <c r="DC16" s="82">
        <v>5</v>
      </c>
      <c r="DD16" s="82">
        <v>14</v>
      </c>
      <c r="DE16" s="82">
        <v>16</v>
      </c>
      <c r="DF16" s="82">
        <v>8</v>
      </c>
      <c r="DG16" s="84">
        <v>63</v>
      </c>
      <c r="DH16" s="85">
        <v>98</v>
      </c>
      <c r="DI16" s="86">
        <v>0</v>
      </c>
      <c r="DJ16" s="71">
        <v>0</v>
      </c>
      <c r="DK16" s="72">
        <v>0</v>
      </c>
      <c r="DL16" s="244"/>
      <c r="DM16" s="71">
        <v>0</v>
      </c>
      <c r="DN16" s="71">
        <v>0</v>
      </c>
      <c r="DO16" s="71">
        <v>0</v>
      </c>
      <c r="DP16" s="71">
        <v>0</v>
      </c>
      <c r="DQ16" s="71">
        <v>0</v>
      </c>
      <c r="DR16" s="72">
        <v>0</v>
      </c>
      <c r="DS16" s="73">
        <v>0</v>
      </c>
      <c r="DT16" s="70">
        <v>1</v>
      </c>
      <c r="DU16" s="71">
        <v>1</v>
      </c>
      <c r="DV16" s="72">
        <v>2</v>
      </c>
      <c r="DW16" s="244"/>
      <c r="DX16" s="71">
        <v>2</v>
      </c>
      <c r="DY16" s="71">
        <v>0</v>
      </c>
      <c r="DZ16" s="71">
        <v>2</v>
      </c>
      <c r="EA16" s="71">
        <v>0</v>
      </c>
      <c r="EB16" s="71">
        <v>1</v>
      </c>
      <c r="EC16" s="72">
        <v>5</v>
      </c>
      <c r="ED16" s="73">
        <v>7</v>
      </c>
      <c r="EE16" s="86">
        <v>2</v>
      </c>
      <c r="EF16" s="71">
        <v>1</v>
      </c>
      <c r="EG16" s="72">
        <v>3</v>
      </c>
      <c r="EH16" s="244"/>
      <c r="EI16" s="71">
        <v>2</v>
      </c>
      <c r="EJ16" s="71">
        <v>1</v>
      </c>
      <c r="EK16" s="71">
        <v>0</v>
      </c>
      <c r="EL16" s="71">
        <v>0</v>
      </c>
      <c r="EM16" s="71">
        <v>0</v>
      </c>
      <c r="EN16" s="72">
        <v>3</v>
      </c>
      <c r="EO16" s="73">
        <v>6</v>
      </c>
      <c r="EP16" s="70">
        <v>3</v>
      </c>
      <c r="EQ16" s="71">
        <v>6</v>
      </c>
      <c r="ER16" s="72">
        <v>9</v>
      </c>
      <c r="ES16" s="244"/>
      <c r="ET16" s="71">
        <v>0</v>
      </c>
      <c r="EU16" s="71">
        <v>0</v>
      </c>
      <c r="EV16" s="71">
        <v>0</v>
      </c>
      <c r="EW16" s="71">
        <v>4</v>
      </c>
      <c r="EX16" s="71">
        <v>1</v>
      </c>
      <c r="EY16" s="72">
        <v>5</v>
      </c>
      <c r="EZ16" s="73">
        <v>14</v>
      </c>
      <c r="FA16" s="86">
        <v>3</v>
      </c>
      <c r="FB16" s="71">
        <v>10</v>
      </c>
      <c r="FC16" s="72">
        <v>13</v>
      </c>
      <c r="FD16" s="244"/>
      <c r="FE16" s="71">
        <v>4</v>
      </c>
      <c r="FF16" s="71">
        <v>1</v>
      </c>
      <c r="FG16" s="71">
        <v>3</v>
      </c>
      <c r="FH16" s="71">
        <v>0</v>
      </c>
      <c r="FI16" s="71">
        <v>1</v>
      </c>
      <c r="FJ16" s="72">
        <v>9</v>
      </c>
      <c r="FK16" s="73">
        <v>22</v>
      </c>
      <c r="FL16" s="70">
        <v>4</v>
      </c>
      <c r="FM16" s="71">
        <v>4</v>
      </c>
      <c r="FN16" s="72">
        <v>8</v>
      </c>
      <c r="FO16" s="244"/>
      <c r="FP16" s="71">
        <v>12</v>
      </c>
      <c r="FQ16" s="71">
        <v>3</v>
      </c>
      <c r="FR16" s="71">
        <v>9</v>
      </c>
      <c r="FS16" s="71">
        <v>12</v>
      </c>
      <c r="FT16" s="71">
        <v>5</v>
      </c>
      <c r="FU16" s="72">
        <v>41</v>
      </c>
      <c r="FV16" s="73">
        <v>49</v>
      </c>
      <c r="FW16" s="70">
        <v>0</v>
      </c>
      <c r="FX16" s="71">
        <v>0</v>
      </c>
      <c r="FY16" s="72">
        <v>0</v>
      </c>
      <c r="FZ16" s="244"/>
      <c r="GA16" s="71">
        <v>0</v>
      </c>
      <c r="GB16" s="71">
        <v>0</v>
      </c>
      <c r="GC16" s="71">
        <v>0</v>
      </c>
      <c r="GD16" s="71">
        <v>0</v>
      </c>
      <c r="GE16" s="71">
        <v>0</v>
      </c>
      <c r="GF16" s="72">
        <v>0</v>
      </c>
      <c r="GG16" s="73">
        <v>0</v>
      </c>
      <c r="GH16" s="70">
        <v>13</v>
      </c>
      <c r="GI16" s="71">
        <v>22</v>
      </c>
      <c r="GJ16" s="72">
        <v>35</v>
      </c>
      <c r="GK16" s="244"/>
      <c r="GL16" s="71">
        <v>20</v>
      </c>
      <c r="GM16" s="71">
        <v>5</v>
      </c>
      <c r="GN16" s="71">
        <v>14</v>
      </c>
      <c r="GO16" s="71">
        <v>16</v>
      </c>
      <c r="GP16" s="71">
        <v>8</v>
      </c>
      <c r="GQ16" s="72">
        <v>63</v>
      </c>
      <c r="GR16" s="73">
        <v>98</v>
      </c>
      <c r="GS16" s="123">
        <v>169</v>
      </c>
      <c r="GT16" s="82">
        <v>143</v>
      </c>
      <c r="GU16" s="83">
        <v>312</v>
      </c>
      <c r="GV16" s="241"/>
      <c r="GW16" s="82">
        <v>178</v>
      </c>
      <c r="GX16" s="82">
        <v>132</v>
      </c>
      <c r="GY16" s="82">
        <v>112</v>
      </c>
      <c r="GZ16" s="82">
        <v>106</v>
      </c>
      <c r="HA16" s="82">
        <v>47</v>
      </c>
      <c r="HB16" s="84">
        <v>575</v>
      </c>
      <c r="HC16" s="85">
        <v>887</v>
      </c>
      <c r="HD16" s="86">
        <v>3</v>
      </c>
      <c r="HE16" s="71">
        <v>3</v>
      </c>
      <c r="HF16" s="72">
        <v>6</v>
      </c>
      <c r="HG16" s="244"/>
      <c r="HH16" s="71">
        <v>1</v>
      </c>
      <c r="HI16" s="71">
        <v>1</v>
      </c>
      <c r="HJ16" s="71">
        <v>1</v>
      </c>
      <c r="HK16" s="71">
        <v>1</v>
      </c>
      <c r="HL16" s="71">
        <v>2</v>
      </c>
      <c r="HM16" s="72">
        <v>6</v>
      </c>
      <c r="HN16" s="73">
        <v>12</v>
      </c>
      <c r="HO16" s="70">
        <v>7</v>
      </c>
      <c r="HP16" s="71">
        <v>10</v>
      </c>
      <c r="HQ16" s="72">
        <v>17</v>
      </c>
      <c r="HR16" s="244"/>
      <c r="HS16" s="71">
        <v>5</v>
      </c>
      <c r="HT16" s="71">
        <v>8</v>
      </c>
      <c r="HU16" s="71">
        <v>7</v>
      </c>
      <c r="HV16" s="71">
        <v>1</v>
      </c>
      <c r="HW16" s="71">
        <v>5</v>
      </c>
      <c r="HX16" s="72">
        <v>26</v>
      </c>
      <c r="HY16" s="73">
        <v>43</v>
      </c>
      <c r="HZ16" s="86">
        <v>15</v>
      </c>
      <c r="IA16" s="71">
        <v>13</v>
      </c>
      <c r="IB16" s="72">
        <v>28</v>
      </c>
      <c r="IC16" s="244"/>
      <c r="ID16" s="71">
        <v>11</v>
      </c>
      <c r="IE16" s="71">
        <v>6</v>
      </c>
      <c r="IF16" s="71">
        <v>9</v>
      </c>
      <c r="IG16" s="71">
        <v>6</v>
      </c>
      <c r="IH16" s="71">
        <v>4</v>
      </c>
      <c r="II16" s="72">
        <v>36</v>
      </c>
      <c r="IJ16" s="73">
        <v>64</v>
      </c>
      <c r="IK16" s="70">
        <v>32</v>
      </c>
      <c r="IL16" s="71">
        <v>26</v>
      </c>
      <c r="IM16" s="72">
        <v>58</v>
      </c>
      <c r="IN16" s="244"/>
      <c r="IO16" s="71">
        <v>31</v>
      </c>
      <c r="IP16" s="71">
        <v>29</v>
      </c>
      <c r="IQ16" s="71">
        <v>12</v>
      </c>
      <c r="IR16" s="71">
        <v>19</v>
      </c>
      <c r="IS16" s="71">
        <v>11</v>
      </c>
      <c r="IT16" s="72">
        <v>102</v>
      </c>
      <c r="IU16" s="73">
        <v>160</v>
      </c>
      <c r="IV16" s="86">
        <v>60</v>
      </c>
      <c r="IW16" s="71">
        <v>38</v>
      </c>
      <c r="IX16" s="72">
        <v>98</v>
      </c>
      <c r="IY16" s="244"/>
      <c r="IZ16" s="71">
        <v>64</v>
      </c>
      <c r="JA16" s="71">
        <v>39</v>
      </c>
      <c r="JB16" s="71">
        <v>35</v>
      </c>
      <c r="JC16" s="71">
        <v>26</v>
      </c>
      <c r="JD16" s="71">
        <v>12</v>
      </c>
      <c r="JE16" s="72">
        <v>176</v>
      </c>
      <c r="JF16" s="73">
        <v>274</v>
      </c>
      <c r="JG16" s="70">
        <v>52</v>
      </c>
      <c r="JH16" s="71">
        <v>53</v>
      </c>
      <c r="JI16" s="72">
        <v>105</v>
      </c>
      <c r="JJ16" s="244"/>
      <c r="JK16" s="71">
        <v>66</v>
      </c>
      <c r="JL16" s="71">
        <v>49</v>
      </c>
      <c r="JM16" s="71">
        <v>48</v>
      </c>
      <c r="JN16" s="71">
        <v>53</v>
      </c>
      <c r="JO16" s="71">
        <v>13</v>
      </c>
      <c r="JP16" s="72">
        <v>229</v>
      </c>
      <c r="JQ16" s="73">
        <v>334</v>
      </c>
      <c r="JR16" s="70">
        <v>0</v>
      </c>
      <c r="JS16" s="71">
        <v>0</v>
      </c>
      <c r="JT16" s="72">
        <v>0</v>
      </c>
      <c r="JU16" s="244"/>
      <c r="JV16" s="71">
        <v>0</v>
      </c>
      <c r="JW16" s="71">
        <v>0</v>
      </c>
      <c r="JX16" s="71">
        <v>0</v>
      </c>
      <c r="JY16" s="71">
        <v>0</v>
      </c>
      <c r="JZ16" s="71">
        <v>0</v>
      </c>
      <c r="KA16" s="72">
        <v>0</v>
      </c>
      <c r="KB16" s="73">
        <v>0</v>
      </c>
      <c r="KC16" s="70">
        <v>169</v>
      </c>
      <c r="KD16" s="71">
        <v>143</v>
      </c>
      <c r="KE16" s="72">
        <v>312</v>
      </c>
      <c r="KF16" s="244"/>
      <c r="KG16" s="71">
        <v>178</v>
      </c>
      <c r="KH16" s="71">
        <v>132</v>
      </c>
      <c r="KI16" s="71">
        <v>112</v>
      </c>
      <c r="KJ16" s="71">
        <v>106</v>
      </c>
      <c r="KK16" s="71">
        <v>47</v>
      </c>
      <c r="KL16" s="72">
        <v>575</v>
      </c>
      <c r="KM16" s="73">
        <v>887</v>
      </c>
    </row>
    <row r="17" spans="2:299" ht="19.5" customHeight="1" x14ac:dyDescent="0.2">
      <c r="B17" s="126" t="s">
        <v>13</v>
      </c>
      <c r="C17" s="315">
        <v>39</v>
      </c>
      <c r="D17" s="82">
        <v>51</v>
      </c>
      <c r="E17" s="83">
        <v>90</v>
      </c>
      <c r="F17" s="241"/>
      <c r="G17" s="82">
        <v>91</v>
      </c>
      <c r="H17" s="82">
        <v>66</v>
      </c>
      <c r="I17" s="82">
        <v>42</v>
      </c>
      <c r="J17" s="82">
        <v>43</v>
      </c>
      <c r="K17" s="82">
        <v>26</v>
      </c>
      <c r="L17" s="84">
        <v>268</v>
      </c>
      <c r="M17" s="85">
        <v>358</v>
      </c>
      <c r="N17" s="70">
        <v>0</v>
      </c>
      <c r="O17" s="71">
        <v>0</v>
      </c>
      <c r="P17" s="72">
        <v>0</v>
      </c>
      <c r="Q17" s="241"/>
      <c r="R17" s="71">
        <v>2</v>
      </c>
      <c r="S17" s="71">
        <v>0</v>
      </c>
      <c r="T17" s="71">
        <v>0</v>
      </c>
      <c r="U17" s="71">
        <v>0</v>
      </c>
      <c r="V17" s="71">
        <v>0</v>
      </c>
      <c r="W17" s="72">
        <v>2</v>
      </c>
      <c r="X17" s="73">
        <v>2</v>
      </c>
      <c r="Y17" s="70">
        <v>3</v>
      </c>
      <c r="Z17" s="71">
        <v>0</v>
      </c>
      <c r="AA17" s="72">
        <v>3</v>
      </c>
      <c r="AB17" s="244"/>
      <c r="AC17" s="71">
        <v>4</v>
      </c>
      <c r="AD17" s="71">
        <v>2</v>
      </c>
      <c r="AE17" s="71">
        <v>0</v>
      </c>
      <c r="AF17" s="71">
        <v>1</v>
      </c>
      <c r="AG17" s="71">
        <v>2</v>
      </c>
      <c r="AH17" s="72">
        <v>9</v>
      </c>
      <c r="AI17" s="73">
        <v>12</v>
      </c>
      <c r="AJ17" s="70">
        <v>5</v>
      </c>
      <c r="AK17" s="71">
        <v>3</v>
      </c>
      <c r="AL17" s="72">
        <v>8</v>
      </c>
      <c r="AM17" s="244"/>
      <c r="AN17" s="71">
        <v>3</v>
      </c>
      <c r="AO17" s="71">
        <v>7</v>
      </c>
      <c r="AP17" s="71">
        <v>4</v>
      </c>
      <c r="AQ17" s="71">
        <v>2</v>
      </c>
      <c r="AR17" s="71">
        <v>3</v>
      </c>
      <c r="AS17" s="72">
        <v>19</v>
      </c>
      <c r="AT17" s="73">
        <v>27</v>
      </c>
      <c r="AU17" s="70">
        <v>2</v>
      </c>
      <c r="AV17" s="71">
        <v>17</v>
      </c>
      <c r="AW17" s="72">
        <v>19</v>
      </c>
      <c r="AX17" s="244"/>
      <c r="AY17" s="71">
        <v>15</v>
      </c>
      <c r="AZ17" s="71">
        <v>7</v>
      </c>
      <c r="BA17" s="71">
        <v>7</v>
      </c>
      <c r="BB17" s="71">
        <v>8</v>
      </c>
      <c r="BC17" s="71">
        <v>6</v>
      </c>
      <c r="BD17" s="72">
        <v>43</v>
      </c>
      <c r="BE17" s="73">
        <v>62</v>
      </c>
      <c r="BF17" s="70">
        <v>17</v>
      </c>
      <c r="BG17" s="71">
        <v>19</v>
      </c>
      <c r="BH17" s="72">
        <v>36</v>
      </c>
      <c r="BI17" s="244"/>
      <c r="BJ17" s="71">
        <v>38</v>
      </c>
      <c r="BK17" s="71">
        <v>22</v>
      </c>
      <c r="BL17" s="71">
        <v>14</v>
      </c>
      <c r="BM17" s="71">
        <v>17</v>
      </c>
      <c r="BN17" s="71">
        <v>4</v>
      </c>
      <c r="BO17" s="72">
        <v>95</v>
      </c>
      <c r="BP17" s="73">
        <v>131</v>
      </c>
      <c r="BQ17" s="70">
        <v>12</v>
      </c>
      <c r="BR17" s="71">
        <v>12</v>
      </c>
      <c r="BS17" s="72">
        <v>24</v>
      </c>
      <c r="BT17" s="244"/>
      <c r="BU17" s="71">
        <v>29</v>
      </c>
      <c r="BV17" s="71">
        <v>28</v>
      </c>
      <c r="BW17" s="71">
        <v>17</v>
      </c>
      <c r="BX17" s="71">
        <v>15</v>
      </c>
      <c r="BY17" s="71">
        <v>11</v>
      </c>
      <c r="BZ17" s="72">
        <v>100</v>
      </c>
      <c r="CA17" s="73">
        <v>124</v>
      </c>
      <c r="CB17" s="70">
        <v>0</v>
      </c>
      <c r="CC17" s="71">
        <v>0</v>
      </c>
      <c r="CD17" s="72">
        <v>0</v>
      </c>
      <c r="CE17" s="244"/>
      <c r="CF17" s="71">
        <v>0</v>
      </c>
      <c r="CG17" s="71">
        <v>0</v>
      </c>
      <c r="CH17" s="71">
        <v>0</v>
      </c>
      <c r="CI17" s="71">
        <v>0</v>
      </c>
      <c r="CJ17" s="71">
        <v>0</v>
      </c>
      <c r="CK17" s="72">
        <v>0</v>
      </c>
      <c r="CL17" s="73">
        <v>0</v>
      </c>
      <c r="CM17" s="70">
        <v>39</v>
      </c>
      <c r="CN17" s="71">
        <v>51</v>
      </c>
      <c r="CO17" s="72">
        <v>90</v>
      </c>
      <c r="CP17" s="244"/>
      <c r="CQ17" s="71">
        <v>91</v>
      </c>
      <c r="CR17" s="71">
        <v>66</v>
      </c>
      <c r="CS17" s="71">
        <v>42</v>
      </c>
      <c r="CT17" s="71">
        <v>43</v>
      </c>
      <c r="CU17" s="71">
        <v>26</v>
      </c>
      <c r="CV17" s="72">
        <v>268</v>
      </c>
      <c r="CW17" s="73">
        <v>358</v>
      </c>
      <c r="CX17" s="123">
        <v>8</v>
      </c>
      <c r="CY17" s="82">
        <v>5</v>
      </c>
      <c r="CZ17" s="83">
        <v>13</v>
      </c>
      <c r="DA17" s="241"/>
      <c r="DB17" s="82">
        <v>10</v>
      </c>
      <c r="DC17" s="82">
        <v>6</v>
      </c>
      <c r="DD17" s="82">
        <v>5</v>
      </c>
      <c r="DE17" s="82">
        <v>9</v>
      </c>
      <c r="DF17" s="82">
        <v>3</v>
      </c>
      <c r="DG17" s="84">
        <v>33</v>
      </c>
      <c r="DH17" s="85">
        <v>46</v>
      </c>
      <c r="DI17" s="70">
        <v>0</v>
      </c>
      <c r="DJ17" s="71">
        <v>0</v>
      </c>
      <c r="DK17" s="72">
        <v>0</v>
      </c>
      <c r="DL17" s="244"/>
      <c r="DM17" s="71">
        <v>0</v>
      </c>
      <c r="DN17" s="71">
        <v>0</v>
      </c>
      <c r="DO17" s="71">
        <v>0</v>
      </c>
      <c r="DP17" s="71">
        <v>1</v>
      </c>
      <c r="DQ17" s="71">
        <v>0</v>
      </c>
      <c r="DR17" s="72">
        <v>1</v>
      </c>
      <c r="DS17" s="73">
        <v>1</v>
      </c>
      <c r="DT17" s="70">
        <v>0</v>
      </c>
      <c r="DU17" s="71">
        <v>0</v>
      </c>
      <c r="DV17" s="72">
        <v>0</v>
      </c>
      <c r="DW17" s="244"/>
      <c r="DX17" s="71">
        <v>0</v>
      </c>
      <c r="DY17" s="71">
        <v>0</v>
      </c>
      <c r="DZ17" s="71">
        <v>0</v>
      </c>
      <c r="EA17" s="71">
        <v>0</v>
      </c>
      <c r="EB17" s="71">
        <v>0</v>
      </c>
      <c r="EC17" s="72">
        <v>0</v>
      </c>
      <c r="ED17" s="73">
        <v>0</v>
      </c>
      <c r="EE17" s="70">
        <v>1</v>
      </c>
      <c r="EF17" s="71">
        <v>0</v>
      </c>
      <c r="EG17" s="72">
        <v>1</v>
      </c>
      <c r="EH17" s="244"/>
      <c r="EI17" s="71">
        <v>1</v>
      </c>
      <c r="EJ17" s="71">
        <v>0</v>
      </c>
      <c r="EK17" s="71">
        <v>1</v>
      </c>
      <c r="EL17" s="71">
        <v>0</v>
      </c>
      <c r="EM17" s="71">
        <v>0</v>
      </c>
      <c r="EN17" s="72">
        <v>2</v>
      </c>
      <c r="EO17" s="73">
        <v>3</v>
      </c>
      <c r="EP17" s="70">
        <v>1</v>
      </c>
      <c r="EQ17" s="71">
        <v>1</v>
      </c>
      <c r="ER17" s="72">
        <v>2</v>
      </c>
      <c r="ES17" s="244"/>
      <c r="ET17" s="71">
        <v>3</v>
      </c>
      <c r="EU17" s="71">
        <v>2</v>
      </c>
      <c r="EV17" s="71">
        <v>0</v>
      </c>
      <c r="EW17" s="71">
        <v>0</v>
      </c>
      <c r="EX17" s="71">
        <v>0</v>
      </c>
      <c r="EY17" s="72">
        <v>5</v>
      </c>
      <c r="EZ17" s="73">
        <v>7</v>
      </c>
      <c r="FA17" s="70">
        <v>3</v>
      </c>
      <c r="FB17" s="71">
        <v>0</v>
      </c>
      <c r="FC17" s="72">
        <v>3</v>
      </c>
      <c r="FD17" s="244"/>
      <c r="FE17" s="71">
        <v>3</v>
      </c>
      <c r="FF17" s="71">
        <v>1</v>
      </c>
      <c r="FG17" s="71">
        <v>2</v>
      </c>
      <c r="FH17" s="71">
        <v>1</v>
      </c>
      <c r="FI17" s="71">
        <v>1</v>
      </c>
      <c r="FJ17" s="72">
        <v>8</v>
      </c>
      <c r="FK17" s="73">
        <v>11</v>
      </c>
      <c r="FL17" s="70">
        <v>3</v>
      </c>
      <c r="FM17" s="71">
        <v>4</v>
      </c>
      <c r="FN17" s="72">
        <v>7</v>
      </c>
      <c r="FO17" s="244"/>
      <c r="FP17" s="71">
        <v>3</v>
      </c>
      <c r="FQ17" s="71">
        <v>3</v>
      </c>
      <c r="FR17" s="71">
        <v>2</v>
      </c>
      <c r="FS17" s="71">
        <v>7</v>
      </c>
      <c r="FT17" s="71">
        <v>2</v>
      </c>
      <c r="FU17" s="72">
        <v>17</v>
      </c>
      <c r="FV17" s="73">
        <v>24</v>
      </c>
      <c r="FW17" s="70">
        <v>0</v>
      </c>
      <c r="FX17" s="71">
        <v>0</v>
      </c>
      <c r="FY17" s="72">
        <v>0</v>
      </c>
      <c r="FZ17" s="244"/>
      <c r="GA17" s="71">
        <v>0</v>
      </c>
      <c r="GB17" s="71">
        <v>0</v>
      </c>
      <c r="GC17" s="71">
        <v>0</v>
      </c>
      <c r="GD17" s="71">
        <v>0</v>
      </c>
      <c r="GE17" s="71">
        <v>0</v>
      </c>
      <c r="GF17" s="72">
        <v>0</v>
      </c>
      <c r="GG17" s="73">
        <v>0</v>
      </c>
      <c r="GH17" s="70">
        <v>8</v>
      </c>
      <c r="GI17" s="71">
        <v>5</v>
      </c>
      <c r="GJ17" s="72">
        <v>13</v>
      </c>
      <c r="GK17" s="244"/>
      <c r="GL17" s="71">
        <v>10</v>
      </c>
      <c r="GM17" s="71">
        <v>6</v>
      </c>
      <c r="GN17" s="71">
        <v>5</v>
      </c>
      <c r="GO17" s="71">
        <v>9</v>
      </c>
      <c r="GP17" s="71">
        <v>3</v>
      </c>
      <c r="GQ17" s="72">
        <v>33</v>
      </c>
      <c r="GR17" s="73">
        <v>46</v>
      </c>
      <c r="GS17" s="123">
        <v>47</v>
      </c>
      <c r="GT17" s="82">
        <v>56</v>
      </c>
      <c r="GU17" s="83">
        <v>103</v>
      </c>
      <c r="GV17" s="241"/>
      <c r="GW17" s="82">
        <v>101</v>
      </c>
      <c r="GX17" s="82">
        <v>72</v>
      </c>
      <c r="GY17" s="82">
        <v>47</v>
      </c>
      <c r="GZ17" s="82">
        <v>52</v>
      </c>
      <c r="HA17" s="82">
        <v>29</v>
      </c>
      <c r="HB17" s="84">
        <v>301</v>
      </c>
      <c r="HC17" s="85">
        <v>404</v>
      </c>
      <c r="HD17" s="70">
        <v>0</v>
      </c>
      <c r="HE17" s="71">
        <v>0</v>
      </c>
      <c r="HF17" s="72">
        <v>0</v>
      </c>
      <c r="HG17" s="244"/>
      <c r="HH17" s="71">
        <v>2</v>
      </c>
      <c r="HI17" s="71">
        <v>0</v>
      </c>
      <c r="HJ17" s="71">
        <v>0</v>
      </c>
      <c r="HK17" s="71">
        <v>1</v>
      </c>
      <c r="HL17" s="71">
        <v>0</v>
      </c>
      <c r="HM17" s="72">
        <v>3</v>
      </c>
      <c r="HN17" s="73">
        <v>3</v>
      </c>
      <c r="HO17" s="70">
        <v>3</v>
      </c>
      <c r="HP17" s="71">
        <v>0</v>
      </c>
      <c r="HQ17" s="72">
        <v>3</v>
      </c>
      <c r="HR17" s="244"/>
      <c r="HS17" s="71">
        <v>4</v>
      </c>
      <c r="HT17" s="71">
        <v>2</v>
      </c>
      <c r="HU17" s="71">
        <v>0</v>
      </c>
      <c r="HV17" s="71">
        <v>1</v>
      </c>
      <c r="HW17" s="71">
        <v>2</v>
      </c>
      <c r="HX17" s="72">
        <v>9</v>
      </c>
      <c r="HY17" s="73">
        <v>12</v>
      </c>
      <c r="HZ17" s="70">
        <v>6</v>
      </c>
      <c r="IA17" s="71">
        <v>3</v>
      </c>
      <c r="IB17" s="72">
        <v>9</v>
      </c>
      <c r="IC17" s="244"/>
      <c r="ID17" s="71">
        <v>4</v>
      </c>
      <c r="IE17" s="71">
        <v>7</v>
      </c>
      <c r="IF17" s="71">
        <v>5</v>
      </c>
      <c r="IG17" s="71">
        <v>2</v>
      </c>
      <c r="IH17" s="71">
        <v>3</v>
      </c>
      <c r="II17" s="72">
        <v>21</v>
      </c>
      <c r="IJ17" s="73">
        <v>30</v>
      </c>
      <c r="IK17" s="70">
        <v>3</v>
      </c>
      <c r="IL17" s="71">
        <v>18</v>
      </c>
      <c r="IM17" s="72">
        <v>21</v>
      </c>
      <c r="IN17" s="244"/>
      <c r="IO17" s="71">
        <v>18</v>
      </c>
      <c r="IP17" s="71">
        <v>9</v>
      </c>
      <c r="IQ17" s="71">
        <v>7</v>
      </c>
      <c r="IR17" s="71">
        <v>8</v>
      </c>
      <c r="IS17" s="71">
        <v>6</v>
      </c>
      <c r="IT17" s="72">
        <v>48</v>
      </c>
      <c r="IU17" s="73">
        <v>69</v>
      </c>
      <c r="IV17" s="70">
        <v>20</v>
      </c>
      <c r="IW17" s="71">
        <v>19</v>
      </c>
      <c r="IX17" s="72">
        <v>39</v>
      </c>
      <c r="IY17" s="244"/>
      <c r="IZ17" s="71">
        <v>41</v>
      </c>
      <c r="JA17" s="71">
        <v>23</v>
      </c>
      <c r="JB17" s="71">
        <v>16</v>
      </c>
      <c r="JC17" s="71">
        <v>18</v>
      </c>
      <c r="JD17" s="71">
        <v>5</v>
      </c>
      <c r="JE17" s="72">
        <v>103</v>
      </c>
      <c r="JF17" s="73">
        <v>142</v>
      </c>
      <c r="JG17" s="70">
        <v>15</v>
      </c>
      <c r="JH17" s="71">
        <v>16</v>
      </c>
      <c r="JI17" s="72">
        <v>31</v>
      </c>
      <c r="JJ17" s="244"/>
      <c r="JK17" s="71">
        <v>32</v>
      </c>
      <c r="JL17" s="71">
        <v>31</v>
      </c>
      <c r="JM17" s="71">
        <v>19</v>
      </c>
      <c r="JN17" s="71">
        <v>22</v>
      </c>
      <c r="JO17" s="71">
        <v>13</v>
      </c>
      <c r="JP17" s="72">
        <v>117</v>
      </c>
      <c r="JQ17" s="73">
        <v>148</v>
      </c>
      <c r="JR17" s="70">
        <v>0</v>
      </c>
      <c r="JS17" s="71">
        <v>0</v>
      </c>
      <c r="JT17" s="72">
        <v>0</v>
      </c>
      <c r="JU17" s="244"/>
      <c r="JV17" s="71">
        <v>0</v>
      </c>
      <c r="JW17" s="71">
        <v>0</v>
      </c>
      <c r="JX17" s="71">
        <v>0</v>
      </c>
      <c r="JY17" s="71">
        <v>0</v>
      </c>
      <c r="JZ17" s="71">
        <v>0</v>
      </c>
      <c r="KA17" s="72">
        <v>0</v>
      </c>
      <c r="KB17" s="73">
        <v>0</v>
      </c>
      <c r="KC17" s="70">
        <v>47</v>
      </c>
      <c r="KD17" s="71">
        <v>56</v>
      </c>
      <c r="KE17" s="72">
        <v>103</v>
      </c>
      <c r="KF17" s="244"/>
      <c r="KG17" s="71">
        <v>101</v>
      </c>
      <c r="KH17" s="71">
        <v>72</v>
      </c>
      <c r="KI17" s="71">
        <v>47</v>
      </c>
      <c r="KJ17" s="71">
        <v>52</v>
      </c>
      <c r="KK17" s="71">
        <v>29</v>
      </c>
      <c r="KL17" s="72">
        <v>301</v>
      </c>
      <c r="KM17" s="73">
        <v>404</v>
      </c>
    </row>
    <row r="18" spans="2:299" ht="19.5" customHeight="1" x14ac:dyDescent="0.2">
      <c r="B18" s="126" t="s">
        <v>15</v>
      </c>
      <c r="C18" s="315">
        <v>19</v>
      </c>
      <c r="D18" s="82">
        <v>24</v>
      </c>
      <c r="E18" s="83">
        <v>43</v>
      </c>
      <c r="F18" s="241"/>
      <c r="G18" s="82">
        <v>36</v>
      </c>
      <c r="H18" s="82">
        <v>26</v>
      </c>
      <c r="I18" s="82">
        <v>26</v>
      </c>
      <c r="J18" s="82">
        <v>23</v>
      </c>
      <c r="K18" s="82">
        <v>7</v>
      </c>
      <c r="L18" s="84">
        <v>118</v>
      </c>
      <c r="M18" s="85">
        <v>161</v>
      </c>
      <c r="N18" s="70">
        <v>1</v>
      </c>
      <c r="O18" s="71">
        <v>0</v>
      </c>
      <c r="P18" s="72">
        <v>1</v>
      </c>
      <c r="Q18" s="241"/>
      <c r="R18" s="71">
        <v>0</v>
      </c>
      <c r="S18" s="71">
        <v>1</v>
      </c>
      <c r="T18" s="71">
        <v>0</v>
      </c>
      <c r="U18" s="71">
        <v>2</v>
      </c>
      <c r="V18" s="71">
        <v>0</v>
      </c>
      <c r="W18" s="72">
        <v>3</v>
      </c>
      <c r="X18" s="73">
        <v>4</v>
      </c>
      <c r="Y18" s="70">
        <v>1</v>
      </c>
      <c r="Z18" s="71">
        <v>1</v>
      </c>
      <c r="AA18" s="72">
        <v>2</v>
      </c>
      <c r="AB18" s="244"/>
      <c r="AC18" s="71">
        <v>4</v>
      </c>
      <c r="AD18" s="71">
        <v>1</v>
      </c>
      <c r="AE18" s="71">
        <v>2</v>
      </c>
      <c r="AF18" s="71">
        <v>3</v>
      </c>
      <c r="AG18" s="71">
        <v>2</v>
      </c>
      <c r="AH18" s="72">
        <v>12</v>
      </c>
      <c r="AI18" s="73">
        <v>14</v>
      </c>
      <c r="AJ18" s="70">
        <v>5</v>
      </c>
      <c r="AK18" s="71">
        <v>2</v>
      </c>
      <c r="AL18" s="72">
        <v>7</v>
      </c>
      <c r="AM18" s="244"/>
      <c r="AN18" s="71">
        <v>5</v>
      </c>
      <c r="AO18" s="71">
        <v>3</v>
      </c>
      <c r="AP18" s="71">
        <v>0</v>
      </c>
      <c r="AQ18" s="71">
        <v>0</v>
      </c>
      <c r="AR18" s="71">
        <v>1</v>
      </c>
      <c r="AS18" s="72">
        <v>9</v>
      </c>
      <c r="AT18" s="73">
        <v>16</v>
      </c>
      <c r="AU18" s="70">
        <v>4</v>
      </c>
      <c r="AV18" s="71">
        <v>3</v>
      </c>
      <c r="AW18" s="72">
        <v>7</v>
      </c>
      <c r="AX18" s="244"/>
      <c r="AY18" s="71">
        <v>8</v>
      </c>
      <c r="AZ18" s="71">
        <v>6</v>
      </c>
      <c r="BA18" s="71">
        <v>3</v>
      </c>
      <c r="BB18" s="71">
        <v>5</v>
      </c>
      <c r="BC18" s="71">
        <v>1</v>
      </c>
      <c r="BD18" s="72">
        <v>23</v>
      </c>
      <c r="BE18" s="73">
        <v>30</v>
      </c>
      <c r="BF18" s="70">
        <v>4</v>
      </c>
      <c r="BG18" s="71">
        <v>10</v>
      </c>
      <c r="BH18" s="72">
        <v>14</v>
      </c>
      <c r="BI18" s="244"/>
      <c r="BJ18" s="71">
        <v>6</v>
      </c>
      <c r="BK18" s="71">
        <v>4</v>
      </c>
      <c r="BL18" s="71">
        <v>5</v>
      </c>
      <c r="BM18" s="71">
        <v>5</v>
      </c>
      <c r="BN18" s="71">
        <v>2</v>
      </c>
      <c r="BO18" s="72">
        <v>22</v>
      </c>
      <c r="BP18" s="73">
        <v>36</v>
      </c>
      <c r="BQ18" s="70">
        <v>4</v>
      </c>
      <c r="BR18" s="71">
        <v>8</v>
      </c>
      <c r="BS18" s="72">
        <v>12</v>
      </c>
      <c r="BT18" s="244"/>
      <c r="BU18" s="71">
        <v>13</v>
      </c>
      <c r="BV18" s="71">
        <v>11</v>
      </c>
      <c r="BW18" s="71">
        <v>16</v>
      </c>
      <c r="BX18" s="71">
        <v>8</v>
      </c>
      <c r="BY18" s="71">
        <v>1</v>
      </c>
      <c r="BZ18" s="72">
        <v>49</v>
      </c>
      <c r="CA18" s="73">
        <v>61</v>
      </c>
      <c r="CB18" s="70">
        <v>0</v>
      </c>
      <c r="CC18" s="71">
        <v>0</v>
      </c>
      <c r="CD18" s="72">
        <v>0</v>
      </c>
      <c r="CE18" s="244"/>
      <c r="CF18" s="71">
        <v>0</v>
      </c>
      <c r="CG18" s="71">
        <v>0</v>
      </c>
      <c r="CH18" s="71">
        <v>0</v>
      </c>
      <c r="CI18" s="71">
        <v>0</v>
      </c>
      <c r="CJ18" s="71">
        <v>0</v>
      </c>
      <c r="CK18" s="72">
        <v>0</v>
      </c>
      <c r="CL18" s="73">
        <v>0</v>
      </c>
      <c r="CM18" s="70">
        <v>19</v>
      </c>
      <c r="CN18" s="71">
        <v>24</v>
      </c>
      <c r="CO18" s="72">
        <v>43</v>
      </c>
      <c r="CP18" s="244"/>
      <c r="CQ18" s="71">
        <v>36</v>
      </c>
      <c r="CR18" s="71">
        <v>26</v>
      </c>
      <c r="CS18" s="71">
        <v>26</v>
      </c>
      <c r="CT18" s="71">
        <v>23</v>
      </c>
      <c r="CU18" s="71">
        <v>7</v>
      </c>
      <c r="CV18" s="72">
        <v>118</v>
      </c>
      <c r="CW18" s="73">
        <v>161</v>
      </c>
      <c r="CX18" s="123">
        <v>2</v>
      </c>
      <c r="CY18" s="82">
        <v>2</v>
      </c>
      <c r="CZ18" s="83">
        <v>4</v>
      </c>
      <c r="DA18" s="241"/>
      <c r="DB18" s="82">
        <v>2</v>
      </c>
      <c r="DC18" s="82">
        <v>9</v>
      </c>
      <c r="DD18" s="82">
        <v>2</v>
      </c>
      <c r="DE18" s="82">
        <v>2</v>
      </c>
      <c r="DF18" s="82">
        <v>2</v>
      </c>
      <c r="DG18" s="84">
        <v>17</v>
      </c>
      <c r="DH18" s="85">
        <v>21</v>
      </c>
      <c r="DI18" s="70">
        <v>0</v>
      </c>
      <c r="DJ18" s="71">
        <v>0</v>
      </c>
      <c r="DK18" s="72">
        <v>0</v>
      </c>
      <c r="DL18" s="244"/>
      <c r="DM18" s="71">
        <v>0</v>
      </c>
      <c r="DN18" s="71">
        <v>0</v>
      </c>
      <c r="DO18" s="71">
        <v>0</v>
      </c>
      <c r="DP18" s="71">
        <v>0</v>
      </c>
      <c r="DQ18" s="71">
        <v>0</v>
      </c>
      <c r="DR18" s="72">
        <v>0</v>
      </c>
      <c r="DS18" s="73">
        <v>0</v>
      </c>
      <c r="DT18" s="70">
        <v>0</v>
      </c>
      <c r="DU18" s="71">
        <v>0</v>
      </c>
      <c r="DV18" s="72">
        <v>0</v>
      </c>
      <c r="DW18" s="244"/>
      <c r="DX18" s="71">
        <v>0</v>
      </c>
      <c r="DY18" s="71">
        <v>0</v>
      </c>
      <c r="DZ18" s="71">
        <v>0</v>
      </c>
      <c r="EA18" s="71">
        <v>0</v>
      </c>
      <c r="EB18" s="71">
        <v>0</v>
      </c>
      <c r="EC18" s="72">
        <v>0</v>
      </c>
      <c r="ED18" s="73">
        <v>0</v>
      </c>
      <c r="EE18" s="70">
        <v>0</v>
      </c>
      <c r="EF18" s="71">
        <v>0</v>
      </c>
      <c r="EG18" s="72">
        <v>0</v>
      </c>
      <c r="EH18" s="244"/>
      <c r="EI18" s="71">
        <v>0</v>
      </c>
      <c r="EJ18" s="71">
        <v>1</v>
      </c>
      <c r="EK18" s="71">
        <v>0</v>
      </c>
      <c r="EL18" s="71">
        <v>0</v>
      </c>
      <c r="EM18" s="71">
        <v>0</v>
      </c>
      <c r="EN18" s="72">
        <v>1</v>
      </c>
      <c r="EO18" s="73">
        <v>1</v>
      </c>
      <c r="EP18" s="70">
        <v>0</v>
      </c>
      <c r="EQ18" s="71">
        <v>0</v>
      </c>
      <c r="ER18" s="72">
        <v>0</v>
      </c>
      <c r="ES18" s="244"/>
      <c r="ET18" s="71">
        <v>0</v>
      </c>
      <c r="EU18" s="71">
        <v>1</v>
      </c>
      <c r="EV18" s="71">
        <v>0</v>
      </c>
      <c r="EW18" s="71">
        <v>0</v>
      </c>
      <c r="EX18" s="71">
        <v>0</v>
      </c>
      <c r="EY18" s="72">
        <v>1</v>
      </c>
      <c r="EZ18" s="73">
        <v>1</v>
      </c>
      <c r="FA18" s="70">
        <v>0</v>
      </c>
      <c r="FB18" s="71">
        <v>0</v>
      </c>
      <c r="FC18" s="72">
        <v>0</v>
      </c>
      <c r="FD18" s="244"/>
      <c r="FE18" s="71">
        <v>0</v>
      </c>
      <c r="FF18" s="71">
        <v>0</v>
      </c>
      <c r="FG18" s="71">
        <v>1</v>
      </c>
      <c r="FH18" s="71">
        <v>0</v>
      </c>
      <c r="FI18" s="71">
        <v>1</v>
      </c>
      <c r="FJ18" s="72">
        <v>2</v>
      </c>
      <c r="FK18" s="73">
        <v>2</v>
      </c>
      <c r="FL18" s="70">
        <v>2</v>
      </c>
      <c r="FM18" s="71">
        <v>2</v>
      </c>
      <c r="FN18" s="72">
        <v>4</v>
      </c>
      <c r="FO18" s="244"/>
      <c r="FP18" s="71">
        <v>2</v>
      </c>
      <c r="FQ18" s="71">
        <v>7</v>
      </c>
      <c r="FR18" s="71">
        <v>1</v>
      </c>
      <c r="FS18" s="71">
        <v>2</v>
      </c>
      <c r="FT18" s="71">
        <v>1</v>
      </c>
      <c r="FU18" s="72">
        <v>13</v>
      </c>
      <c r="FV18" s="73">
        <v>17</v>
      </c>
      <c r="FW18" s="70">
        <v>0</v>
      </c>
      <c r="FX18" s="71">
        <v>0</v>
      </c>
      <c r="FY18" s="72">
        <v>0</v>
      </c>
      <c r="FZ18" s="244"/>
      <c r="GA18" s="71">
        <v>0</v>
      </c>
      <c r="GB18" s="71">
        <v>0</v>
      </c>
      <c r="GC18" s="71">
        <v>0</v>
      </c>
      <c r="GD18" s="71">
        <v>0</v>
      </c>
      <c r="GE18" s="71">
        <v>0</v>
      </c>
      <c r="GF18" s="72">
        <v>0</v>
      </c>
      <c r="GG18" s="73">
        <v>0</v>
      </c>
      <c r="GH18" s="70">
        <v>2</v>
      </c>
      <c r="GI18" s="71">
        <v>2</v>
      </c>
      <c r="GJ18" s="72">
        <v>4</v>
      </c>
      <c r="GK18" s="244"/>
      <c r="GL18" s="71">
        <v>2</v>
      </c>
      <c r="GM18" s="71">
        <v>9</v>
      </c>
      <c r="GN18" s="71">
        <v>2</v>
      </c>
      <c r="GO18" s="71">
        <v>2</v>
      </c>
      <c r="GP18" s="71">
        <v>2</v>
      </c>
      <c r="GQ18" s="72">
        <v>17</v>
      </c>
      <c r="GR18" s="73">
        <v>21</v>
      </c>
      <c r="GS18" s="123">
        <v>21</v>
      </c>
      <c r="GT18" s="82">
        <v>26</v>
      </c>
      <c r="GU18" s="83">
        <v>47</v>
      </c>
      <c r="GV18" s="241"/>
      <c r="GW18" s="82">
        <v>38</v>
      </c>
      <c r="GX18" s="82">
        <v>35</v>
      </c>
      <c r="GY18" s="82">
        <v>28</v>
      </c>
      <c r="GZ18" s="82">
        <v>25</v>
      </c>
      <c r="HA18" s="82">
        <v>9</v>
      </c>
      <c r="HB18" s="84">
        <v>135</v>
      </c>
      <c r="HC18" s="85">
        <v>182</v>
      </c>
      <c r="HD18" s="70">
        <v>1</v>
      </c>
      <c r="HE18" s="71">
        <v>0</v>
      </c>
      <c r="HF18" s="72">
        <v>1</v>
      </c>
      <c r="HG18" s="244"/>
      <c r="HH18" s="71">
        <v>0</v>
      </c>
      <c r="HI18" s="71">
        <v>1</v>
      </c>
      <c r="HJ18" s="71">
        <v>0</v>
      </c>
      <c r="HK18" s="71">
        <v>2</v>
      </c>
      <c r="HL18" s="71">
        <v>0</v>
      </c>
      <c r="HM18" s="72">
        <v>3</v>
      </c>
      <c r="HN18" s="73">
        <v>4</v>
      </c>
      <c r="HO18" s="70">
        <v>1</v>
      </c>
      <c r="HP18" s="71">
        <v>1</v>
      </c>
      <c r="HQ18" s="72">
        <v>2</v>
      </c>
      <c r="HR18" s="244"/>
      <c r="HS18" s="71">
        <v>4</v>
      </c>
      <c r="HT18" s="71">
        <v>1</v>
      </c>
      <c r="HU18" s="71">
        <v>2</v>
      </c>
      <c r="HV18" s="71">
        <v>3</v>
      </c>
      <c r="HW18" s="71">
        <v>2</v>
      </c>
      <c r="HX18" s="72">
        <v>12</v>
      </c>
      <c r="HY18" s="73">
        <v>14</v>
      </c>
      <c r="HZ18" s="70">
        <v>5</v>
      </c>
      <c r="IA18" s="71">
        <v>2</v>
      </c>
      <c r="IB18" s="72">
        <v>7</v>
      </c>
      <c r="IC18" s="244"/>
      <c r="ID18" s="71">
        <v>5</v>
      </c>
      <c r="IE18" s="71">
        <v>4</v>
      </c>
      <c r="IF18" s="71">
        <v>0</v>
      </c>
      <c r="IG18" s="71">
        <v>0</v>
      </c>
      <c r="IH18" s="71">
        <v>1</v>
      </c>
      <c r="II18" s="72">
        <v>10</v>
      </c>
      <c r="IJ18" s="73">
        <v>17</v>
      </c>
      <c r="IK18" s="70">
        <v>4</v>
      </c>
      <c r="IL18" s="71">
        <v>3</v>
      </c>
      <c r="IM18" s="72">
        <v>7</v>
      </c>
      <c r="IN18" s="244"/>
      <c r="IO18" s="71">
        <v>8</v>
      </c>
      <c r="IP18" s="71">
        <v>7</v>
      </c>
      <c r="IQ18" s="71">
        <v>3</v>
      </c>
      <c r="IR18" s="71">
        <v>5</v>
      </c>
      <c r="IS18" s="71">
        <v>1</v>
      </c>
      <c r="IT18" s="72">
        <v>24</v>
      </c>
      <c r="IU18" s="73">
        <v>31</v>
      </c>
      <c r="IV18" s="70">
        <v>4</v>
      </c>
      <c r="IW18" s="71">
        <v>10</v>
      </c>
      <c r="IX18" s="72">
        <v>14</v>
      </c>
      <c r="IY18" s="244"/>
      <c r="IZ18" s="71">
        <v>6</v>
      </c>
      <c r="JA18" s="71">
        <v>4</v>
      </c>
      <c r="JB18" s="71">
        <v>6</v>
      </c>
      <c r="JC18" s="71">
        <v>5</v>
      </c>
      <c r="JD18" s="71">
        <v>3</v>
      </c>
      <c r="JE18" s="72">
        <v>24</v>
      </c>
      <c r="JF18" s="73">
        <v>38</v>
      </c>
      <c r="JG18" s="70">
        <v>6</v>
      </c>
      <c r="JH18" s="71">
        <v>10</v>
      </c>
      <c r="JI18" s="72">
        <v>16</v>
      </c>
      <c r="JJ18" s="244"/>
      <c r="JK18" s="71">
        <v>15</v>
      </c>
      <c r="JL18" s="71">
        <v>18</v>
      </c>
      <c r="JM18" s="71">
        <v>17</v>
      </c>
      <c r="JN18" s="71">
        <v>10</v>
      </c>
      <c r="JO18" s="71">
        <v>2</v>
      </c>
      <c r="JP18" s="72">
        <v>62</v>
      </c>
      <c r="JQ18" s="73">
        <v>78</v>
      </c>
      <c r="JR18" s="70">
        <v>0</v>
      </c>
      <c r="JS18" s="71">
        <v>0</v>
      </c>
      <c r="JT18" s="72">
        <v>0</v>
      </c>
      <c r="JU18" s="244"/>
      <c r="JV18" s="71">
        <v>0</v>
      </c>
      <c r="JW18" s="71">
        <v>0</v>
      </c>
      <c r="JX18" s="71">
        <v>0</v>
      </c>
      <c r="JY18" s="71">
        <v>0</v>
      </c>
      <c r="JZ18" s="71">
        <v>0</v>
      </c>
      <c r="KA18" s="72">
        <v>0</v>
      </c>
      <c r="KB18" s="73">
        <v>0</v>
      </c>
      <c r="KC18" s="70">
        <v>21</v>
      </c>
      <c r="KD18" s="71">
        <v>26</v>
      </c>
      <c r="KE18" s="72">
        <v>47</v>
      </c>
      <c r="KF18" s="244"/>
      <c r="KG18" s="71">
        <v>38</v>
      </c>
      <c r="KH18" s="71">
        <v>35</v>
      </c>
      <c r="KI18" s="71">
        <v>28</v>
      </c>
      <c r="KJ18" s="71">
        <v>25</v>
      </c>
      <c r="KK18" s="71">
        <v>9</v>
      </c>
      <c r="KL18" s="72">
        <v>135</v>
      </c>
      <c r="KM18" s="73">
        <v>182</v>
      </c>
    </row>
    <row r="19" spans="2:299" ht="19.5" customHeight="1" x14ac:dyDescent="0.2">
      <c r="B19" s="126" t="s">
        <v>16</v>
      </c>
      <c r="C19" s="315">
        <v>37</v>
      </c>
      <c r="D19" s="82">
        <v>43</v>
      </c>
      <c r="E19" s="83">
        <v>80</v>
      </c>
      <c r="F19" s="241"/>
      <c r="G19" s="82">
        <v>81</v>
      </c>
      <c r="H19" s="82">
        <v>91</v>
      </c>
      <c r="I19" s="82">
        <v>53</v>
      </c>
      <c r="J19" s="82">
        <v>45</v>
      </c>
      <c r="K19" s="82">
        <v>22</v>
      </c>
      <c r="L19" s="84">
        <v>292</v>
      </c>
      <c r="M19" s="85">
        <v>372</v>
      </c>
      <c r="N19" s="70">
        <v>0</v>
      </c>
      <c r="O19" s="71">
        <v>3</v>
      </c>
      <c r="P19" s="72">
        <v>3</v>
      </c>
      <c r="Q19" s="241"/>
      <c r="R19" s="71">
        <v>3</v>
      </c>
      <c r="S19" s="71">
        <v>2</v>
      </c>
      <c r="T19" s="71">
        <v>0</v>
      </c>
      <c r="U19" s="71">
        <v>2</v>
      </c>
      <c r="V19" s="71">
        <v>1</v>
      </c>
      <c r="W19" s="72">
        <v>8</v>
      </c>
      <c r="X19" s="73">
        <v>11</v>
      </c>
      <c r="Y19" s="70">
        <v>8</v>
      </c>
      <c r="Z19" s="71">
        <v>3</v>
      </c>
      <c r="AA19" s="72">
        <v>11</v>
      </c>
      <c r="AB19" s="244"/>
      <c r="AC19" s="71">
        <v>1</v>
      </c>
      <c r="AD19" s="71">
        <v>6</v>
      </c>
      <c r="AE19" s="71">
        <v>6</v>
      </c>
      <c r="AF19" s="71">
        <v>1</v>
      </c>
      <c r="AG19" s="71">
        <v>1</v>
      </c>
      <c r="AH19" s="72">
        <v>15</v>
      </c>
      <c r="AI19" s="73">
        <v>26</v>
      </c>
      <c r="AJ19" s="70">
        <v>5</v>
      </c>
      <c r="AK19" s="71">
        <v>4</v>
      </c>
      <c r="AL19" s="72">
        <v>9</v>
      </c>
      <c r="AM19" s="244"/>
      <c r="AN19" s="71">
        <v>13</v>
      </c>
      <c r="AO19" s="71">
        <v>4</v>
      </c>
      <c r="AP19" s="71">
        <v>4</v>
      </c>
      <c r="AQ19" s="71">
        <v>4</v>
      </c>
      <c r="AR19" s="71">
        <v>2</v>
      </c>
      <c r="AS19" s="72">
        <v>27</v>
      </c>
      <c r="AT19" s="73">
        <v>36</v>
      </c>
      <c r="AU19" s="70">
        <v>5</v>
      </c>
      <c r="AV19" s="71">
        <v>7</v>
      </c>
      <c r="AW19" s="72">
        <v>12</v>
      </c>
      <c r="AX19" s="244"/>
      <c r="AY19" s="71">
        <v>18</v>
      </c>
      <c r="AZ19" s="71">
        <v>26</v>
      </c>
      <c r="BA19" s="71">
        <v>8</v>
      </c>
      <c r="BB19" s="71">
        <v>5</v>
      </c>
      <c r="BC19" s="71">
        <v>8</v>
      </c>
      <c r="BD19" s="72">
        <v>65</v>
      </c>
      <c r="BE19" s="73">
        <v>77</v>
      </c>
      <c r="BF19" s="70">
        <v>13</v>
      </c>
      <c r="BG19" s="71">
        <v>13</v>
      </c>
      <c r="BH19" s="72">
        <v>26</v>
      </c>
      <c r="BI19" s="244"/>
      <c r="BJ19" s="71">
        <v>18</v>
      </c>
      <c r="BK19" s="71">
        <v>25</v>
      </c>
      <c r="BL19" s="71">
        <v>15</v>
      </c>
      <c r="BM19" s="71">
        <v>8</v>
      </c>
      <c r="BN19" s="71">
        <v>6</v>
      </c>
      <c r="BO19" s="72">
        <v>72</v>
      </c>
      <c r="BP19" s="73">
        <v>98</v>
      </c>
      <c r="BQ19" s="70">
        <v>6</v>
      </c>
      <c r="BR19" s="71">
        <v>13</v>
      </c>
      <c r="BS19" s="72">
        <v>19</v>
      </c>
      <c r="BT19" s="244"/>
      <c r="BU19" s="71">
        <v>28</v>
      </c>
      <c r="BV19" s="71">
        <v>28</v>
      </c>
      <c r="BW19" s="71">
        <v>20</v>
      </c>
      <c r="BX19" s="71">
        <v>25</v>
      </c>
      <c r="BY19" s="71">
        <v>4</v>
      </c>
      <c r="BZ19" s="72">
        <v>105</v>
      </c>
      <c r="CA19" s="73">
        <v>124</v>
      </c>
      <c r="CB19" s="70">
        <v>0</v>
      </c>
      <c r="CC19" s="71">
        <v>0</v>
      </c>
      <c r="CD19" s="72">
        <v>0</v>
      </c>
      <c r="CE19" s="244"/>
      <c r="CF19" s="71">
        <v>0</v>
      </c>
      <c r="CG19" s="71">
        <v>0</v>
      </c>
      <c r="CH19" s="71">
        <v>0</v>
      </c>
      <c r="CI19" s="71">
        <v>0</v>
      </c>
      <c r="CJ19" s="71">
        <v>0</v>
      </c>
      <c r="CK19" s="72">
        <v>0</v>
      </c>
      <c r="CL19" s="73">
        <v>0</v>
      </c>
      <c r="CM19" s="70">
        <v>37</v>
      </c>
      <c r="CN19" s="71">
        <v>43</v>
      </c>
      <c r="CO19" s="72">
        <v>80</v>
      </c>
      <c r="CP19" s="244"/>
      <c r="CQ19" s="71">
        <v>81</v>
      </c>
      <c r="CR19" s="71">
        <v>91</v>
      </c>
      <c r="CS19" s="71">
        <v>53</v>
      </c>
      <c r="CT19" s="71">
        <v>45</v>
      </c>
      <c r="CU19" s="71">
        <v>22</v>
      </c>
      <c r="CV19" s="72">
        <v>292</v>
      </c>
      <c r="CW19" s="73">
        <v>372</v>
      </c>
      <c r="CX19" s="123">
        <v>3</v>
      </c>
      <c r="CY19" s="82">
        <v>6</v>
      </c>
      <c r="CZ19" s="83">
        <v>9</v>
      </c>
      <c r="DA19" s="241"/>
      <c r="DB19" s="82">
        <v>13</v>
      </c>
      <c r="DC19" s="82">
        <v>19</v>
      </c>
      <c r="DD19" s="82">
        <v>10</v>
      </c>
      <c r="DE19" s="82">
        <v>9</v>
      </c>
      <c r="DF19" s="82">
        <v>8</v>
      </c>
      <c r="DG19" s="84">
        <v>59</v>
      </c>
      <c r="DH19" s="85">
        <v>68</v>
      </c>
      <c r="DI19" s="70">
        <v>0</v>
      </c>
      <c r="DJ19" s="71">
        <v>0</v>
      </c>
      <c r="DK19" s="72">
        <v>0</v>
      </c>
      <c r="DL19" s="244"/>
      <c r="DM19" s="71">
        <v>1</v>
      </c>
      <c r="DN19" s="71">
        <v>0</v>
      </c>
      <c r="DO19" s="71">
        <v>0</v>
      </c>
      <c r="DP19" s="71">
        <v>0</v>
      </c>
      <c r="DQ19" s="71">
        <v>0</v>
      </c>
      <c r="DR19" s="72">
        <v>1</v>
      </c>
      <c r="DS19" s="73">
        <v>1</v>
      </c>
      <c r="DT19" s="70">
        <v>0</v>
      </c>
      <c r="DU19" s="71">
        <v>1</v>
      </c>
      <c r="DV19" s="72">
        <v>1</v>
      </c>
      <c r="DW19" s="244"/>
      <c r="DX19" s="71">
        <v>2</v>
      </c>
      <c r="DY19" s="71">
        <v>1</v>
      </c>
      <c r="DZ19" s="71">
        <v>0</v>
      </c>
      <c r="EA19" s="71">
        <v>1</v>
      </c>
      <c r="EB19" s="71">
        <v>0</v>
      </c>
      <c r="EC19" s="72">
        <v>4</v>
      </c>
      <c r="ED19" s="73">
        <v>5</v>
      </c>
      <c r="EE19" s="70">
        <v>1</v>
      </c>
      <c r="EF19" s="71">
        <v>1</v>
      </c>
      <c r="EG19" s="72">
        <v>2</v>
      </c>
      <c r="EH19" s="244"/>
      <c r="EI19" s="71">
        <v>0</v>
      </c>
      <c r="EJ19" s="71">
        <v>1</v>
      </c>
      <c r="EK19" s="71">
        <v>1</v>
      </c>
      <c r="EL19" s="71">
        <v>0</v>
      </c>
      <c r="EM19" s="71">
        <v>0</v>
      </c>
      <c r="EN19" s="72">
        <v>2</v>
      </c>
      <c r="EO19" s="73">
        <v>4</v>
      </c>
      <c r="EP19" s="70">
        <v>0</v>
      </c>
      <c r="EQ19" s="71">
        <v>1</v>
      </c>
      <c r="ER19" s="72">
        <v>1</v>
      </c>
      <c r="ES19" s="244"/>
      <c r="ET19" s="71">
        <v>2</v>
      </c>
      <c r="EU19" s="71">
        <v>6</v>
      </c>
      <c r="EV19" s="71">
        <v>1</v>
      </c>
      <c r="EW19" s="71">
        <v>0</v>
      </c>
      <c r="EX19" s="71">
        <v>0</v>
      </c>
      <c r="EY19" s="72">
        <v>9</v>
      </c>
      <c r="EZ19" s="73">
        <v>10</v>
      </c>
      <c r="FA19" s="70">
        <v>2</v>
      </c>
      <c r="FB19" s="71">
        <v>1</v>
      </c>
      <c r="FC19" s="72">
        <v>3</v>
      </c>
      <c r="FD19" s="244"/>
      <c r="FE19" s="71">
        <v>0</v>
      </c>
      <c r="FF19" s="71">
        <v>4</v>
      </c>
      <c r="FG19" s="71">
        <v>3</v>
      </c>
      <c r="FH19" s="71">
        <v>1</v>
      </c>
      <c r="FI19" s="71">
        <v>3</v>
      </c>
      <c r="FJ19" s="72">
        <v>11</v>
      </c>
      <c r="FK19" s="73">
        <v>14</v>
      </c>
      <c r="FL19" s="70">
        <v>0</v>
      </c>
      <c r="FM19" s="71">
        <v>2</v>
      </c>
      <c r="FN19" s="72">
        <v>2</v>
      </c>
      <c r="FO19" s="244"/>
      <c r="FP19" s="71">
        <v>8</v>
      </c>
      <c r="FQ19" s="71">
        <v>7</v>
      </c>
      <c r="FR19" s="71">
        <v>5</v>
      </c>
      <c r="FS19" s="71">
        <v>7</v>
      </c>
      <c r="FT19" s="71">
        <v>5</v>
      </c>
      <c r="FU19" s="72">
        <v>32</v>
      </c>
      <c r="FV19" s="73">
        <v>34</v>
      </c>
      <c r="FW19" s="70">
        <v>0</v>
      </c>
      <c r="FX19" s="71">
        <v>0</v>
      </c>
      <c r="FY19" s="72">
        <v>0</v>
      </c>
      <c r="FZ19" s="244"/>
      <c r="GA19" s="71">
        <v>0</v>
      </c>
      <c r="GB19" s="71">
        <v>0</v>
      </c>
      <c r="GC19" s="71">
        <v>0</v>
      </c>
      <c r="GD19" s="71">
        <v>0</v>
      </c>
      <c r="GE19" s="71">
        <v>0</v>
      </c>
      <c r="GF19" s="72">
        <v>0</v>
      </c>
      <c r="GG19" s="73">
        <v>0</v>
      </c>
      <c r="GH19" s="70">
        <v>3</v>
      </c>
      <c r="GI19" s="71">
        <v>6</v>
      </c>
      <c r="GJ19" s="72">
        <v>9</v>
      </c>
      <c r="GK19" s="244"/>
      <c r="GL19" s="71">
        <v>13</v>
      </c>
      <c r="GM19" s="71">
        <v>19</v>
      </c>
      <c r="GN19" s="71">
        <v>10</v>
      </c>
      <c r="GO19" s="71">
        <v>9</v>
      </c>
      <c r="GP19" s="71">
        <v>8</v>
      </c>
      <c r="GQ19" s="72">
        <v>59</v>
      </c>
      <c r="GR19" s="73">
        <v>68</v>
      </c>
      <c r="GS19" s="123">
        <v>40</v>
      </c>
      <c r="GT19" s="82">
        <v>49</v>
      </c>
      <c r="GU19" s="83">
        <v>89</v>
      </c>
      <c r="GV19" s="241"/>
      <c r="GW19" s="82">
        <v>94</v>
      </c>
      <c r="GX19" s="82">
        <v>110</v>
      </c>
      <c r="GY19" s="82">
        <v>63</v>
      </c>
      <c r="GZ19" s="82">
        <v>54</v>
      </c>
      <c r="HA19" s="82">
        <v>30</v>
      </c>
      <c r="HB19" s="84">
        <v>351</v>
      </c>
      <c r="HC19" s="85">
        <v>440</v>
      </c>
      <c r="HD19" s="70">
        <v>0</v>
      </c>
      <c r="HE19" s="71">
        <v>3</v>
      </c>
      <c r="HF19" s="72">
        <v>3</v>
      </c>
      <c r="HG19" s="244"/>
      <c r="HH19" s="71">
        <v>4</v>
      </c>
      <c r="HI19" s="71">
        <v>2</v>
      </c>
      <c r="HJ19" s="71">
        <v>0</v>
      </c>
      <c r="HK19" s="71">
        <v>2</v>
      </c>
      <c r="HL19" s="71">
        <v>1</v>
      </c>
      <c r="HM19" s="72">
        <v>9</v>
      </c>
      <c r="HN19" s="73">
        <v>12</v>
      </c>
      <c r="HO19" s="70">
        <v>8</v>
      </c>
      <c r="HP19" s="71">
        <v>4</v>
      </c>
      <c r="HQ19" s="72">
        <v>12</v>
      </c>
      <c r="HR19" s="244"/>
      <c r="HS19" s="71">
        <v>3</v>
      </c>
      <c r="HT19" s="71">
        <v>7</v>
      </c>
      <c r="HU19" s="71">
        <v>6</v>
      </c>
      <c r="HV19" s="71">
        <v>2</v>
      </c>
      <c r="HW19" s="71">
        <v>1</v>
      </c>
      <c r="HX19" s="72">
        <v>19</v>
      </c>
      <c r="HY19" s="73">
        <v>31</v>
      </c>
      <c r="HZ19" s="70">
        <v>6</v>
      </c>
      <c r="IA19" s="71">
        <v>5</v>
      </c>
      <c r="IB19" s="72">
        <v>11</v>
      </c>
      <c r="IC19" s="244"/>
      <c r="ID19" s="71">
        <v>13</v>
      </c>
      <c r="IE19" s="71">
        <v>5</v>
      </c>
      <c r="IF19" s="71">
        <v>5</v>
      </c>
      <c r="IG19" s="71">
        <v>4</v>
      </c>
      <c r="IH19" s="71">
        <v>2</v>
      </c>
      <c r="II19" s="72">
        <v>29</v>
      </c>
      <c r="IJ19" s="73">
        <v>40</v>
      </c>
      <c r="IK19" s="70">
        <v>5</v>
      </c>
      <c r="IL19" s="71">
        <v>8</v>
      </c>
      <c r="IM19" s="72">
        <v>13</v>
      </c>
      <c r="IN19" s="244"/>
      <c r="IO19" s="71">
        <v>20</v>
      </c>
      <c r="IP19" s="71">
        <v>32</v>
      </c>
      <c r="IQ19" s="71">
        <v>9</v>
      </c>
      <c r="IR19" s="71">
        <v>5</v>
      </c>
      <c r="IS19" s="71">
        <v>8</v>
      </c>
      <c r="IT19" s="72">
        <v>74</v>
      </c>
      <c r="IU19" s="73">
        <v>87</v>
      </c>
      <c r="IV19" s="70">
        <v>15</v>
      </c>
      <c r="IW19" s="71">
        <v>14</v>
      </c>
      <c r="IX19" s="72">
        <v>29</v>
      </c>
      <c r="IY19" s="244"/>
      <c r="IZ19" s="71">
        <v>18</v>
      </c>
      <c r="JA19" s="71">
        <v>29</v>
      </c>
      <c r="JB19" s="71">
        <v>18</v>
      </c>
      <c r="JC19" s="71">
        <v>9</v>
      </c>
      <c r="JD19" s="71">
        <v>9</v>
      </c>
      <c r="JE19" s="72">
        <v>83</v>
      </c>
      <c r="JF19" s="73">
        <v>112</v>
      </c>
      <c r="JG19" s="70">
        <v>6</v>
      </c>
      <c r="JH19" s="71">
        <v>15</v>
      </c>
      <c r="JI19" s="72">
        <v>21</v>
      </c>
      <c r="JJ19" s="244"/>
      <c r="JK19" s="71">
        <v>36</v>
      </c>
      <c r="JL19" s="71">
        <v>35</v>
      </c>
      <c r="JM19" s="71">
        <v>25</v>
      </c>
      <c r="JN19" s="71">
        <v>32</v>
      </c>
      <c r="JO19" s="71">
        <v>9</v>
      </c>
      <c r="JP19" s="72">
        <v>137</v>
      </c>
      <c r="JQ19" s="73">
        <v>158</v>
      </c>
      <c r="JR19" s="70">
        <v>0</v>
      </c>
      <c r="JS19" s="71">
        <v>0</v>
      </c>
      <c r="JT19" s="72">
        <v>0</v>
      </c>
      <c r="JU19" s="244"/>
      <c r="JV19" s="71">
        <v>0</v>
      </c>
      <c r="JW19" s="71">
        <v>0</v>
      </c>
      <c r="JX19" s="71">
        <v>0</v>
      </c>
      <c r="JY19" s="71">
        <v>0</v>
      </c>
      <c r="JZ19" s="71">
        <v>0</v>
      </c>
      <c r="KA19" s="72">
        <v>0</v>
      </c>
      <c r="KB19" s="73">
        <v>0</v>
      </c>
      <c r="KC19" s="70">
        <v>40</v>
      </c>
      <c r="KD19" s="71">
        <v>49</v>
      </c>
      <c r="KE19" s="72">
        <v>89</v>
      </c>
      <c r="KF19" s="244"/>
      <c r="KG19" s="71">
        <v>94</v>
      </c>
      <c r="KH19" s="71">
        <v>110</v>
      </c>
      <c r="KI19" s="71">
        <v>63</v>
      </c>
      <c r="KJ19" s="71">
        <v>54</v>
      </c>
      <c r="KK19" s="71">
        <v>30</v>
      </c>
      <c r="KL19" s="72">
        <v>351</v>
      </c>
      <c r="KM19" s="73">
        <v>440</v>
      </c>
    </row>
    <row r="20" spans="2:299" ht="19.5" customHeight="1" x14ac:dyDescent="0.2">
      <c r="B20" s="126" t="s">
        <v>17</v>
      </c>
      <c r="C20" s="315">
        <v>63</v>
      </c>
      <c r="D20" s="82">
        <v>58</v>
      </c>
      <c r="E20" s="83">
        <v>121</v>
      </c>
      <c r="F20" s="241"/>
      <c r="G20" s="82">
        <v>104</v>
      </c>
      <c r="H20" s="82">
        <v>96</v>
      </c>
      <c r="I20" s="82">
        <v>67</v>
      </c>
      <c r="J20" s="82">
        <v>48</v>
      </c>
      <c r="K20" s="82">
        <v>34</v>
      </c>
      <c r="L20" s="84">
        <v>349</v>
      </c>
      <c r="M20" s="85">
        <v>470</v>
      </c>
      <c r="N20" s="70">
        <v>3</v>
      </c>
      <c r="O20" s="71">
        <v>0</v>
      </c>
      <c r="P20" s="72">
        <v>3</v>
      </c>
      <c r="Q20" s="241"/>
      <c r="R20" s="71">
        <v>1</v>
      </c>
      <c r="S20" s="71">
        <v>3</v>
      </c>
      <c r="T20" s="71">
        <v>6</v>
      </c>
      <c r="U20" s="71">
        <v>1</v>
      </c>
      <c r="V20" s="71">
        <v>2</v>
      </c>
      <c r="W20" s="72">
        <v>13</v>
      </c>
      <c r="X20" s="73">
        <v>16</v>
      </c>
      <c r="Y20" s="70">
        <v>2</v>
      </c>
      <c r="Z20" s="71">
        <v>2</v>
      </c>
      <c r="AA20" s="72">
        <v>4</v>
      </c>
      <c r="AB20" s="244"/>
      <c r="AC20" s="71">
        <v>2</v>
      </c>
      <c r="AD20" s="71">
        <v>6</v>
      </c>
      <c r="AE20" s="71">
        <v>4</v>
      </c>
      <c r="AF20" s="71">
        <v>2</v>
      </c>
      <c r="AG20" s="71">
        <v>0</v>
      </c>
      <c r="AH20" s="72">
        <v>14</v>
      </c>
      <c r="AI20" s="73">
        <v>18</v>
      </c>
      <c r="AJ20" s="70">
        <v>9</v>
      </c>
      <c r="AK20" s="71">
        <v>4</v>
      </c>
      <c r="AL20" s="72">
        <v>13</v>
      </c>
      <c r="AM20" s="244"/>
      <c r="AN20" s="71">
        <v>9</v>
      </c>
      <c r="AO20" s="71">
        <v>10</v>
      </c>
      <c r="AP20" s="71">
        <v>5</v>
      </c>
      <c r="AQ20" s="71">
        <v>4</v>
      </c>
      <c r="AR20" s="71">
        <v>4</v>
      </c>
      <c r="AS20" s="72">
        <v>32</v>
      </c>
      <c r="AT20" s="73">
        <v>45</v>
      </c>
      <c r="AU20" s="70">
        <v>10</v>
      </c>
      <c r="AV20" s="71">
        <v>18</v>
      </c>
      <c r="AW20" s="72">
        <v>28</v>
      </c>
      <c r="AX20" s="244"/>
      <c r="AY20" s="71">
        <v>34</v>
      </c>
      <c r="AZ20" s="71">
        <v>20</v>
      </c>
      <c r="BA20" s="71">
        <v>11</v>
      </c>
      <c r="BB20" s="71">
        <v>8</v>
      </c>
      <c r="BC20" s="71">
        <v>9</v>
      </c>
      <c r="BD20" s="72">
        <v>82</v>
      </c>
      <c r="BE20" s="73">
        <v>110</v>
      </c>
      <c r="BF20" s="70">
        <v>23</v>
      </c>
      <c r="BG20" s="71">
        <v>13</v>
      </c>
      <c r="BH20" s="72">
        <v>36</v>
      </c>
      <c r="BI20" s="244"/>
      <c r="BJ20" s="71">
        <v>31</v>
      </c>
      <c r="BK20" s="71">
        <v>37</v>
      </c>
      <c r="BL20" s="71">
        <v>20</v>
      </c>
      <c r="BM20" s="71">
        <v>17</v>
      </c>
      <c r="BN20" s="71">
        <v>12</v>
      </c>
      <c r="BO20" s="72">
        <v>117</v>
      </c>
      <c r="BP20" s="73">
        <v>153</v>
      </c>
      <c r="BQ20" s="70">
        <v>16</v>
      </c>
      <c r="BR20" s="71">
        <v>21</v>
      </c>
      <c r="BS20" s="72">
        <v>37</v>
      </c>
      <c r="BT20" s="244"/>
      <c r="BU20" s="71">
        <v>27</v>
      </c>
      <c r="BV20" s="71">
        <v>20</v>
      </c>
      <c r="BW20" s="71">
        <v>21</v>
      </c>
      <c r="BX20" s="71">
        <v>16</v>
      </c>
      <c r="BY20" s="71">
        <v>7</v>
      </c>
      <c r="BZ20" s="72">
        <v>91</v>
      </c>
      <c r="CA20" s="73">
        <v>128</v>
      </c>
      <c r="CB20" s="70">
        <v>0</v>
      </c>
      <c r="CC20" s="71">
        <v>0</v>
      </c>
      <c r="CD20" s="72">
        <v>0</v>
      </c>
      <c r="CE20" s="244"/>
      <c r="CF20" s="71">
        <v>0</v>
      </c>
      <c r="CG20" s="71">
        <v>0</v>
      </c>
      <c r="CH20" s="71">
        <v>0</v>
      </c>
      <c r="CI20" s="71">
        <v>0</v>
      </c>
      <c r="CJ20" s="71">
        <v>0</v>
      </c>
      <c r="CK20" s="72">
        <v>0</v>
      </c>
      <c r="CL20" s="73">
        <v>0</v>
      </c>
      <c r="CM20" s="70">
        <v>63</v>
      </c>
      <c r="CN20" s="71">
        <v>58</v>
      </c>
      <c r="CO20" s="72">
        <v>121</v>
      </c>
      <c r="CP20" s="244"/>
      <c r="CQ20" s="71">
        <v>104</v>
      </c>
      <c r="CR20" s="71">
        <v>96</v>
      </c>
      <c r="CS20" s="71">
        <v>67</v>
      </c>
      <c r="CT20" s="71">
        <v>48</v>
      </c>
      <c r="CU20" s="71">
        <v>34</v>
      </c>
      <c r="CV20" s="72">
        <v>349</v>
      </c>
      <c r="CW20" s="73">
        <v>470</v>
      </c>
      <c r="CX20" s="123">
        <v>11</v>
      </c>
      <c r="CY20" s="82">
        <v>6</v>
      </c>
      <c r="CZ20" s="83">
        <v>17</v>
      </c>
      <c r="DA20" s="241"/>
      <c r="DB20" s="82">
        <v>11</v>
      </c>
      <c r="DC20" s="82">
        <v>19</v>
      </c>
      <c r="DD20" s="82">
        <v>8</v>
      </c>
      <c r="DE20" s="82">
        <v>9</v>
      </c>
      <c r="DF20" s="82">
        <v>5</v>
      </c>
      <c r="DG20" s="84">
        <v>52</v>
      </c>
      <c r="DH20" s="85">
        <v>69</v>
      </c>
      <c r="DI20" s="70">
        <v>0</v>
      </c>
      <c r="DJ20" s="71">
        <v>0</v>
      </c>
      <c r="DK20" s="72">
        <v>0</v>
      </c>
      <c r="DL20" s="244"/>
      <c r="DM20" s="71">
        <v>0</v>
      </c>
      <c r="DN20" s="71">
        <v>1</v>
      </c>
      <c r="DO20" s="71">
        <v>1</v>
      </c>
      <c r="DP20" s="71">
        <v>0</v>
      </c>
      <c r="DQ20" s="71">
        <v>0</v>
      </c>
      <c r="DR20" s="72">
        <v>2</v>
      </c>
      <c r="DS20" s="73">
        <v>2</v>
      </c>
      <c r="DT20" s="70">
        <v>1</v>
      </c>
      <c r="DU20" s="71">
        <v>1</v>
      </c>
      <c r="DV20" s="72">
        <v>2</v>
      </c>
      <c r="DW20" s="244"/>
      <c r="DX20" s="71">
        <v>1</v>
      </c>
      <c r="DY20" s="71">
        <v>2</v>
      </c>
      <c r="DZ20" s="71">
        <v>0</v>
      </c>
      <c r="EA20" s="71">
        <v>1</v>
      </c>
      <c r="EB20" s="71">
        <v>0</v>
      </c>
      <c r="EC20" s="72">
        <v>4</v>
      </c>
      <c r="ED20" s="73">
        <v>6</v>
      </c>
      <c r="EE20" s="70">
        <v>1</v>
      </c>
      <c r="EF20" s="71">
        <v>0</v>
      </c>
      <c r="EG20" s="72">
        <v>1</v>
      </c>
      <c r="EH20" s="244"/>
      <c r="EI20" s="71">
        <v>2</v>
      </c>
      <c r="EJ20" s="71">
        <v>1</v>
      </c>
      <c r="EK20" s="71">
        <v>0</v>
      </c>
      <c r="EL20" s="71">
        <v>0</v>
      </c>
      <c r="EM20" s="71">
        <v>0</v>
      </c>
      <c r="EN20" s="72">
        <v>3</v>
      </c>
      <c r="EO20" s="73">
        <v>4</v>
      </c>
      <c r="EP20" s="70">
        <v>5</v>
      </c>
      <c r="EQ20" s="71">
        <v>3</v>
      </c>
      <c r="ER20" s="72">
        <v>8</v>
      </c>
      <c r="ES20" s="244"/>
      <c r="ET20" s="71">
        <v>3</v>
      </c>
      <c r="EU20" s="71">
        <v>4</v>
      </c>
      <c r="EV20" s="71">
        <v>3</v>
      </c>
      <c r="EW20" s="71">
        <v>2</v>
      </c>
      <c r="EX20" s="71">
        <v>1</v>
      </c>
      <c r="EY20" s="72">
        <v>13</v>
      </c>
      <c r="EZ20" s="73">
        <v>21</v>
      </c>
      <c r="FA20" s="70">
        <v>4</v>
      </c>
      <c r="FB20" s="71">
        <v>1</v>
      </c>
      <c r="FC20" s="72">
        <v>5</v>
      </c>
      <c r="FD20" s="244"/>
      <c r="FE20" s="71">
        <v>3</v>
      </c>
      <c r="FF20" s="71">
        <v>5</v>
      </c>
      <c r="FG20" s="71">
        <v>1</v>
      </c>
      <c r="FH20" s="71">
        <v>2</v>
      </c>
      <c r="FI20" s="71">
        <v>2</v>
      </c>
      <c r="FJ20" s="72">
        <v>13</v>
      </c>
      <c r="FK20" s="73">
        <v>18</v>
      </c>
      <c r="FL20" s="70">
        <v>0</v>
      </c>
      <c r="FM20" s="71">
        <v>1</v>
      </c>
      <c r="FN20" s="72">
        <v>1</v>
      </c>
      <c r="FO20" s="244"/>
      <c r="FP20" s="71">
        <v>2</v>
      </c>
      <c r="FQ20" s="71">
        <v>6</v>
      </c>
      <c r="FR20" s="71">
        <v>3</v>
      </c>
      <c r="FS20" s="71">
        <v>4</v>
      </c>
      <c r="FT20" s="71">
        <v>2</v>
      </c>
      <c r="FU20" s="72">
        <v>17</v>
      </c>
      <c r="FV20" s="73">
        <v>18</v>
      </c>
      <c r="FW20" s="70">
        <v>0</v>
      </c>
      <c r="FX20" s="71">
        <v>0</v>
      </c>
      <c r="FY20" s="72">
        <v>0</v>
      </c>
      <c r="FZ20" s="244"/>
      <c r="GA20" s="71">
        <v>0</v>
      </c>
      <c r="GB20" s="71">
        <v>0</v>
      </c>
      <c r="GC20" s="71">
        <v>0</v>
      </c>
      <c r="GD20" s="71">
        <v>0</v>
      </c>
      <c r="GE20" s="71">
        <v>0</v>
      </c>
      <c r="GF20" s="72">
        <v>0</v>
      </c>
      <c r="GG20" s="73">
        <v>0</v>
      </c>
      <c r="GH20" s="70">
        <v>11</v>
      </c>
      <c r="GI20" s="71">
        <v>6</v>
      </c>
      <c r="GJ20" s="72">
        <v>17</v>
      </c>
      <c r="GK20" s="244"/>
      <c r="GL20" s="71">
        <v>11</v>
      </c>
      <c r="GM20" s="71">
        <v>19</v>
      </c>
      <c r="GN20" s="71">
        <v>8</v>
      </c>
      <c r="GO20" s="71">
        <v>9</v>
      </c>
      <c r="GP20" s="71">
        <v>5</v>
      </c>
      <c r="GQ20" s="72">
        <v>52</v>
      </c>
      <c r="GR20" s="73">
        <v>69</v>
      </c>
      <c r="GS20" s="123">
        <v>74</v>
      </c>
      <c r="GT20" s="82">
        <v>64</v>
      </c>
      <c r="GU20" s="83">
        <v>138</v>
      </c>
      <c r="GV20" s="241"/>
      <c r="GW20" s="82">
        <v>115</v>
      </c>
      <c r="GX20" s="82">
        <v>115</v>
      </c>
      <c r="GY20" s="82">
        <v>75</v>
      </c>
      <c r="GZ20" s="82">
        <v>57</v>
      </c>
      <c r="HA20" s="82">
        <v>39</v>
      </c>
      <c r="HB20" s="84">
        <v>401</v>
      </c>
      <c r="HC20" s="85">
        <v>539</v>
      </c>
      <c r="HD20" s="70">
        <v>3</v>
      </c>
      <c r="HE20" s="71">
        <v>0</v>
      </c>
      <c r="HF20" s="72">
        <v>3</v>
      </c>
      <c r="HG20" s="244"/>
      <c r="HH20" s="71">
        <v>1</v>
      </c>
      <c r="HI20" s="71">
        <v>4</v>
      </c>
      <c r="HJ20" s="71">
        <v>7</v>
      </c>
      <c r="HK20" s="71">
        <v>1</v>
      </c>
      <c r="HL20" s="71">
        <v>2</v>
      </c>
      <c r="HM20" s="72">
        <v>15</v>
      </c>
      <c r="HN20" s="73">
        <v>18</v>
      </c>
      <c r="HO20" s="70">
        <v>3</v>
      </c>
      <c r="HP20" s="71">
        <v>3</v>
      </c>
      <c r="HQ20" s="72">
        <v>6</v>
      </c>
      <c r="HR20" s="244"/>
      <c r="HS20" s="71">
        <v>3</v>
      </c>
      <c r="HT20" s="71">
        <v>8</v>
      </c>
      <c r="HU20" s="71">
        <v>4</v>
      </c>
      <c r="HV20" s="71">
        <v>3</v>
      </c>
      <c r="HW20" s="71">
        <v>0</v>
      </c>
      <c r="HX20" s="72">
        <v>18</v>
      </c>
      <c r="HY20" s="73">
        <v>24</v>
      </c>
      <c r="HZ20" s="70">
        <v>10</v>
      </c>
      <c r="IA20" s="71">
        <v>4</v>
      </c>
      <c r="IB20" s="72">
        <v>14</v>
      </c>
      <c r="IC20" s="244"/>
      <c r="ID20" s="71">
        <v>11</v>
      </c>
      <c r="IE20" s="71">
        <v>11</v>
      </c>
      <c r="IF20" s="71">
        <v>5</v>
      </c>
      <c r="IG20" s="71">
        <v>4</v>
      </c>
      <c r="IH20" s="71">
        <v>4</v>
      </c>
      <c r="II20" s="72">
        <v>35</v>
      </c>
      <c r="IJ20" s="73">
        <v>49</v>
      </c>
      <c r="IK20" s="70">
        <v>15</v>
      </c>
      <c r="IL20" s="71">
        <v>21</v>
      </c>
      <c r="IM20" s="72">
        <v>36</v>
      </c>
      <c r="IN20" s="244"/>
      <c r="IO20" s="71">
        <v>37</v>
      </c>
      <c r="IP20" s="71">
        <v>24</v>
      </c>
      <c r="IQ20" s="71">
        <v>14</v>
      </c>
      <c r="IR20" s="71">
        <v>10</v>
      </c>
      <c r="IS20" s="71">
        <v>10</v>
      </c>
      <c r="IT20" s="72">
        <v>95</v>
      </c>
      <c r="IU20" s="73">
        <v>131</v>
      </c>
      <c r="IV20" s="70">
        <v>27</v>
      </c>
      <c r="IW20" s="71">
        <v>14</v>
      </c>
      <c r="IX20" s="72">
        <v>41</v>
      </c>
      <c r="IY20" s="244"/>
      <c r="IZ20" s="71">
        <v>34</v>
      </c>
      <c r="JA20" s="71">
        <v>42</v>
      </c>
      <c r="JB20" s="71">
        <v>21</v>
      </c>
      <c r="JC20" s="71">
        <v>19</v>
      </c>
      <c r="JD20" s="71">
        <v>14</v>
      </c>
      <c r="JE20" s="72">
        <v>130</v>
      </c>
      <c r="JF20" s="73">
        <v>171</v>
      </c>
      <c r="JG20" s="70">
        <v>16</v>
      </c>
      <c r="JH20" s="71">
        <v>22</v>
      </c>
      <c r="JI20" s="72">
        <v>38</v>
      </c>
      <c r="JJ20" s="244"/>
      <c r="JK20" s="71">
        <v>29</v>
      </c>
      <c r="JL20" s="71">
        <v>26</v>
      </c>
      <c r="JM20" s="71">
        <v>24</v>
      </c>
      <c r="JN20" s="71">
        <v>20</v>
      </c>
      <c r="JO20" s="71">
        <v>9</v>
      </c>
      <c r="JP20" s="72">
        <v>108</v>
      </c>
      <c r="JQ20" s="73">
        <v>146</v>
      </c>
      <c r="JR20" s="70">
        <v>0</v>
      </c>
      <c r="JS20" s="71">
        <v>0</v>
      </c>
      <c r="JT20" s="72">
        <v>0</v>
      </c>
      <c r="JU20" s="244"/>
      <c r="JV20" s="71">
        <v>0</v>
      </c>
      <c r="JW20" s="71">
        <v>0</v>
      </c>
      <c r="JX20" s="71">
        <v>0</v>
      </c>
      <c r="JY20" s="71">
        <v>0</v>
      </c>
      <c r="JZ20" s="71">
        <v>0</v>
      </c>
      <c r="KA20" s="72">
        <v>0</v>
      </c>
      <c r="KB20" s="73">
        <v>0</v>
      </c>
      <c r="KC20" s="70">
        <v>74</v>
      </c>
      <c r="KD20" s="71">
        <v>64</v>
      </c>
      <c r="KE20" s="72">
        <v>138</v>
      </c>
      <c r="KF20" s="244"/>
      <c r="KG20" s="71">
        <v>115</v>
      </c>
      <c r="KH20" s="71">
        <v>115</v>
      </c>
      <c r="KI20" s="71">
        <v>75</v>
      </c>
      <c r="KJ20" s="71">
        <v>57</v>
      </c>
      <c r="KK20" s="71">
        <v>39</v>
      </c>
      <c r="KL20" s="72">
        <v>401</v>
      </c>
      <c r="KM20" s="73">
        <v>539</v>
      </c>
    </row>
    <row r="21" spans="2:299" ht="19.5" customHeight="1" x14ac:dyDescent="0.2">
      <c r="B21" s="126" t="s">
        <v>18</v>
      </c>
      <c r="C21" s="315">
        <v>87</v>
      </c>
      <c r="D21" s="82">
        <v>80</v>
      </c>
      <c r="E21" s="83">
        <v>167</v>
      </c>
      <c r="F21" s="241"/>
      <c r="G21" s="82">
        <v>151</v>
      </c>
      <c r="H21" s="82">
        <v>111</v>
      </c>
      <c r="I21" s="82">
        <v>86</v>
      </c>
      <c r="J21" s="82">
        <v>66</v>
      </c>
      <c r="K21" s="82">
        <v>42</v>
      </c>
      <c r="L21" s="84">
        <v>456</v>
      </c>
      <c r="M21" s="85">
        <v>623</v>
      </c>
      <c r="N21" s="70">
        <v>1</v>
      </c>
      <c r="O21" s="71">
        <v>3</v>
      </c>
      <c r="P21" s="72">
        <v>4</v>
      </c>
      <c r="Q21" s="241"/>
      <c r="R21" s="71">
        <v>2</v>
      </c>
      <c r="S21" s="71">
        <v>1</v>
      </c>
      <c r="T21" s="71">
        <v>3</v>
      </c>
      <c r="U21" s="71">
        <v>1</v>
      </c>
      <c r="V21" s="71">
        <v>2</v>
      </c>
      <c r="W21" s="72">
        <v>9</v>
      </c>
      <c r="X21" s="73">
        <v>13</v>
      </c>
      <c r="Y21" s="70">
        <v>3</v>
      </c>
      <c r="Z21" s="71">
        <v>3</v>
      </c>
      <c r="AA21" s="72">
        <v>6</v>
      </c>
      <c r="AB21" s="244"/>
      <c r="AC21" s="71">
        <v>8</v>
      </c>
      <c r="AD21" s="71">
        <v>2</v>
      </c>
      <c r="AE21" s="71">
        <v>3</v>
      </c>
      <c r="AF21" s="71">
        <v>4</v>
      </c>
      <c r="AG21" s="71">
        <v>4</v>
      </c>
      <c r="AH21" s="72">
        <v>21</v>
      </c>
      <c r="AI21" s="73">
        <v>27</v>
      </c>
      <c r="AJ21" s="70">
        <v>8</v>
      </c>
      <c r="AK21" s="71">
        <v>6</v>
      </c>
      <c r="AL21" s="72">
        <v>14</v>
      </c>
      <c r="AM21" s="244"/>
      <c r="AN21" s="71">
        <v>13</v>
      </c>
      <c r="AO21" s="71">
        <v>9</v>
      </c>
      <c r="AP21" s="71">
        <v>8</v>
      </c>
      <c r="AQ21" s="71">
        <v>6</v>
      </c>
      <c r="AR21" s="71">
        <v>5</v>
      </c>
      <c r="AS21" s="72">
        <v>41</v>
      </c>
      <c r="AT21" s="73">
        <v>55</v>
      </c>
      <c r="AU21" s="70">
        <v>25</v>
      </c>
      <c r="AV21" s="71">
        <v>14</v>
      </c>
      <c r="AW21" s="72">
        <v>39</v>
      </c>
      <c r="AX21" s="244"/>
      <c r="AY21" s="71">
        <v>29</v>
      </c>
      <c r="AZ21" s="71">
        <v>20</v>
      </c>
      <c r="BA21" s="71">
        <v>17</v>
      </c>
      <c r="BB21" s="71">
        <v>9</v>
      </c>
      <c r="BC21" s="71">
        <v>12</v>
      </c>
      <c r="BD21" s="72">
        <v>87</v>
      </c>
      <c r="BE21" s="73">
        <v>126</v>
      </c>
      <c r="BF21" s="70">
        <v>26</v>
      </c>
      <c r="BG21" s="71">
        <v>34</v>
      </c>
      <c r="BH21" s="72">
        <v>60</v>
      </c>
      <c r="BI21" s="244"/>
      <c r="BJ21" s="71">
        <v>44</v>
      </c>
      <c r="BK21" s="71">
        <v>38</v>
      </c>
      <c r="BL21" s="71">
        <v>29</v>
      </c>
      <c r="BM21" s="71">
        <v>24</v>
      </c>
      <c r="BN21" s="71">
        <v>10</v>
      </c>
      <c r="BO21" s="72">
        <v>145</v>
      </c>
      <c r="BP21" s="73">
        <v>205</v>
      </c>
      <c r="BQ21" s="70">
        <v>24</v>
      </c>
      <c r="BR21" s="71">
        <v>20</v>
      </c>
      <c r="BS21" s="72">
        <v>44</v>
      </c>
      <c r="BT21" s="244"/>
      <c r="BU21" s="71">
        <v>55</v>
      </c>
      <c r="BV21" s="71">
        <v>41</v>
      </c>
      <c r="BW21" s="71">
        <v>26</v>
      </c>
      <c r="BX21" s="71">
        <v>22</v>
      </c>
      <c r="BY21" s="71">
        <v>9</v>
      </c>
      <c r="BZ21" s="72">
        <v>153</v>
      </c>
      <c r="CA21" s="73">
        <v>197</v>
      </c>
      <c r="CB21" s="70">
        <v>0</v>
      </c>
      <c r="CC21" s="71">
        <v>0</v>
      </c>
      <c r="CD21" s="72">
        <v>0</v>
      </c>
      <c r="CE21" s="244"/>
      <c r="CF21" s="71">
        <v>0</v>
      </c>
      <c r="CG21" s="71">
        <v>0</v>
      </c>
      <c r="CH21" s="71">
        <v>0</v>
      </c>
      <c r="CI21" s="71">
        <v>0</v>
      </c>
      <c r="CJ21" s="71">
        <v>0</v>
      </c>
      <c r="CK21" s="72">
        <v>0</v>
      </c>
      <c r="CL21" s="73">
        <v>0</v>
      </c>
      <c r="CM21" s="70">
        <v>87</v>
      </c>
      <c r="CN21" s="71">
        <v>80</v>
      </c>
      <c r="CO21" s="72">
        <v>167</v>
      </c>
      <c r="CP21" s="244"/>
      <c r="CQ21" s="71">
        <v>151</v>
      </c>
      <c r="CR21" s="71">
        <v>111</v>
      </c>
      <c r="CS21" s="71">
        <v>86</v>
      </c>
      <c r="CT21" s="71">
        <v>66</v>
      </c>
      <c r="CU21" s="71">
        <v>42</v>
      </c>
      <c r="CV21" s="72">
        <v>456</v>
      </c>
      <c r="CW21" s="73">
        <v>623</v>
      </c>
      <c r="CX21" s="123">
        <v>11</v>
      </c>
      <c r="CY21" s="82">
        <v>11</v>
      </c>
      <c r="CZ21" s="83">
        <v>22</v>
      </c>
      <c r="DA21" s="241"/>
      <c r="DB21" s="82">
        <v>17</v>
      </c>
      <c r="DC21" s="82">
        <v>15</v>
      </c>
      <c r="DD21" s="82">
        <v>10</v>
      </c>
      <c r="DE21" s="82">
        <v>5</v>
      </c>
      <c r="DF21" s="82">
        <v>4</v>
      </c>
      <c r="DG21" s="84">
        <v>51</v>
      </c>
      <c r="DH21" s="85">
        <v>73</v>
      </c>
      <c r="DI21" s="70">
        <v>0</v>
      </c>
      <c r="DJ21" s="71">
        <v>1</v>
      </c>
      <c r="DK21" s="72">
        <v>1</v>
      </c>
      <c r="DL21" s="244"/>
      <c r="DM21" s="71">
        <v>0</v>
      </c>
      <c r="DN21" s="71">
        <v>0</v>
      </c>
      <c r="DO21" s="71">
        <v>1</v>
      </c>
      <c r="DP21" s="71">
        <v>0</v>
      </c>
      <c r="DQ21" s="71">
        <v>0</v>
      </c>
      <c r="DR21" s="72">
        <v>1</v>
      </c>
      <c r="DS21" s="73">
        <v>2</v>
      </c>
      <c r="DT21" s="70">
        <v>1</v>
      </c>
      <c r="DU21" s="71">
        <v>1</v>
      </c>
      <c r="DV21" s="72">
        <v>2</v>
      </c>
      <c r="DW21" s="244"/>
      <c r="DX21" s="71">
        <v>1</v>
      </c>
      <c r="DY21" s="71">
        <v>0</v>
      </c>
      <c r="DZ21" s="71">
        <v>0</v>
      </c>
      <c r="EA21" s="71">
        <v>0</v>
      </c>
      <c r="EB21" s="71">
        <v>0</v>
      </c>
      <c r="EC21" s="72">
        <v>1</v>
      </c>
      <c r="ED21" s="73">
        <v>3</v>
      </c>
      <c r="EE21" s="70">
        <v>0</v>
      </c>
      <c r="EF21" s="71">
        <v>3</v>
      </c>
      <c r="EG21" s="72">
        <v>3</v>
      </c>
      <c r="EH21" s="244"/>
      <c r="EI21" s="71">
        <v>1</v>
      </c>
      <c r="EJ21" s="71">
        <v>4</v>
      </c>
      <c r="EK21" s="71">
        <v>2</v>
      </c>
      <c r="EL21" s="71">
        <v>0</v>
      </c>
      <c r="EM21" s="71">
        <v>0</v>
      </c>
      <c r="EN21" s="72">
        <v>7</v>
      </c>
      <c r="EO21" s="73">
        <v>10</v>
      </c>
      <c r="EP21" s="70">
        <v>7</v>
      </c>
      <c r="EQ21" s="71">
        <v>5</v>
      </c>
      <c r="ER21" s="72">
        <v>12</v>
      </c>
      <c r="ES21" s="244"/>
      <c r="ET21" s="71">
        <v>2</v>
      </c>
      <c r="EU21" s="71">
        <v>1</v>
      </c>
      <c r="EV21" s="71">
        <v>0</v>
      </c>
      <c r="EW21" s="71">
        <v>1</v>
      </c>
      <c r="EX21" s="71">
        <v>0</v>
      </c>
      <c r="EY21" s="72">
        <v>4</v>
      </c>
      <c r="EZ21" s="73">
        <v>16</v>
      </c>
      <c r="FA21" s="70">
        <v>2</v>
      </c>
      <c r="FB21" s="71">
        <v>1</v>
      </c>
      <c r="FC21" s="72">
        <v>3</v>
      </c>
      <c r="FD21" s="244"/>
      <c r="FE21" s="71">
        <v>10</v>
      </c>
      <c r="FF21" s="71">
        <v>7</v>
      </c>
      <c r="FG21" s="71">
        <v>3</v>
      </c>
      <c r="FH21" s="71">
        <v>2</v>
      </c>
      <c r="FI21" s="71">
        <v>3</v>
      </c>
      <c r="FJ21" s="72">
        <v>25</v>
      </c>
      <c r="FK21" s="73">
        <v>28</v>
      </c>
      <c r="FL21" s="70">
        <v>1</v>
      </c>
      <c r="FM21" s="71">
        <v>0</v>
      </c>
      <c r="FN21" s="72">
        <v>1</v>
      </c>
      <c r="FO21" s="244"/>
      <c r="FP21" s="71">
        <v>3</v>
      </c>
      <c r="FQ21" s="71">
        <v>3</v>
      </c>
      <c r="FR21" s="71">
        <v>4</v>
      </c>
      <c r="FS21" s="71">
        <v>2</v>
      </c>
      <c r="FT21" s="71">
        <v>1</v>
      </c>
      <c r="FU21" s="72">
        <v>13</v>
      </c>
      <c r="FV21" s="73">
        <v>14</v>
      </c>
      <c r="FW21" s="70">
        <v>0</v>
      </c>
      <c r="FX21" s="71">
        <v>0</v>
      </c>
      <c r="FY21" s="72">
        <v>0</v>
      </c>
      <c r="FZ21" s="244"/>
      <c r="GA21" s="71">
        <v>0</v>
      </c>
      <c r="GB21" s="71">
        <v>0</v>
      </c>
      <c r="GC21" s="71">
        <v>0</v>
      </c>
      <c r="GD21" s="71">
        <v>0</v>
      </c>
      <c r="GE21" s="71">
        <v>0</v>
      </c>
      <c r="GF21" s="72">
        <v>0</v>
      </c>
      <c r="GG21" s="73">
        <v>0</v>
      </c>
      <c r="GH21" s="70">
        <v>11</v>
      </c>
      <c r="GI21" s="71">
        <v>11</v>
      </c>
      <c r="GJ21" s="72">
        <v>22</v>
      </c>
      <c r="GK21" s="244"/>
      <c r="GL21" s="71">
        <v>17</v>
      </c>
      <c r="GM21" s="71">
        <v>15</v>
      </c>
      <c r="GN21" s="71">
        <v>10</v>
      </c>
      <c r="GO21" s="71">
        <v>5</v>
      </c>
      <c r="GP21" s="71">
        <v>4</v>
      </c>
      <c r="GQ21" s="72">
        <v>51</v>
      </c>
      <c r="GR21" s="73">
        <v>73</v>
      </c>
      <c r="GS21" s="123">
        <v>98</v>
      </c>
      <c r="GT21" s="82">
        <v>91</v>
      </c>
      <c r="GU21" s="83">
        <v>189</v>
      </c>
      <c r="GV21" s="241"/>
      <c r="GW21" s="82">
        <v>168</v>
      </c>
      <c r="GX21" s="82">
        <v>126</v>
      </c>
      <c r="GY21" s="82">
        <v>96</v>
      </c>
      <c r="GZ21" s="82">
        <v>71</v>
      </c>
      <c r="HA21" s="82">
        <v>46</v>
      </c>
      <c r="HB21" s="84">
        <v>507</v>
      </c>
      <c r="HC21" s="85">
        <v>696</v>
      </c>
      <c r="HD21" s="70">
        <v>1</v>
      </c>
      <c r="HE21" s="71">
        <v>4</v>
      </c>
      <c r="HF21" s="72">
        <v>5</v>
      </c>
      <c r="HG21" s="244"/>
      <c r="HH21" s="71">
        <v>2</v>
      </c>
      <c r="HI21" s="71">
        <v>1</v>
      </c>
      <c r="HJ21" s="71">
        <v>4</v>
      </c>
      <c r="HK21" s="71">
        <v>1</v>
      </c>
      <c r="HL21" s="71">
        <v>2</v>
      </c>
      <c r="HM21" s="72">
        <v>10</v>
      </c>
      <c r="HN21" s="73">
        <v>15</v>
      </c>
      <c r="HO21" s="70">
        <v>4</v>
      </c>
      <c r="HP21" s="71">
        <v>4</v>
      </c>
      <c r="HQ21" s="72">
        <v>8</v>
      </c>
      <c r="HR21" s="244"/>
      <c r="HS21" s="71">
        <v>9</v>
      </c>
      <c r="HT21" s="71">
        <v>2</v>
      </c>
      <c r="HU21" s="71">
        <v>3</v>
      </c>
      <c r="HV21" s="71">
        <v>4</v>
      </c>
      <c r="HW21" s="71">
        <v>4</v>
      </c>
      <c r="HX21" s="72">
        <v>22</v>
      </c>
      <c r="HY21" s="73">
        <v>30</v>
      </c>
      <c r="HZ21" s="70">
        <v>8</v>
      </c>
      <c r="IA21" s="71">
        <v>9</v>
      </c>
      <c r="IB21" s="72">
        <v>17</v>
      </c>
      <c r="IC21" s="244"/>
      <c r="ID21" s="71">
        <v>14</v>
      </c>
      <c r="IE21" s="71">
        <v>13</v>
      </c>
      <c r="IF21" s="71">
        <v>10</v>
      </c>
      <c r="IG21" s="71">
        <v>6</v>
      </c>
      <c r="IH21" s="71">
        <v>5</v>
      </c>
      <c r="II21" s="72">
        <v>48</v>
      </c>
      <c r="IJ21" s="73">
        <v>65</v>
      </c>
      <c r="IK21" s="70">
        <v>32</v>
      </c>
      <c r="IL21" s="71">
        <v>19</v>
      </c>
      <c r="IM21" s="72">
        <v>51</v>
      </c>
      <c r="IN21" s="244"/>
      <c r="IO21" s="71">
        <v>31</v>
      </c>
      <c r="IP21" s="71">
        <v>21</v>
      </c>
      <c r="IQ21" s="71">
        <v>17</v>
      </c>
      <c r="IR21" s="71">
        <v>10</v>
      </c>
      <c r="IS21" s="71">
        <v>12</v>
      </c>
      <c r="IT21" s="72">
        <v>91</v>
      </c>
      <c r="IU21" s="73">
        <v>142</v>
      </c>
      <c r="IV21" s="70">
        <v>28</v>
      </c>
      <c r="IW21" s="71">
        <v>35</v>
      </c>
      <c r="IX21" s="72">
        <v>63</v>
      </c>
      <c r="IY21" s="244"/>
      <c r="IZ21" s="71">
        <v>54</v>
      </c>
      <c r="JA21" s="71">
        <v>45</v>
      </c>
      <c r="JB21" s="71">
        <v>32</v>
      </c>
      <c r="JC21" s="71">
        <v>26</v>
      </c>
      <c r="JD21" s="71">
        <v>13</v>
      </c>
      <c r="JE21" s="72">
        <v>170</v>
      </c>
      <c r="JF21" s="73">
        <v>233</v>
      </c>
      <c r="JG21" s="70">
        <v>25</v>
      </c>
      <c r="JH21" s="71">
        <v>20</v>
      </c>
      <c r="JI21" s="72">
        <v>45</v>
      </c>
      <c r="JJ21" s="244"/>
      <c r="JK21" s="71">
        <v>58</v>
      </c>
      <c r="JL21" s="71">
        <v>44</v>
      </c>
      <c r="JM21" s="71">
        <v>30</v>
      </c>
      <c r="JN21" s="71">
        <v>24</v>
      </c>
      <c r="JO21" s="71">
        <v>10</v>
      </c>
      <c r="JP21" s="72">
        <v>166</v>
      </c>
      <c r="JQ21" s="73">
        <v>211</v>
      </c>
      <c r="JR21" s="70">
        <v>0</v>
      </c>
      <c r="JS21" s="71">
        <v>0</v>
      </c>
      <c r="JT21" s="72">
        <v>0</v>
      </c>
      <c r="JU21" s="244"/>
      <c r="JV21" s="71">
        <v>0</v>
      </c>
      <c r="JW21" s="71">
        <v>0</v>
      </c>
      <c r="JX21" s="71">
        <v>0</v>
      </c>
      <c r="JY21" s="71">
        <v>0</v>
      </c>
      <c r="JZ21" s="71">
        <v>0</v>
      </c>
      <c r="KA21" s="72">
        <v>0</v>
      </c>
      <c r="KB21" s="73">
        <v>0</v>
      </c>
      <c r="KC21" s="70">
        <v>98</v>
      </c>
      <c r="KD21" s="71">
        <v>91</v>
      </c>
      <c r="KE21" s="72">
        <v>189</v>
      </c>
      <c r="KF21" s="244"/>
      <c r="KG21" s="71">
        <v>168</v>
      </c>
      <c r="KH21" s="71">
        <v>126</v>
      </c>
      <c r="KI21" s="71">
        <v>96</v>
      </c>
      <c r="KJ21" s="71">
        <v>71</v>
      </c>
      <c r="KK21" s="71">
        <v>46</v>
      </c>
      <c r="KL21" s="72">
        <v>507</v>
      </c>
      <c r="KM21" s="73">
        <v>696</v>
      </c>
    </row>
    <row r="22" spans="2:299" ht="19.5" customHeight="1" x14ac:dyDescent="0.2">
      <c r="B22" s="126" t="s">
        <v>19</v>
      </c>
      <c r="C22" s="315">
        <v>35</v>
      </c>
      <c r="D22" s="82">
        <v>29</v>
      </c>
      <c r="E22" s="83">
        <v>64</v>
      </c>
      <c r="F22" s="241"/>
      <c r="G22" s="82">
        <v>71</v>
      </c>
      <c r="H22" s="82">
        <v>49</v>
      </c>
      <c r="I22" s="82">
        <v>19</v>
      </c>
      <c r="J22" s="82">
        <v>25</v>
      </c>
      <c r="K22" s="82">
        <v>14</v>
      </c>
      <c r="L22" s="84">
        <v>178</v>
      </c>
      <c r="M22" s="85">
        <v>242</v>
      </c>
      <c r="N22" s="86">
        <v>1</v>
      </c>
      <c r="O22" s="71">
        <v>0</v>
      </c>
      <c r="P22" s="72">
        <v>1</v>
      </c>
      <c r="Q22" s="241"/>
      <c r="R22" s="71">
        <v>2</v>
      </c>
      <c r="S22" s="71">
        <v>2</v>
      </c>
      <c r="T22" s="71">
        <v>1</v>
      </c>
      <c r="U22" s="71">
        <v>0</v>
      </c>
      <c r="V22" s="71">
        <v>0</v>
      </c>
      <c r="W22" s="72">
        <v>5</v>
      </c>
      <c r="X22" s="73">
        <v>6</v>
      </c>
      <c r="Y22" s="70">
        <v>2</v>
      </c>
      <c r="Z22" s="71">
        <v>1</v>
      </c>
      <c r="AA22" s="72">
        <v>3</v>
      </c>
      <c r="AB22" s="244"/>
      <c r="AC22" s="71">
        <v>1</v>
      </c>
      <c r="AD22" s="71">
        <v>4</v>
      </c>
      <c r="AE22" s="71">
        <v>0</v>
      </c>
      <c r="AF22" s="71">
        <v>1</v>
      </c>
      <c r="AG22" s="71">
        <v>2</v>
      </c>
      <c r="AH22" s="72">
        <v>8</v>
      </c>
      <c r="AI22" s="73">
        <v>11</v>
      </c>
      <c r="AJ22" s="86">
        <v>1</v>
      </c>
      <c r="AK22" s="71">
        <v>2</v>
      </c>
      <c r="AL22" s="72">
        <v>3</v>
      </c>
      <c r="AM22" s="244"/>
      <c r="AN22" s="71">
        <v>4</v>
      </c>
      <c r="AO22" s="71">
        <v>3</v>
      </c>
      <c r="AP22" s="71">
        <v>0</v>
      </c>
      <c r="AQ22" s="71">
        <v>1</v>
      </c>
      <c r="AR22" s="71">
        <v>0</v>
      </c>
      <c r="AS22" s="72">
        <v>8</v>
      </c>
      <c r="AT22" s="73">
        <v>11</v>
      </c>
      <c r="AU22" s="70">
        <v>10</v>
      </c>
      <c r="AV22" s="71">
        <v>5</v>
      </c>
      <c r="AW22" s="72">
        <v>15</v>
      </c>
      <c r="AX22" s="244"/>
      <c r="AY22" s="71">
        <v>9</v>
      </c>
      <c r="AZ22" s="71">
        <v>10</v>
      </c>
      <c r="BA22" s="71">
        <v>4</v>
      </c>
      <c r="BB22" s="71">
        <v>7</v>
      </c>
      <c r="BC22" s="71">
        <v>3</v>
      </c>
      <c r="BD22" s="72">
        <v>33</v>
      </c>
      <c r="BE22" s="73">
        <v>48</v>
      </c>
      <c r="BF22" s="86">
        <v>12</v>
      </c>
      <c r="BG22" s="71">
        <v>13</v>
      </c>
      <c r="BH22" s="72">
        <v>25</v>
      </c>
      <c r="BI22" s="244"/>
      <c r="BJ22" s="71">
        <v>31</v>
      </c>
      <c r="BK22" s="71">
        <v>14</v>
      </c>
      <c r="BL22" s="71">
        <v>9</v>
      </c>
      <c r="BM22" s="71">
        <v>8</v>
      </c>
      <c r="BN22" s="71">
        <v>2</v>
      </c>
      <c r="BO22" s="72">
        <v>64</v>
      </c>
      <c r="BP22" s="73">
        <v>89</v>
      </c>
      <c r="BQ22" s="70">
        <v>9</v>
      </c>
      <c r="BR22" s="71">
        <v>8</v>
      </c>
      <c r="BS22" s="72">
        <v>17</v>
      </c>
      <c r="BT22" s="244"/>
      <c r="BU22" s="71">
        <v>24</v>
      </c>
      <c r="BV22" s="71">
        <v>16</v>
      </c>
      <c r="BW22" s="71">
        <v>5</v>
      </c>
      <c r="BX22" s="71">
        <v>8</v>
      </c>
      <c r="BY22" s="71">
        <v>7</v>
      </c>
      <c r="BZ22" s="72">
        <v>60</v>
      </c>
      <c r="CA22" s="73">
        <v>77</v>
      </c>
      <c r="CB22" s="70">
        <v>0</v>
      </c>
      <c r="CC22" s="71">
        <v>0</v>
      </c>
      <c r="CD22" s="72">
        <v>0</v>
      </c>
      <c r="CE22" s="244"/>
      <c r="CF22" s="71">
        <v>0</v>
      </c>
      <c r="CG22" s="71">
        <v>0</v>
      </c>
      <c r="CH22" s="71">
        <v>0</v>
      </c>
      <c r="CI22" s="71">
        <v>0</v>
      </c>
      <c r="CJ22" s="71">
        <v>0</v>
      </c>
      <c r="CK22" s="72">
        <v>0</v>
      </c>
      <c r="CL22" s="73">
        <v>0</v>
      </c>
      <c r="CM22" s="70">
        <v>35</v>
      </c>
      <c r="CN22" s="71">
        <v>29</v>
      </c>
      <c r="CO22" s="72">
        <v>64</v>
      </c>
      <c r="CP22" s="244"/>
      <c r="CQ22" s="71">
        <v>71</v>
      </c>
      <c r="CR22" s="71">
        <v>49</v>
      </c>
      <c r="CS22" s="71">
        <v>19</v>
      </c>
      <c r="CT22" s="71">
        <v>25</v>
      </c>
      <c r="CU22" s="71">
        <v>14</v>
      </c>
      <c r="CV22" s="72">
        <v>178</v>
      </c>
      <c r="CW22" s="73">
        <v>242</v>
      </c>
      <c r="CX22" s="123">
        <v>1</v>
      </c>
      <c r="CY22" s="82">
        <v>8</v>
      </c>
      <c r="CZ22" s="83">
        <v>9</v>
      </c>
      <c r="DA22" s="241"/>
      <c r="DB22" s="82">
        <v>8</v>
      </c>
      <c r="DC22" s="82">
        <v>7</v>
      </c>
      <c r="DD22" s="82">
        <v>8</v>
      </c>
      <c r="DE22" s="82">
        <v>4</v>
      </c>
      <c r="DF22" s="82">
        <v>3</v>
      </c>
      <c r="DG22" s="84">
        <v>30</v>
      </c>
      <c r="DH22" s="85">
        <v>39</v>
      </c>
      <c r="DI22" s="86">
        <v>0</v>
      </c>
      <c r="DJ22" s="71">
        <v>0</v>
      </c>
      <c r="DK22" s="72">
        <v>0</v>
      </c>
      <c r="DL22" s="244"/>
      <c r="DM22" s="71">
        <v>0</v>
      </c>
      <c r="DN22" s="71">
        <v>0</v>
      </c>
      <c r="DO22" s="71">
        <v>1</v>
      </c>
      <c r="DP22" s="71">
        <v>0</v>
      </c>
      <c r="DQ22" s="71">
        <v>0</v>
      </c>
      <c r="DR22" s="72">
        <v>1</v>
      </c>
      <c r="DS22" s="73">
        <v>1</v>
      </c>
      <c r="DT22" s="70">
        <v>0</v>
      </c>
      <c r="DU22" s="71">
        <v>1</v>
      </c>
      <c r="DV22" s="72">
        <v>1</v>
      </c>
      <c r="DW22" s="244"/>
      <c r="DX22" s="71">
        <v>0</v>
      </c>
      <c r="DY22" s="71">
        <v>0</v>
      </c>
      <c r="DZ22" s="71">
        <v>0</v>
      </c>
      <c r="EA22" s="71">
        <v>0</v>
      </c>
      <c r="EB22" s="71">
        <v>0</v>
      </c>
      <c r="EC22" s="72">
        <v>0</v>
      </c>
      <c r="ED22" s="73">
        <v>1</v>
      </c>
      <c r="EE22" s="86">
        <v>1</v>
      </c>
      <c r="EF22" s="71">
        <v>0</v>
      </c>
      <c r="EG22" s="72">
        <v>1</v>
      </c>
      <c r="EH22" s="244"/>
      <c r="EI22" s="71">
        <v>2</v>
      </c>
      <c r="EJ22" s="71">
        <v>0</v>
      </c>
      <c r="EK22" s="71">
        <v>0</v>
      </c>
      <c r="EL22" s="71">
        <v>0</v>
      </c>
      <c r="EM22" s="71">
        <v>0</v>
      </c>
      <c r="EN22" s="72">
        <v>2</v>
      </c>
      <c r="EO22" s="73">
        <v>3</v>
      </c>
      <c r="EP22" s="70">
        <v>0</v>
      </c>
      <c r="EQ22" s="71">
        <v>4</v>
      </c>
      <c r="ER22" s="72">
        <v>4</v>
      </c>
      <c r="ES22" s="244"/>
      <c r="ET22" s="71">
        <v>0</v>
      </c>
      <c r="EU22" s="71">
        <v>1</v>
      </c>
      <c r="EV22" s="71">
        <v>2</v>
      </c>
      <c r="EW22" s="71">
        <v>0</v>
      </c>
      <c r="EX22" s="71">
        <v>0</v>
      </c>
      <c r="EY22" s="72">
        <v>3</v>
      </c>
      <c r="EZ22" s="73">
        <v>7</v>
      </c>
      <c r="FA22" s="86">
        <v>0</v>
      </c>
      <c r="FB22" s="71">
        <v>0</v>
      </c>
      <c r="FC22" s="72">
        <v>0</v>
      </c>
      <c r="FD22" s="244"/>
      <c r="FE22" s="71">
        <v>3</v>
      </c>
      <c r="FF22" s="71">
        <v>3</v>
      </c>
      <c r="FG22" s="71">
        <v>3</v>
      </c>
      <c r="FH22" s="71">
        <v>0</v>
      </c>
      <c r="FI22" s="71">
        <v>0</v>
      </c>
      <c r="FJ22" s="72">
        <v>9</v>
      </c>
      <c r="FK22" s="73">
        <v>9</v>
      </c>
      <c r="FL22" s="70">
        <v>0</v>
      </c>
      <c r="FM22" s="71">
        <v>3</v>
      </c>
      <c r="FN22" s="72">
        <v>3</v>
      </c>
      <c r="FO22" s="244"/>
      <c r="FP22" s="71">
        <v>3</v>
      </c>
      <c r="FQ22" s="71">
        <v>3</v>
      </c>
      <c r="FR22" s="71">
        <v>2</v>
      </c>
      <c r="FS22" s="71">
        <v>4</v>
      </c>
      <c r="FT22" s="71">
        <v>3</v>
      </c>
      <c r="FU22" s="72">
        <v>15</v>
      </c>
      <c r="FV22" s="73">
        <v>18</v>
      </c>
      <c r="FW22" s="70">
        <v>0</v>
      </c>
      <c r="FX22" s="71">
        <v>0</v>
      </c>
      <c r="FY22" s="72">
        <v>0</v>
      </c>
      <c r="FZ22" s="244"/>
      <c r="GA22" s="71">
        <v>0</v>
      </c>
      <c r="GB22" s="71">
        <v>0</v>
      </c>
      <c r="GC22" s="71">
        <v>0</v>
      </c>
      <c r="GD22" s="71">
        <v>0</v>
      </c>
      <c r="GE22" s="71">
        <v>0</v>
      </c>
      <c r="GF22" s="72">
        <v>0</v>
      </c>
      <c r="GG22" s="73">
        <v>0</v>
      </c>
      <c r="GH22" s="70">
        <v>1</v>
      </c>
      <c r="GI22" s="71">
        <v>8</v>
      </c>
      <c r="GJ22" s="72">
        <v>9</v>
      </c>
      <c r="GK22" s="244"/>
      <c r="GL22" s="71">
        <v>8</v>
      </c>
      <c r="GM22" s="71">
        <v>7</v>
      </c>
      <c r="GN22" s="71">
        <v>8</v>
      </c>
      <c r="GO22" s="71">
        <v>4</v>
      </c>
      <c r="GP22" s="71">
        <v>3</v>
      </c>
      <c r="GQ22" s="72">
        <v>30</v>
      </c>
      <c r="GR22" s="73">
        <v>39</v>
      </c>
      <c r="GS22" s="123">
        <v>36</v>
      </c>
      <c r="GT22" s="82">
        <v>37</v>
      </c>
      <c r="GU22" s="83">
        <v>73</v>
      </c>
      <c r="GV22" s="241"/>
      <c r="GW22" s="82">
        <v>79</v>
      </c>
      <c r="GX22" s="82">
        <v>56</v>
      </c>
      <c r="GY22" s="82">
        <v>27</v>
      </c>
      <c r="GZ22" s="82">
        <v>29</v>
      </c>
      <c r="HA22" s="82">
        <v>17</v>
      </c>
      <c r="HB22" s="84">
        <v>208</v>
      </c>
      <c r="HC22" s="85">
        <v>281</v>
      </c>
      <c r="HD22" s="86">
        <v>1</v>
      </c>
      <c r="HE22" s="71">
        <v>0</v>
      </c>
      <c r="HF22" s="72">
        <v>1</v>
      </c>
      <c r="HG22" s="244"/>
      <c r="HH22" s="71">
        <v>2</v>
      </c>
      <c r="HI22" s="71">
        <v>2</v>
      </c>
      <c r="HJ22" s="71">
        <v>2</v>
      </c>
      <c r="HK22" s="71">
        <v>0</v>
      </c>
      <c r="HL22" s="71">
        <v>0</v>
      </c>
      <c r="HM22" s="72">
        <v>6</v>
      </c>
      <c r="HN22" s="73">
        <v>7</v>
      </c>
      <c r="HO22" s="70">
        <v>2</v>
      </c>
      <c r="HP22" s="71">
        <v>2</v>
      </c>
      <c r="HQ22" s="72">
        <v>4</v>
      </c>
      <c r="HR22" s="244"/>
      <c r="HS22" s="71">
        <v>1</v>
      </c>
      <c r="HT22" s="71">
        <v>4</v>
      </c>
      <c r="HU22" s="71">
        <v>0</v>
      </c>
      <c r="HV22" s="71">
        <v>1</v>
      </c>
      <c r="HW22" s="71">
        <v>2</v>
      </c>
      <c r="HX22" s="72">
        <v>8</v>
      </c>
      <c r="HY22" s="73">
        <v>12</v>
      </c>
      <c r="HZ22" s="86">
        <v>2</v>
      </c>
      <c r="IA22" s="71">
        <v>2</v>
      </c>
      <c r="IB22" s="72">
        <v>4</v>
      </c>
      <c r="IC22" s="244"/>
      <c r="ID22" s="71">
        <v>6</v>
      </c>
      <c r="IE22" s="71">
        <v>3</v>
      </c>
      <c r="IF22" s="71">
        <v>0</v>
      </c>
      <c r="IG22" s="71">
        <v>1</v>
      </c>
      <c r="IH22" s="71">
        <v>0</v>
      </c>
      <c r="II22" s="72">
        <v>10</v>
      </c>
      <c r="IJ22" s="73">
        <v>14</v>
      </c>
      <c r="IK22" s="70">
        <v>10</v>
      </c>
      <c r="IL22" s="71">
        <v>9</v>
      </c>
      <c r="IM22" s="72">
        <v>19</v>
      </c>
      <c r="IN22" s="244"/>
      <c r="IO22" s="71">
        <v>9</v>
      </c>
      <c r="IP22" s="71">
        <v>11</v>
      </c>
      <c r="IQ22" s="71">
        <v>6</v>
      </c>
      <c r="IR22" s="71">
        <v>7</v>
      </c>
      <c r="IS22" s="71">
        <v>3</v>
      </c>
      <c r="IT22" s="72">
        <v>36</v>
      </c>
      <c r="IU22" s="73">
        <v>55</v>
      </c>
      <c r="IV22" s="86">
        <v>12</v>
      </c>
      <c r="IW22" s="71">
        <v>13</v>
      </c>
      <c r="IX22" s="72">
        <v>25</v>
      </c>
      <c r="IY22" s="244"/>
      <c r="IZ22" s="71">
        <v>34</v>
      </c>
      <c r="JA22" s="71">
        <v>17</v>
      </c>
      <c r="JB22" s="71">
        <v>12</v>
      </c>
      <c r="JC22" s="71">
        <v>8</v>
      </c>
      <c r="JD22" s="71">
        <v>2</v>
      </c>
      <c r="JE22" s="72">
        <v>73</v>
      </c>
      <c r="JF22" s="73">
        <v>98</v>
      </c>
      <c r="JG22" s="70">
        <v>9</v>
      </c>
      <c r="JH22" s="71">
        <v>11</v>
      </c>
      <c r="JI22" s="72">
        <v>20</v>
      </c>
      <c r="JJ22" s="244"/>
      <c r="JK22" s="71">
        <v>27</v>
      </c>
      <c r="JL22" s="71">
        <v>19</v>
      </c>
      <c r="JM22" s="71">
        <v>7</v>
      </c>
      <c r="JN22" s="71">
        <v>12</v>
      </c>
      <c r="JO22" s="71">
        <v>10</v>
      </c>
      <c r="JP22" s="72">
        <v>75</v>
      </c>
      <c r="JQ22" s="73">
        <v>95</v>
      </c>
      <c r="JR22" s="70">
        <v>0</v>
      </c>
      <c r="JS22" s="71">
        <v>0</v>
      </c>
      <c r="JT22" s="72">
        <v>0</v>
      </c>
      <c r="JU22" s="244"/>
      <c r="JV22" s="71">
        <v>0</v>
      </c>
      <c r="JW22" s="71">
        <v>0</v>
      </c>
      <c r="JX22" s="71">
        <v>0</v>
      </c>
      <c r="JY22" s="71">
        <v>0</v>
      </c>
      <c r="JZ22" s="71">
        <v>0</v>
      </c>
      <c r="KA22" s="72">
        <v>0</v>
      </c>
      <c r="KB22" s="73">
        <v>0</v>
      </c>
      <c r="KC22" s="70">
        <v>36</v>
      </c>
      <c r="KD22" s="71">
        <v>37</v>
      </c>
      <c r="KE22" s="72">
        <v>73</v>
      </c>
      <c r="KF22" s="244"/>
      <c r="KG22" s="71">
        <v>79</v>
      </c>
      <c r="KH22" s="71">
        <v>56</v>
      </c>
      <c r="KI22" s="71">
        <v>27</v>
      </c>
      <c r="KJ22" s="71">
        <v>29</v>
      </c>
      <c r="KK22" s="71">
        <v>17</v>
      </c>
      <c r="KL22" s="72">
        <v>208</v>
      </c>
      <c r="KM22" s="73">
        <v>281</v>
      </c>
    </row>
    <row r="23" spans="2:299" ht="19.5" customHeight="1" x14ac:dyDescent="0.2">
      <c r="B23" s="126" t="s">
        <v>20</v>
      </c>
      <c r="C23" s="315">
        <v>50</v>
      </c>
      <c r="D23" s="82">
        <v>71</v>
      </c>
      <c r="E23" s="83">
        <v>121</v>
      </c>
      <c r="F23" s="241"/>
      <c r="G23" s="82">
        <v>121</v>
      </c>
      <c r="H23" s="82">
        <v>65</v>
      </c>
      <c r="I23" s="82">
        <v>50</v>
      </c>
      <c r="J23" s="82">
        <v>36</v>
      </c>
      <c r="K23" s="82">
        <v>18</v>
      </c>
      <c r="L23" s="84">
        <v>290</v>
      </c>
      <c r="M23" s="85">
        <v>411</v>
      </c>
      <c r="N23" s="70">
        <v>1</v>
      </c>
      <c r="O23" s="71">
        <v>1</v>
      </c>
      <c r="P23" s="72">
        <v>2</v>
      </c>
      <c r="Q23" s="241"/>
      <c r="R23" s="71">
        <v>5</v>
      </c>
      <c r="S23" s="71">
        <v>2</v>
      </c>
      <c r="T23" s="71">
        <v>1</v>
      </c>
      <c r="U23" s="71">
        <v>0</v>
      </c>
      <c r="V23" s="71">
        <v>0</v>
      </c>
      <c r="W23" s="72">
        <v>8</v>
      </c>
      <c r="X23" s="73">
        <v>10</v>
      </c>
      <c r="Y23" s="70">
        <v>3</v>
      </c>
      <c r="Z23" s="71">
        <v>2</v>
      </c>
      <c r="AA23" s="72">
        <v>5</v>
      </c>
      <c r="AB23" s="244"/>
      <c r="AC23" s="71">
        <v>3</v>
      </c>
      <c r="AD23" s="71">
        <v>1</v>
      </c>
      <c r="AE23" s="71">
        <v>1</v>
      </c>
      <c r="AF23" s="71">
        <v>4</v>
      </c>
      <c r="AG23" s="71">
        <v>1</v>
      </c>
      <c r="AH23" s="72">
        <v>10</v>
      </c>
      <c r="AI23" s="73">
        <v>15</v>
      </c>
      <c r="AJ23" s="70">
        <v>4</v>
      </c>
      <c r="AK23" s="71">
        <v>6</v>
      </c>
      <c r="AL23" s="72">
        <v>10</v>
      </c>
      <c r="AM23" s="244"/>
      <c r="AN23" s="71">
        <v>9</v>
      </c>
      <c r="AO23" s="71">
        <v>2</v>
      </c>
      <c r="AP23" s="71">
        <v>9</v>
      </c>
      <c r="AQ23" s="71">
        <v>8</v>
      </c>
      <c r="AR23" s="71">
        <v>4</v>
      </c>
      <c r="AS23" s="72">
        <v>32</v>
      </c>
      <c r="AT23" s="73">
        <v>42</v>
      </c>
      <c r="AU23" s="70">
        <v>11</v>
      </c>
      <c r="AV23" s="71">
        <v>19</v>
      </c>
      <c r="AW23" s="72">
        <v>30</v>
      </c>
      <c r="AX23" s="244"/>
      <c r="AY23" s="71">
        <v>27</v>
      </c>
      <c r="AZ23" s="71">
        <v>19</v>
      </c>
      <c r="BA23" s="71">
        <v>12</v>
      </c>
      <c r="BB23" s="71">
        <v>8</v>
      </c>
      <c r="BC23" s="71">
        <v>5</v>
      </c>
      <c r="BD23" s="72">
        <v>71</v>
      </c>
      <c r="BE23" s="73">
        <v>101</v>
      </c>
      <c r="BF23" s="70">
        <v>17</v>
      </c>
      <c r="BG23" s="71">
        <v>24</v>
      </c>
      <c r="BH23" s="72">
        <v>41</v>
      </c>
      <c r="BI23" s="244"/>
      <c r="BJ23" s="71">
        <v>48</v>
      </c>
      <c r="BK23" s="71">
        <v>23</v>
      </c>
      <c r="BL23" s="71">
        <v>14</v>
      </c>
      <c r="BM23" s="71">
        <v>4</v>
      </c>
      <c r="BN23" s="71">
        <v>4</v>
      </c>
      <c r="BO23" s="72">
        <v>93</v>
      </c>
      <c r="BP23" s="73">
        <v>134</v>
      </c>
      <c r="BQ23" s="70">
        <v>14</v>
      </c>
      <c r="BR23" s="71">
        <v>19</v>
      </c>
      <c r="BS23" s="72">
        <v>33</v>
      </c>
      <c r="BT23" s="244"/>
      <c r="BU23" s="71">
        <v>29</v>
      </c>
      <c r="BV23" s="71">
        <v>18</v>
      </c>
      <c r="BW23" s="71">
        <v>13</v>
      </c>
      <c r="BX23" s="71">
        <v>12</v>
      </c>
      <c r="BY23" s="71">
        <v>4</v>
      </c>
      <c r="BZ23" s="72">
        <v>76</v>
      </c>
      <c r="CA23" s="73">
        <v>109</v>
      </c>
      <c r="CB23" s="70">
        <v>0</v>
      </c>
      <c r="CC23" s="71">
        <v>0</v>
      </c>
      <c r="CD23" s="72">
        <v>0</v>
      </c>
      <c r="CE23" s="244"/>
      <c r="CF23" s="71">
        <v>0</v>
      </c>
      <c r="CG23" s="71">
        <v>0</v>
      </c>
      <c r="CH23" s="71">
        <v>0</v>
      </c>
      <c r="CI23" s="71">
        <v>0</v>
      </c>
      <c r="CJ23" s="71">
        <v>0</v>
      </c>
      <c r="CK23" s="72">
        <v>0</v>
      </c>
      <c r="CL23" s="73">
        <v>0</v>
      </c>
      <c r="CM23" s="70">
        <v>50</v>
      </c>
      <c r="CN23" s="71">
        <v>71</v>
      </c>
      <c r="CO23" s="72">
        <v>121</v>
      </c>
      <c r="CP23" s="244"/>
      <c r="CQ23" s="71">
        <v>121</v>
      </c>
      <c r="CR23" s="71">
        <v>65</v>
      </c>
      <c r="CS23" s="71">
        <v>50</v>
      </c>
      <c r="CT23" s="71">
        <v>36</v>
      </c>
      <c r="CU23" s="71">
        <v>18</v>
      </c>
      <c r="CV23" s="72">
        <v>290</v>
      </c>
      <c r="CW23" s="73">
        <v>411</v>
      </c>
      <c r="CX23" s="123">
        <v>5</v>
      </c>
      <c r="CY23" s="82">
        <v>7</v>
      </c>
      <c r="CZ23" s="83">
        <v>12</v>
      </c>
      <c r="DA23" s="241"/>
      <c r="DB23" s="82">
        <v>11</v>
      </c>
      <c r="DC23" s="82">
        <v>7</v>
      </c>
      <c r="DD23" s="82">
        <v>5</v>
      </c>
      <c r="DE23" s="82">
        <v>5</v>
      </c>
      <c r="DF23" s="82">
        <v>3</v>
      </c>
      <c r="DG23" s="84">
        <v>31</v>
      </c>
      <c r="DH23" s="85">
        <v>43</v>
      </c>
      <c r="DI23" s="70">
        <v>0</v>
      </c>
      <c r="DJ23" s="71">
        <v>0</v>
      </c>
      <c r="DK23" s="72">
        <v>0</v>
      </c>
      <c r="DL23" s="244"/>
      <c r="DM23" s="71">
        <v>0</v>
      </c>
      <c r="DN23" s="71">
        <v>0</v>
      </c>
      <c r="DO23" s="71">
        <v>0</v>
      </c>
      <c r="DP23" s="71">
        <v>0</v>
      </c>
      <c r="DQ23" s="71">
        <v>0</v>
      </c>
      <c r="DR23" s="72">
        <v>0</v>
      </c>
      <c r="DS23" s="73">
        <v>0</v>
      </c>
      <c r="DT23" s="70">
        <v>0</v>
      </c>
      <c r="DU23" s="71">
        <v>0</v>
      </c>
      <c r="DV23" s="72">
        <v>0</v>
      </c>
      <c r="DW23" s="244"/>
      <c r="DX23" s="71">
        <v>0</v>
      </c>
      <c r="DY23" s="71">
        <v>1</v>
      </c>
      <c r="DZ23" s="71">
        <v>0</v>
      </c>
      <c r="EA23" s="71">
        <v>0</v>
      </c>
      <c r="EB23" s="71">
        <v>0</v>
      </c>
      <c r="EC23" s="72">
        <v>1</v>
      </c>
      <c r="ED23" s="73">
        <v>1</v>
      </c>
      <c r="EE23" s="70">
        <v>0</v>
      </c>
      <c r="EF23" s="71">
        <v>0</v>
      </c>
      <c r="EG23" s="72">
        <v>0</v>
      </c>
      <c r="EH23" s="244"/>
      <c r="EI23" s="71">
        <v>2</v>
      </c>
      <c r="EJ23" s="71">
        <v>2</v>
      </c>
      <c r="EK23" s="71">
        <v>0</v>
      </c>
      <c r="EL23" s="71">
        <v>0</v>
      </c>
      <c r="EM23" s="71">
        <v>0</v>
      </c>
      <c r="EN23" s="72">
        <v>4</v>
      </c>
      <c r="EO23" s="73">
        <v>4</v>
      </c>
      <c r="EP23" s="70">
        <v>4</v>
      </c>
      <c r="EQ23" s="71">
        <v>2</v>
      </c>
      <c r="ER23" s="72">
        <v>6</v>
      </c>
      <c r="ES23" s="244"/>
      <c r="ET23" s="71">
        <v>2</v>
      </c>
      <c r="EU23" s="71">
        <v>1</v>
      </c>
      <c r="EV23" s="71">
        <v>1</v>
      </c>
      <c r="EW23" s="71">
        <v>1</v>
      </c>
      <c r="EX23" s="71">
        <v>1</v>
      </c>
      <c r="EY23" s="72">
        <v>6</v>
      </c>
      <c r="EZ23" s="73">
        <v>12</v>
      </c>
      <c r="FA23" s="70">
        <v>1</v>
      </c>
      <c r="FB23" s="71">
        <v>2</v>
      </c>
      <c r="FC23" s="72">
        <v>3</v>
      </c>
      <c r="FD23" s="244"/>
      <c r="FE23" s="71">
        <v>4</v>
      </c>
      <c r="FF23" s="71">
        <v>1</v>
      </c>
      <c r="FG23" s="71">
        <v>3</v>
      </c>
      <c r="FH23" s="71">
        <v>1</v>
      </c>
      <c r="FI23" s="71">
        <v>0</v>
      </c>
      <c r="FJ23" s="72">
        <v>9</v>
      </c>
      <c r="FK23" s="73">
        <v>12</v>
      </c>
      <c r="FL23" s="70">
        <v>0</v>
      </c>
      <c r="FM23" s="71">
        <v>3</v>
      </c>
      <c r="FN23" s="72">
        <v>3</v>
      </c>
      <c r="FO23" s="244"/>
      <c r="FP23" s="71">
        <v>3</v>
      </c>
      <c r="FQ23" s="71">
        <v>2</v>
      </c>
      <c r="FR23" s="71">
        <v>1</v>
      </c>
      <c r="FS23" s="71">
        <v>3</v>
      </c>
      <c r="FT23" s="71">
        <v>2</v>
      </c>
      <c r="FU23" s="72">
        <v>11</v>
      </c>
      <c r="FV23" s="73">
        <v>14</v>
      </c>
      <c r="FW23" s="70">
        <v>0</v>
      </c>
      <c r="FX23" s="71">
        <v>0</v>
      </c>
      <c r="FY23" s="72">
        <v>0</v>
      </c>
      <c r="FZ23" s="244"/>
      <c r="GA23" s="71">
        <v>0</v>
      </c>
      <c r="GB23" s="71">
        <v>0</v>
      </c>
      <c r="GC23" s="71">
        <v>0</v>
      </c>
      <c r="GD23" s="71">
        <v>0</v>
      </c>
      <c r="GE23" s="71">
        <v>0</v>
      </c>
      <c r="GF23" s="72">
        <v>0</v>
      </c>
      <c r="GG23" s="73">
        <v>0</v>
      </c>
      <c r="GH23" s="70">
        <v>5</v>
      </c>
      <c r="GI23" s="71">
        <v>7</v>
      </c>
      <c r="GJ23" s="72">
        <v>12</v>
      </c>
      <c r="GK23" s="244"/>
      <c r="GL23" s="71">
        <v>11</v>
      </c>
      <c r="GM23" s="71">
        <v>7</v>
      </c>
      <c r="GN23" s="71">
        <v>5</v>
      </c>
      <c r="GO23" s="71">
        <v>5</v>
      </c>
      <c r="GP23" s="71">
        <v>3</v>
      </c>
      <c r="GQ23" s="72">
        <v>31</v>
      </c>
      <c r="GR23" s="73">
        <v>43</v>
      </c>
      <c r="GS23" s="123">
        <v>55</v>
      </c>
      <c r="GT23" s="82">
        <v>78</v>
      </c>
      <c r="GU23" s="83">
        <v>133</v>
      </c>
      <c r="GV23" s="241"/>
      <c r="GW23" s="82">
        <v>132</v>
      </c>
      <c r="GX23" s="82">
        <v>72</v>
      </c>
      <c r="GY23" s="82">
        <v>55</v>
      </c>
      <c r="GZ23" s="82">
        <v>41</v>
      </c>
      <c r="HA23" s="82">
        <v>21</v>
      </c>
      <c r="HB23" s="84">
        <v>321</v>
      </c>
      <c r="HC23" s="85">
        <v>454</v>
      </c>
      <c r="HD23" s="70">
        <v>1</v>
      </c>
      <c r="HE23" s="71">
        <v>1</v>
      </c>
      <c r="HF23" s="72">
        <v>2</v>
      </c>
      <c r="HG23" s="244"/>
      <c r="HH23" s="71">
        <v>5</v>
      </c>
      <c r="HI23" s="71">
        <v>2</v>
      </c>
      <c r="HJ23" s="71">
        <v>1</v>
      </c>
      <c r="HK23" s="71">
        <v>0</v>
      </c>
      <c r="HL23" s="71">
        <v>0</v>
      </c>
      <c r="HM23" s="72">
        <v>8</v>
      </c>
      <c r="HN23" s="73">
        <v>10</v>
      </c>
      <c r="HO23" s="70">
        <v>3</v>
      </c>
      <c r="HP23" s="71">
        <v>2</v>
      </c>
      <c r="HQ23" s="72">
        <v>5</v>
      </c>
      <c r="HR23" s="244"/>
      <c r="HS23" s="71">
        <v>3</v>
      </c>
      <c r="HT23" s="71">
        <v>2</v>
      </c>
      <c r="HU23" s="71">
        <v>1</v>
      </c>
      <c r="HV23" s="71">
        <v>4</v>
      </c>
      <c r="HW23" s="71">
        <v>1</v>
      </c>
      <c r="HX23" s="72">
        <v>11</v>
      </c>
      <c r="HY23" s="73">
        <v>16</v>
      </c>
      <c r="HZ23" s="70">
        <v>4</v>
      </c>
      <c r="IA23" s="71">
        <v>6</v>
      </c>
      <c r="IB23" s="72">
        <v>10</v>
      </c>
      <c r="IC23" s="244"/>
      <c r="ID23" s="71">
        <v>11</v>
      </c>
      <c r="IE23" s="71">
        <v>4</v>
      </c>
      <c r="IF23" s="71">
        <v>9</v>
      </c>
      <c r="IG23" s="71">
        <v>8</v>
      </c>
      <c r="IH23" s="71">
        <v>4</v>
      </c>
      <c r="II23" s="72">
        <v>36</v>
      </c>
      <c r="IJ23" s="73">
        <v>46</v>
      </c>
      <c r="IK23" s="70">
        <v>15</v>
      </c>
      <c r="IL23" s="71">
        <v>21</v>
      </c>
      <c r="IM23" s="72">
        <v>36</v>
      </c>
      <c r="IN23" s="244"/>
      <c r="IO23" s="71">
        <v>29</v>
      </c>
      <c r="IP23" s="71">
        <v>20</v>
      </c>
      <c r="IQ23" s="71">
        <v>13</v>
      </c>
      <c r="IR23" s="71">
        <v>9</v>
      </c>
      <c r="IS23" s="71">
        <v>6</v>
      </c>
      <c r="IT23" s="72">
        <v>77</v>
      </c>
      <c r="IU23" s="73">
        <v>113</v>
      </c>
      <c r="IV23" s="70">
        <v>18</v>
      </c>
      <c r="IW23" s="71">
        <v>26</v>
      </c>
      <c r="IX23" s="72">
        <v>44</v>
      </c>
      <c r="IY23" s="244"/>
      <c r="IZ23" s="71">
        <v>52</v>
      </c>
      <c r="JA23" s="71">
        <v>24</v>
      </c>
      <c r="JB23" s="71">
        <v>17</v>
      </c>
      <c r="JC23" s="71">
        <v>5</v>
      </c>
      <c r="JD23" s="71">
        <v>4</v>
      </c>
      <c r="JE23" s="72">
        <v>102</v>
      </c>
      <c r="JF23" s="73">
        <v>146</v>
      </c>
      <c r="JG23" s="70">
        <v>14</v>
      </c>
      <c r="JH23" s="71">
        <v>22</v>
      </c>
      <c r="JI23" s="72">
        <v>36</v>
      </c>
      <c r="JJ23" s="244"/>
      <c r="JK23" s="71">
        <v>32</v>
      </c>
      <c r="JL23" s="71">
        <v>20</v>
      </c>
      <c r="JM23" s="71">
        <v>14</v>
      </c>
      <c r="JN23" s="71">
        <v>15</v>
      </c>
      <c r="JO23" s="71">
        <v>6</v>
      </c>
      <c r="JP23" s="72">
        <v>87</v>
      </c>
      <c r="JQ23" s="73">
        <v>123</v>
      </c>
      <c r="JR23" s="70">
        <v>0</v>
      </c>
      <c r="JS23" s="71">
        <v>0</v>
      </c>
      <c r="JT23" s="72">
        <v>0</v>
      </c>
      <c r="JU23" s="244"/>
      <c r="JV23" s="71">
        <v>0</v>
      </c>
      <c r="JW23" s="71">
        <v>0</v>
      </c>
      <c r="JX23" s="71">
        <v>0</v>
      </c>
      <c r="JY23" s="71">
        <v>0</v>
      </c>
      <c r="JZ23" s="71">
        <v>0</v>
      </c>
      <c r="KA23" s="72">
        <v>0</v>
      </c>
      <c r="KB23" s="73">
        <v>0</v>
      </c>
      <c r="KC23" s="70">
        <v>55</v>
      </c>
      <c r="KD23" s="71">
        <v>78</v>
      </c>
      <c r="KE23" s="72">
        <v>133</v>
      </c>
      <c r="KF23" s="244"/>
      <c r="KG23" s="71">
        <v>132</v>
      </c>
      <c r="KH23" s="71">
        <v>72</v>
      </c>
      <c r="KI23" s="71">
        <v>55</v>
      </c>
      <c r="KJ23" s="71">
        <v>41</v>
      </c>
      <c r="KK23" s="71">
        <v>21</v>
      </c>
      <c r="KL23" s="72">
        <v>321</v>
      </c>
      <c r="KM23" s="73">
        <v>454</v>
      </c>
    </row>
    <row r="24" spans="2:299" ht="19.5" customHeight="1" x14ac:dyDescent="0.2">
      <c r="B24" s="126" t="s">
        <v>21</v>
      </c>
      <c r="C24" s="315">
        <v>52</v>
      </c>
      <c r="D24" s="82">
        <v>47</v>
      </c>
      <c r="E24" s="83">
        <v>99</v>
      </c>
      <c r="F24" s="241"/>
      <c r="G24" s="82">
        <v>64</v>
      </c>
      <c r="H24" s="82">
        <v>68</v>
      </c>
      <c r="I24" s="82">
        <v>42</v>
      </c>
      <c r="J24" s="82">
        <v>34</v>
      </c>
      <c r="K24" s="82">
        <v>19</v>
      </c>
      <c r="L24" s="84">
        <v>227</v>
      </c>
      <c r="M24" s="85">
        <v>326</v>
      </c>
      <c r="N24" s="70">
        <v>0</v>
      </c>
      <c r="O24" s="71">
        <v>2</v>
      </c>
      <c r="P24" s="72">
        <v>2</v>
      </c>
      <c r="Q24" s="241"/>
      <c r="R24" s="71">
        <v>0</v>
      </c>
      <c r="S24" s="71">
        <v>2</v>
      </c>
      <c r="T24" s="71">
        <v>0</v>
      </c>
      <c r="U24" s="71">
        <v>1</v>
      </c>
      <c r="V24" s="71">
        <v>0</v>
      </c>
      <c r="W24" s="72">
        <v>3</v>
      </c>
      <c r="X24" s="73">
        <v>5</v>
      </c>
      <c r="Y24" s="70">
        <v>2</v>
      </c>
      <c r="Z24" s="71">
        <v>3</v>
      </c>
      <c r="AA24" s="72">
        <v>5</v>
      </c>
      <c r="AB24" s="244"/>
      <c r="AC24" s="71">
        <v>4</v>
      </c>
      <c r="AD24" s="71">
        <v>4</v>
      </c>
      <c r="AE24" s="71">
        <v>3</v>
      </c>
      <c r="AF24" s="71">
        <v>2</v>
      </c>
      <c r="AG24" s="71">
        <v>1</v>
      </c>
      <c r="AH24" s="72">
        <v>14</v>
      </c>
      <c r="AI24" s="73">
        <v>19</v>
      </c>
      <c r="AJ24" s="70">
        <v>4</v>
      </c>
      <c r="AK24" s="71">
        <v>5</v>
      </c>
      <c r="AL24" s="72">
        <v>9</v>
      </c>
      <c r="AM24" s="244"/>
      <c r="AN24" s="71">
        <v>7</v>
      </c>
      <c r="AO24" s="71">
        <v>6</v>
      </c>
      <c r="AP24" s="71">
        <v>5</v>
      </c>
      <c r="AQ24" s="71">
        <v>3</v>
      </c>
      <c r="AR24" s="71">
        <v>1</v>
      </c>
      <c r="AS24" s="72">
        <v>22</v>
      </c>
      <c r="AT24" s="73">
        <v>31</v>
      </c>
      <c r="AU24" s="70">
        <v>10</v>
      </c>
      <c r="AV24" s="71">
        <v>10</v>
      </c>
      <c r="AW24" s="72">
        <v>20</v>
      </c>
      <c r="AX24" s="244"/>
      <c r="AY24" s="71">
        <v>14</v>
      </c>
      <c r="AZ24" s="71">
        <v>17</v>
      </c>
      <c r="BA24" s="71">
        <v>6</v>
      </c>
      <c r="BB24" s="71">
        <v>8</v>
      </c>
      <c r="BC24" s="71">
        <v>3</v>
      </c>
      <c r="BD24" s="72">
        <v>48</v>
      </c>
      <c r="BE24" s="73">
        <v>68</v>
      </c>
      <c r="BF24" s="70">
        <v>21</v>
      </c>
      <c r="BG24" s="71">
        <v>16</v>
      </c>
      <c r="BH24" s="72">
        <v>37</v>
      </c>
      <c r="BI24" s="244"/>
      <c r="BJ24" s="71">
        <v>24</v>
      </c>
      <c r="BK24" s="71">
        <v>19</v>
      </c>
      <c r="BL24" s="71">
        <v>13</v>
      </c>
      <c r="BM24" s="71">
        <v>13</v>
      </c>
      <c r="BN24" s="71">
        <v>7</v>
      </c>
      <c r="BO24" s="72">
        <v>76</v>
      </c>
      <c r="BP24" s="73">
        <v>113</v>
      </c>
      <c r="BQ24" s="70">
        <v>15</v>
      </c>
      <c r="BR24" s="71">
        <v>11</v>
      </c>
      <c r="BS24" s="72">
        <v>26</v>
      </c>
      <c r="BT24" s="244"/>
      <c r="BU24" s="71">
        <v>15</v>
      </c>
      <c r="BV24" s="71">
        <v>20</v>
      </c>
      <c r="BW24" s="71">
        <v>15</v>
      </c>
      <c r="BX24" s="71">
        <v>7</v>
      </c>
      <c r="BY24" s="71">
        <v>7</v>
      </c>
      <c r="BZ24" s="72">
        <v>64</v>
      </c>
      <c r="CA24" s="73">
        <v>90</v>
      </c>
      <c r="CB24" s="70">
        <v>0</v>
      </c>
      <c r="CC24" s="71">
        <v>0</v>
      </c>
      <c r="CD24" s="72">
        <v>0</v>
      </c>
      <c r="CE24" s="244"/>
      <c r="CF24" s="71">
        <v>0</v>
      </c>
      <c r="CG24" s="71">
        <v>0</v>
      </c>
      <c r="CH24" s="71">
        <v>0</v>
      </c>
      <c r="CI24" s="71">
        <v>0</v>
      </c>
      <c r="CJ24" s="71">
        <v>0</v>
      </c>
      <c r="CK24" s="72">
        <v>0</v>
      </c>
      <c r="CL24" s="73">
        <v>0</v>
      </c>
      <c r="CM24" s="70">
        <v>52</v>
      </c>
      <c r="CN24" s="71">
        <v>47</v>
      </c>
      <c r="CO24" s="72">
        <v>99</v>
      </c>
      <c r="CP24" s="244"/>
      <c r="CQ24" s="71">
        <v>64</v>
      </c>
      <c r="CR24" s="71">
        <v>68</v>
      </c>
      <c r="CS24" s="71">
        <v>42</v>
      </c>
      <c r="CT24" s="71">
        <v>34</v>
      </c>
      <c r="CU24" s="71">
        <v>19</v>
      </c>
      <c r="CV24" s="72">
        <v>227</v>
      </c>
      <c r="CW24" s="73">
        <v>326</v>
      </c>
      <c r="CX24" s="123">
        <v>3</v>
      </c>
      <c r="CY24" s="82">
        <v>3</v>
      </c>
      <c r="CZ24" s="83">
        <v>6</v>
      </c>
      <c r="DA24" s="241"/>
      <c r="DB24" s="82">
        <v>7</v>
      </c>
      <c r="DC24" s="82">
        <v>7</v>
      </c>
      <c r="DD24" s="82">
        <v>10</v>
      </c>
      <c r="DE24" s="82">
        <v>8</v>
      </c>
      <c r="DF24" s="82">
        <v>7</v>
      </c>
      <c r="DG24" s="84">
        <v>39</v>
      </c>
      <c r="DH24" s="85">
        <v>45</v>
      </c>
      <c r="DI24" s="70">
        <v>0</v>
      </c>
      <c r="DJ24" s="71">
        <v>0</v>
      </c>
      <c r="DK24" s="72">
        <v>0</v>
      </c>
      <c r="DL24" s="244"/>
      <c r="DM24" s="71">
        <v>0</v>
      </c>
      <c r="DN24" s="71">
        <v>1</v>
      </c>
      <c r="DO24" s="71">
        <v>1</v>
      </c>
      <c r="DP24" s="71">
        <v>0</v>
      </c>
      <c r="DQ24" s="71">
        <v>0</v>
      </c>
      <c r="DR24" s="72">
        <v>2</v>
      </c>
      <c r="DS24" s="73">
        <v>2</v>
      </c>
      <c r="DT24" s="70">
        <v>0</v>
      </c>
      <c r="DU24" s="71">
        <v>0</v>
      </c>
      <c r="DV24" s="72">
        <v>0</v>
      </c>
      <c r="DW24" s="244"/>
      <c r="DX24" s="71">
        <v>0</v>
      </c>
      <c r="DY24" s="71">
        <v>0</v>
      </c>
      <c r="DZ24" s="71">
        <v>1</v>
      </c>
      <c r="EA24" s="71">
        <v>0</v>
      </c>
      <c r="EB24" s="71">
        <v>0</v>
      </c>
      <c r="EC24" s="72">
        <v>1</v>
      </c>
      <c r="ED24" s="73">
        <v>1</v>
      </c>
      <c r="EE24" s="70">
        <v>0</v>
      </c>
      <c r="EF24" s="71">
        <v>1</v>
      </c>
      <c r="EG24" s="72">
        <v>1</v>
      </c>
      <c r="EH24" s="244"/>
      <c r="EI24" s="71">
        <v>0</v>
      </c>
      <c r="EJ24" s="71">
        <v>0</v>
      </c>
      <c r="EK24" s="71">
        <v>0</v>
      </c>
      <c r="EL24" s="71">
        <v>0</v>
      </c>
      <c r="EM24" s="71">
        <v>0</v>
      </c>
      <c r="EN24" s="72">
        <v>0</v>
      </c>
      <c r="EO24" s="73">
        <v>1</v>
      </c>
      <c r="EP24" s="70">
        <v>0</v>
      </c>
      <c r="EQ24" s="71">
        <v>0</v>
      </c>
      <c r="ER24" s="72">
        <v>0</v>
      </c>
      <c r="ES24" s="244"/>
      <c r="ET24" s="71">
        <v>2</v>
      </c>
      <c r="EU24" s="71">
        <v>1</v>
      </c>
      <c r="EV24" s="71">
        <v>1</v>
      </c>
      <c r="EW24" s="71">
        <v>0</v>
      </c>
      <c r="EX24" s="71">
        <v>0</v>
      </c>
      <c r="EY24" s="72">
        <v>4</v>
      </c>
      <c r="EZ24" s="73">
        <v>4</v>
      </c>
      <c r="FA24" s="70">
        <v>1</v>
      </c>
      <c r="FB24" s="71">
        <v>2</v>
      </c>
      <c r="FC24" s="72">
        <v>3</v>
      </c>
      <c r="FD24" s="244"/>
      <c r="FE24" s="71">
        <v>3</v>
      </c>
      <c r="FF24" s="71">
        <v>1</v>
      </c>
      <c r="FG24" s="71">
        <v>2</v>
      </c>
      <c r="FH24" s="71">
        <v>5</v>
      </c>
      <c r="FI24" s="71">
        <v>3</v>
      </c>
      <c r="FJ24" s="72">
        <v>14</v>
      </c>
      <c r="FK24" s="73">
        <v>17</v>
      </c>
      <c r="FL24" s="70">
        <v>2</v>
      </c>
      <c r="FM24" s="71">
        <v>0</v>
      </c>
      <c r="FN24" s="72">
        <v>2</v>
      </c>
      <c r="FO24" s="244"/>
      <c r="FP24" s="71">
        <v>2</v>
      </c>
      <c r="FQ24" s="71">
        <v>4</v>
      </c>
      <c r="FR24" s="71">
        <v>5</v>
      </c>
      <c r="FS24" s="71">
        <v>3</v>
      </c>
      <c r="FT24" s="71">
        <v>4</v>
      </c>
      <c r="FU24" s="72">
        <v>18</v>
      </c>
      <c r="FV24" s="73">
        <v>20</v>
      </c>
      <c r="FW24" s="70">
        <v>0</v>
      </c>
      <c r="FX24" s="71">
        <v>0</v>
      </c>
      <c r="FY24" s="72">
        <v>0</v>
      </c>
      <c r="FZ24" s="244"/>
      <c r="GA24" s="71">
        <v>0</v>
      </c>
      <c r="GB24" s="71">
        <v>0</v>
      </c>
      <c r="GC24" s="71">
        <v>0</v>
      </c>
      <c r="GD24" s="71">
        <v>0</v>
      </c>
      <c r="GE24" s="71">
        <v>0</v>
      </c>
      <c r="GF24" s="72">
        <v>0</v>
      </c>
      <c r="GG24" s="73">
        <v>0</v>
      </c>
      <c r="GH24" s="70">
        <v>3</v>
      </c>
      <c r="GI24" s="71">
        <v>3</v>
      </c>
      <c r="GJ24" s="72">
        <v>6</v>
      </c>
      <c r="GK24" s="244"/>
      <c r="GL24" s="71">
        <v>7</v>
      </c>
      <c r="GM24" s="71">
        <v>7</v>
      </c>
      <c r="GN24" s="71">
        <v>10</v>
      </c>
      <c r="GO24" s="71">
        <v>8</v>
      </c>
      <c r="GP24" s="71">
        <v>7</v>
      </c>
      <c r="GQ24" s="72">
        <v>39</v>
      </c>
      <c r="GR24" s="73">
        <v>45</v>
      </c>
      <c r="GS24" s="123">
        <v>55</v>
      </c>
      <c r="GT24" s="82">
        <v>50</v>
      </c>
      <c r="GU24" s="83">
        <v>105</v>
      </c>
      <c r="GV24" s="241"/>
      <c r="GW24" s="82">
        <v>71</v>
      </c>
      <c r="GX24" s="82">
        <v>75</v>
      </c>
      <c r="GY24" s="82">
        <v>52</v>
      </c>
      <c r="GZ24" s="82">
        <v>42</v>
      </c>
      <c r="HA24" s="82">
        <v>26</v>
      </c>
      <c r="HB24" s="84">
        <v>266</v>
      </c>
      <c r="HC24" s="85">
        <v>371</v>
      </c>
      <c r="HD24" s="70">
        <v>0</v>
      </c>
      <c r="HE24" s="71">
        <v>2</v>
      </c>
      <c r="HF24" s="72">
        <v>2</v>
      </c>
      <c r="HG24" s="244"/>
      <c r="HH24" s="71">
        <v>0</v>
      </c>
      <c r="HI24" s="71">
        <v>3</v>
      </c>
      <c r="HJ24" s="71">
        <v>1</v>
      </c>
      <c r="HK24" s="71">
        <v>1</v>
      </c>
      <c r="HL24" s="71">
        <v>0</v>
      </c>
      <c r="HM24" s="72">
        <v>5</v>
      </c>
      <c r="HN24" s="73">
        <v>7</v>
      </c>
      <c r="HO24" s="70">
        <v>2</v>
      </c>
      <c r="HP24" s="71">
        <v>3</v>
      </c>
      <c r="HQ24" s="72">
        <v>5</v>
      </c>
      <c r="HR24" s="244"/>
      <c r="HS24" s="71">
        <v>4</v>
      </c>
      <c r="HT24" s="71">
        <v>4</v>
      </c>
      <c r="HU24" s="71">
        <v>4</v>
      </c>
      <c r="HV24" s="71">
        <v>2</v>
      </c>
      <c r="HW24" s="71">
        <v>1</v>
      </c>
      <c r="HX24" s="72">
        <v>15</v>
      </c>
      <c r="HY24" s="73">
        <v>20</v>
      </c>
      <c r="HZ24" s="70">
        <v>4</v>
      </c>
      <c r="IA24" s="71">
        <v>6</v>
      </c>
      <c r="IB24" s="72">
        <v>10</v>
      </c>
      <c r="IC24" s="244"/>
      <c r="ID24" s="71">
        <v>7</v>
      </c>
      <c r="IE24" s="71">
        <v>6</v>
      </c>
      <c r="IF24" s="71">
        <v>5</v>
      </c>
      <c r="IG24" s="71">
        <v>3</v>
      </c>
      <c r="IH24" s="71">
        <v>1</v>
      </c>
      <c r="II24" s="72">
        <v>22</v>
      </c>
      <c r="IJ24" s="73">
        <v>32</v>
      </c>
      <c r="IK24" s="70">
        <v>10</v>
      </c>
      <c r="IL24" s="71">
        <v>10</v>
      </c>
      <c r="IM24" s="72">
        <v>20</v>
      </c>
      <c r="IN24" s="244"/>
      <c r="IO24" s="71">
        <v>16</v>
      </c>
      <c r="IP24" s="71">
        <v>18</v>
      </c>
      <c r="IQ24" s="71">
        <v>7</v>
      </c>
      <c r="IR24" s="71">
        <v>8</v>
      </c>
      <c r="IS24" s="71">
        <v>3</v>
      </c>
      <c r="IT24" s="72">
        <v>52</v>
      </c>
      <c r="IU24" s="73">
        <v>72</v>
      </c>
      <c r="IV24" s="70">
        <v>22</v>
      </c>
      <c r="IW24" s="71">
        <v>18</v>
      </c>
      <c r="IX24" s="72">
        <v>40</v>
      </c>
      <c r="IY24" s="244"/>
      <c r="IZ24" s="71">
        <v>27</v>
      </c>
      <c r="JA24" s="71">
        <v>20</v>
      </c>
      <c r="JB24" s="71">
        <v>15</v>
      </c>
      <c r="JC24" s="71">
        <v>18</v>
      </c>
      <c r="JD24" s="71">
        <v>10</v>
      </c>
      <c r="JE24" s="72">
        <v>90</v>
      </c>
      <c r="JF24" s="73">
        <v>130</v>
      </c>
      <c r="JG24" s="70">
        <v>17</v>
      </c>
      <c r="JH24" s="71">
        <v>11</v>
      </c>
      <c r="JI24" s="72">
        <v>28</v>
      </c>
      <c r="JJ24" s="244"/>
      <c r="JK24" s="71">
        <v>17</v>
      </c>
      <c r="JL24" s="71">
        <v>24</v>
      </c>
      <c r="JM24" s="71">
        <v>20</v>
      </c>
      <c r="JN24" s="71">
        <v>10</v>
      </c>
      <c r="JO24" s="71">
        <v>11</v>
      </c>
      <c r="JP24" s="72">
        <v>82</v>
      </c>
      <c r="JQ24" s="73">
        <v>110</v>
      </c>
      <c r="JR24" s="70">
        <v>0</v>
      </c>
      <c r="JS24" s="71">
        <v>0</v>
      </c>
      <c r="JT24" s="72">
        <v>0</v>
      </c>
      <c r="JU24" s="244"/>
      <c r="JV24" s="71">
        <v>0</v>
      </c>
      <c r="JW24" s="71">
        <v>0</v>
      </c>
      <c r="JX24" s="71">
        <v>0</v>
      </c>
      <c r="JY24" s="71">
        <v>0</v>
      </c>
      <c r="JZ24" s="71">
        <v>0</v>
      </c>
      <c r="KA24" s="72">
        <v>0</v>
      </c>
      <c r="KB24" s="73">
        <v>0</v>
      </c>
      <c r="KC24" s="70">
        <v>55</v>
      </c>
      <c r="KD24" s="71">
        <v>50</v>
      </c>
      <c r="KE24" s="72">
        <v>105</v>
      </c>
      <c r="KF24" s="244"/>
      <c r="KG24" s="71">
        <v>71</v>
      </c>
      <c r="KH24" s="71">
        <v>75</v>
      </c>
      <c r="KI24" s="71">
        <v>52</v>
      </c>
      <c r="KJ24" s="71">
        <v>42</v>
      </c>
      <c r="KK24" s="71">
        <v>26</v>
      </c>
      <c r="KL24" s="72">
        <v>266</v>
      </c>
      <c r="KM24" s="73">
        <v>371</v>
      </c>
    </row>
    <row r="25" spans="2:299" ht="19.5" customHeight="1" x14ac:dyDescent="0.2">
      <c r="B25" s="126" t="s">
        <v>22</v>
      </c>
      <c r="C25" s="315">
        <v>25</v>
      </c>
      <c r="D25" s="82">
        <v>17</v>
      </c>
      <c r="E25" s="83">
        <v>42</v>
      </c>
      <c r="F25" s="241"/>
      <c r="G25" s="82">
        <v>36</v>
      </c>
      <c r="H25" s="82">
        <v>35</v>
      </c>
      <c r="I25" s="82">
        <v>17</v>
      </c>
      <c r="J25" s="82">
        <v>19</v>
      </c>
      <c r="K25" s="82">
        <v>5</v>
      </c>
      <c r="L25" s="84">
        <v>112</v>
      </c>
      <c r="M25" s="85">
        <v>154</v>
      </c>
      <c r="N25" s="70">
        <v>1</v>
      </c>
      <c r="O25" s="71">
        <v>0</v>
      </c>
      <c r="P25" s="72">
        <v>1</v>
      </c>
      <c r="Q25" s="241"/>
      <c r="R25" s="71">
        <v>0</v>
      </c>
      <c r="S25" s="71">
        <v>1</v>
      </c>
      <c r="T25" s="71">
        <v>0</v>
      </c>
      <c r="U25" s="71">
        <v>0</v>
      </c>
      <c r="V25" s="71">
        <v>0</v>
      </c>
      <c r="W25" s="72">
        <v>1</v>
      </c>
      <c r="X25" s="73">
        <v>2</v>
      </c>
      <c r="Y25" s="70">
        <v>1</v>
      </c>
      <c r="Z25" s="71">
        <v>1</v>
      </c>
      <c r="AA25" s="72">
        <v>2</v>
      </c>
      <c r="AB25" s="244"/>
      <c r="AC25" s="71">
        <v>2</v>
      </c>
      <c r="AD25" s="71">
        <v>1</v>
      </c>
      <c r="AE25" s="71">
        <v>1</v>
      </c>
      <c r="AF25" s="71">
        <v>2</v>
      </c>
      <c r="AG25" s="71">
        <v>0</v>
      </c>
      <c r="AH25" s="72">
        <v>6</v>
      </c>
      <c r="AI25" s="73">
        <v>8</v>
      </c>
      <c r="AJ25" s="70">
        <v>1</v>
      </c>
      <c r="AK25" s="71">
        <v>1</v>
      </c>
      <c r="AL25" s="72">
        <v>2</v>
      </c>
      <c r="AM25" s="244"/>
      <c r="AN25" s="71">
        <v>3</v>
      </c>
      <c r="AO25" s="71">
        <v>2</v>
      </c>
      <c r="AP25" s="71">
        <v>4</v>
      </c>
      <c r="AQ25" s="71">
        <v>0</v>
      </c>
      <c r="AR25" s="71">
        <v>1</v>
      </c>
      <c r="AS25" s="72">
        <v>10</v>
      </c>
      <c r="AT25" s="73">
        <v>12</v>
      </c>
      <c r="AU25" s="70">
        <v>6</v>
      </c>
      <c r="AV25" s="71">
        <v>0</v>
      </c>
      <c r="AW25" s="72">
        <v>6</v>
      </c>
      <c r="AX25" s="244"/>
      <c r="AY25" s="71">
        <v>6</v>
      </c>
      <c r="AZ25" s="71">
        <v>10</v>
      </c>
      <c r="BA25" s="71">
        <v>3</v>
      </c>
      <c r="BB25" s="71">
        <v>6</v>
      </c>
      <c r="BC25" s="71">
        <v>2</v>
      </c>
      <c r="BD25" s="72">
        <v>27</v>
      </c>
      <c r="BE25" s="73">
        <v>33</v>
      </c>
      <c r="BF25" s="70">
        <v>7</v>
      </c>
      <c r="BG25" s="71">
        <v>10</v>
      </c>
      <c r="BH25" s="72">
        <v>17</v>
      </c>
      <c r="BI25" s="244"/>
      <c r="BJ25" s="71">
        <v>13</v>
      </c>
      <c r="BK25" s="71">
        <v>10</v>
      </c>
      <c r="BL25" s="71">
        <v>4</v>
      </c>
      <c r="BM25" s="71">
        <v>6</v>
      </c>
      <c r="BN25" s="71">
        <v>0</v>
      </c>
      <c r="BO25" s="72">
        <v>33</v>
      </c>
      <c r="BP25" s="73">
        <v>50</v>
      </c>
      <c r="BQ25" s="70">
        <v>9</v>
      </c>
      <c r="BR25" s="71">
        <v>5</v>
      </c>
      <c r="BS25" s="72">
        <v>14</v>
      </c>
      <c r="BT25" s="244"/>
      <c r="BU25" s="71">
        <v>12</v>
      </c>
      <c r="BV25" s="71">
        <v>11</v>
      </c>
      <c r="BW25" s="71">
        <v>5</v>
      </c>
      <c r="BX25" s="71">
        <v>5</v>
      </c>
      <c r="BY25" s="71">
        <v>2</v>
      </c>
      <c r="BZ25" s="72">
        <v>35</v>
      </c>
      <c r="CA25" s="73">
        <v>49</v>
      </c>
      <c r="CB25" s="70">
        <v>0</v>
      </c>
      <c r="CC25" s="71">
        <v>0</v>
      </c>
      <c r="CD25" s="72">
        <v>0</v>
      </c>
      <c r="CE25" s="244"/>
      <c r="CF25" s="71">
        <v>0</v>
      </c>
      <c r="CG25" s="71">
        <v>0</v>
      </c>
      <c r="CH25" s="71">
        <v>0</v>
      </c>
      <c r="CI25" s="71">
        <v>0</v>
      </c>
      <c r="CJ25" s="71">
        <v>0</v>
      </c>
      <c r="CK25" s="72">
        <v>0</v>
      </c>
      <c r="CL25" s="73">
        <v>0</v>
      </c>
      <c r="CM25" s="70">
        <v>25</v>
      </c>
      <c r="CN25" s="71">
        <v>17</v>
      </c>
      <c r="CO25" s="72">
        <v>42</v>
      </c>
      <c r="CP25" s="244"/>
      <c r="CQ25" s="71">
        <v>36</v>
      </c>
      <c r="CR25" s="71">
        <v>35</v>
      </c>
      <c r="CS25" s="71">
        <v>17</v>
      </c>
      <c r="CT25" s="71">
        <v>19</v>
      </c>
      <c r="CU25" s="71">
        <v>5</v>
      </c>
      <c r="CV25" s="72">
        <v>112</v>
      </c>
      <c r="CW25" s="73">
        <v>154</v>
      </c>
      <c r="CX25" s="123">
        <v>2</v>
      </c>
      <c r="CY25" s="82">
        <v>2</v>
      </c>
      <c r="CZ25" s="83">
        <v>4</v>
      </c>
      <c r="DA25" s="241"/>
      <c r="DB25" s="82">
        <v>6</v>
      </c>
      <c r="DC25" s="82">
        <v>3</v>
      </c>
      <c r="DD25" s="82">
        <v>2</v>
      </c>
      <c r="DE25" s="82">
        <v>3</v>
      </c>
      <c r="DF25" s="82">
        <v>2</v>
      </c>
      <c r="DG25" s="84">
        <v>16</v>
      </c>
      <c r="DH25" s="85">
        <v>20</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1</v>
      </c>
      <c r="EF25" s="71">
        <v>1</v>
      </c>
      <c r="EG25" s="72">
        <v>2</v>
      </c>
      <c r="EH25" s="244"/>
      <c r="EI25" s="71">
        <v>1</v>
      </c>
      <c r="EJ25" s="71">
        <v>0</v>
      </c>
      <c r="EK25" s="71">
        <v>1</v>
      </c>
      <c r="EL25" s="71">
        <v>0</v>
      </c>
      <c r="EM25" s="71">
        <v>0</v>
      </c>
      <c r="EN25" s="72">
        <v>2</v>
      </c>
      <c r="EO25" s="73">
        <v>4</v>
      </c>
      <c r="EP25" s="70">
        <v>0</v>
      </c>
      <c r="EQ25" s="71">
        <v>0</v>
      </c>
      <c r="ER25" s="72">
        <v>0</v>
      </c>
      <c r="ES25" s="244"/>
      <c r="ET25" s="71">
        <v>2</v>
      </c>
      <c r="EU25" s="71">
        <v>0</v>
      </c>
      <c r="EV25" s="71">
        <v>0</v>
      </c>
      <c r="EW25" s="71">
        <v>0</v>
      </c>
      <c r="EX25" s="71">
        <v>1</v>
      </c>
      <c r="EY25" s="72">
        <v>3</v>
      </c>
      <c r="EZ25" s="73">
        <v>3</v>
      </c>
      <c r="FA25" s="70">
        <v>0</v>
      </c>
      <c r="FB25" s="71">
        <v>0</v>
      </c>
      <c r="FC25" s="72">
        <v>0</v>
      </c>
      <c r="FD25" s="244"/>
      <c r="FE25" s="71">
        <v>2</v>
      </c>
      <c r="FF25" s="71">
        <v>2</v>
      </c>
      <c r="FG25" s="71">
        <v>0</v>
      </c>
      <c r="FH25" s="71">
        <v>0</v>
      </c>
      <c r="FI25" s="71">
        <v>0</v>
      </c>
      <c r="FJ25" s="72">
        <v>4</v>
      </c>
      <c r="FK25" s="73">
        <v>4</v>
      </c>
      <c r="FL25" s="70">
        <v>1</v>
      </c>
      <c r="FM25" s="71">
        <v>1</v>
      </c>
      <c r="FN25" s="72">
        <v>2</v>
      </c>
      <c r="FO25" s="244"/>
      <c r="FP25" s="71">
        <v>1</v>
      </c>
      <c r="FQ25" s="71">
        <v>1</v>
      </c>
      <c r="FR25" s="71">
        <v>1</v>
      </c>
      <c r="FS25" s="71">
        <v>3</v>
      </c>
      <c r="FT25" s="71">
        <v>1</v>
      </c>
      <c r="FU25" s="72">
        <v>7</v>
      </c>
      <c r="FV25" s="73">
        <v>9</v>
      </c>
      <c r="FW25" s="70">
        <v>0</v>
      </c>
      <c r="FX25" s="71">
        <v>0</v>
      </c>
      <c r="FY25" s="72">
        <v>0</v>
      </c>
      <c r="FZ25" s="244"/>
      <c r="GA25" s="71">
        <v>0</v>
      </c>
      <c r="GB25" s="71">
        <v>0</v>
      </c>
      <c r="GC25" s="71">
        <v>0</v>
      </c>
      <c r="GD25" s="71">
        <v>0</v>
      </c>
      <c r="GE25" s="71">
        <v>0</v>
      </c>
      <c r="GF25" s="72">
        <v>0</v>
      </c>
      <c r="GG25" s="73">
        <v>0</v>
      </c>
      <c r="GH25" s="70">
        <v>2</v>
      </c>
      <c r="GI25" s="71">
        <v>2</v>
      </c>
      <c r="GJ25" s="72">
        <v>4</v>
      </c>
      <c r="GK25" s="244"/>
      <c r="GL25" s="71">
        <v>6</v>
      </c>
      <c r="GM25" s="71">
        <v>3</v>
      </c>
      <c r="GN25" s="71">
        <v>2</v>
      </c>
      <c r="GO25" s="71">
        <v>3</v>
      </c>
      <c r="GP25" s="71">
        <v>2</v>
      </c>
      <c r="GQ25" s="72">
        <v>16</v>
      </c>
      <c r="GR25" s="73">
        <v>20</v>
      </c>
      <c r="GS25" s="123">
        <v>27</v>
      </c>
      <c r="GT25" s="82">
        <v>19</v>
      </c>
      <c r="GU25" s="83">
        <v>46</v>
      </c>
      <c r="GV25" s="241"/>
      <c r="GW25" s="82">
        <v>42</v>
      </c>
      <c r="GX25" s="82">
        <v>38</v>
      </c>
      <c r="GY25" s="82">
        <v>19</v>
      </c>
      <c r="GZ25" s="82">
        <v>22</v>
      </c>
      <c r="HA25" s="82">
        <v>7</v>
      </c>
      <c r="HB25" s="84">
        <v>128</v>
      </c>
      <c r="HC25" s="85">
        <v>174</v>
      </c>
      <c r="HD25" s="70">
        <v>1</v>
      </c>
      <c r="HE25" s="71">
        <v>0</v>
      </c>
      <c r="HF25" s="72">
        <v>1</v>
      </c>
      <c r="HG25" s="244"/>
      <c r="HH25" s="71">
        <v>0</v>
      </c>
      <c r="HI25" s="71">
        <v>1</v>
      </c>
      <c r="HJ25" s="71">
        <v>0</v>
      </c>
      <c r="HK25" s="71">
        <v>0</v>
      </c>
      <c r="HL25" s="71">
        <v>0</v>
      </c>
      <c r="HM25" s="72">
        <v>1</v>
      </c>
      <c r="HN25" s="73">
        <v>2</v>
      </c>
      <c r="HO25" s="70">
        <v>1</v>
      </c>
      <c r="HP25" s="71">
        <v>1</v>
      </c>
      <c r="HQ25" s="72">
        <v>2</v>
      </c>
      <c r="HR25" s="244"/>
      <c r="HS25" s="71">
        <v>2</v>
      </c>
      <c r="HT25" s="71">
        <v>1</v>
      </c>
      <c r="HU25" s="71">
        <v>1</v>
      </c>
      <c r="HV25" s="71">
        <v>2</v>
      </c>
      <c r="HW25" s="71">
        <v>0</v>
      </c>
      <c r="HX25" s="72">
        <v>6</v>
      </c>
      <c r="HY25" s="73">
        <v>8</v>
      </c>
      <c r="HZ25" s="70">
        <v>2</v>
      </c>
      <c r="IA25" s="71">
        <v>2</v>
      </c>
      <c r="IB25" s="72">
        <v>4</v>
      </c>
      <c r="IC25" s="244"/>
      <c r="ID25" s="71">
        <v>4</v>
      </c>
      <c r="IE25" s="71">
        <v>2</v>
      </c>
      <c r="IF25" s="71">
        <v>5</v>
      </c>
      <c r="IG25" s="71">
        <v>0</v>
      </c>
      <c r="IH25" s="71">
        <v>1</v>
      </c>
      <c r="II25" s="72">
        <v>12</v>
      </c>
      <c r="IJ25" s="73">
        <v>16</v>
      </c>
      <c r="IK25" s="70">
        <v>6</v>
      </c>
      <c r="IL25" s="71">
        <v>0</v>
      </c>
      <c r="IM25" s="72">
        <v>6</v>
      </c>
      <c r="IN25" s="244"/>
      <c r="IO25" s="71">
        <v>8</v>
      </c>
      <c r="IP25" s="71">
        <v>10</v>
      </c>
      <c r="IQ25" s="71">
        <v>3</v>
      </c>
      <c r="IR25" s="71">
        <v>6</v>
      </c>
      <c r="IS25" s="71">
        <v>3</v>
      </c>
      <c r="IT25" s="72">
        <v>30</v>
      </c>
      <c r="IU25" s="73">
        <v>36</v>
      </c>
      <c r="IV25" s="70">
        <v>7</v>
      </c>
      <c r="IW25" s="71">
        <v>10</v>
      </c>
      <c r="IX25" s="72">
        <v>17</v>
      </c>
      <c r="IY25" s="244"/>
      <c r="IZ25" s="71">
        <v>15</v>
      </c>
      <c r="JA25" s="71">
        <v>12</v>
      </c>
      <c r="JB25" s="71">
        <v>4</v>
      </c>
      <c r="JC25" s="71">
        <v>6</v>
      </c>
      <c r="JD25" s="71">
        <v>0</v>
      </c>
      <c r="JE25" s="72">
        <v>37</v>
      </c>
      <c r="JF25" s="73">
        <v>54</v>
      </c>
      <c r="JG25" s="70">
        <v>10</v>
      </c>
      <c r="JH25" s="71">
        <v>6</v>
      </c>
      <c r="JI25" s="72">
        <v>16</v>
      </c>
      <c r="JJ25" s="244"/>
      <c r="JK25" s="71">
        <v>13</v>
      </c>
      <c r="JL25" s="71">
        <v>12</v>
      </c>
      <c r="JM25" s="71">
        <v>6</v>
      </c>
      <c r="JN25" s="71">
        <v>8</v>
      </c>
      <c r="JO25" s="71">
        <v>3</v>
      </c>
      <c r="JP25" s="72">
        <v>42</v>
      </c>
      <c r="JQ25" s="73">
        <v>58</v>
      </c>
      <c r="JR25" s="70">
        <v>0</v>
      </c>
      <c r="JS25" s="71">
        <v>0</v>
      </c>
      <c r="JT25" s="72">
        <v>0</v>
      </c>
      <c r="JU25" s="244"/>
      <c r="JV25" s="71">
        <v>0</v>
      </c>
      <c r="JW25" s="71">
        <v>0</v>
      </c>
      <c r="JX25" s="71">
        <v>0</v>
      </c>
      <c r="JY25" s="71">
        <v>0</v>
      </c>
      <c r="JZ25" s="71">
        <v>0</v>
      </c>
      <c r="KA25" s="72">
        <v>0</v>
      </c>
      <c r="KB25" s="73">
        <v>0</v>
      </c>
      <c r="KC25" s="70">
        <v>27</v>
      </c>
      <c r="KD25" s="71">
        <v>19</v>
      </c>
      <c r="KE25" s="72">
        <v>46</v>
      </c>
      <c r="KF25" s="244"/>
      <c r="KG25" s="71">
        <v>42</v>
      </c>
      <c r="KH25" s="71">
        <v>38</v>
      </c>
      <c r="KI25" s="71">
        <v>19</v>
      </c>
      <c r="KJ25" s="71">
        <v>22</v>
      </c>
      <c r="KK25" s="71">
        <v>7</v>
      </c>
      <c r="KL25" s="72">
        <v>128</v>
      </c>
      <c r="KM25" s="73">
        <v>174</v>
      </c>
    </row>
    <row r="26" spans="2:299" ht="19.5" customHeight="1" x14ac:dyDescent="0.2">
      <c r="B26" s="126" t="s">
        <v>23</v>
      </c>
      <c r="C26" s="315">
        <v>33</v>
      </c>
      <c r="D26" s="82">
        <v>31</v>
      </c>
      <c r="E26" s="83">
        <v>64</v>
      </c>
      <c r="F26" s="241"/>
      <c r="G26" s="82">
        <v>52</v>
      </c>
      <c r="H26" s="82">
        <v>33</v>
      </c>
      <c r="I26" s="82">
        <v>22</v>
      </c>
      <c r="J26" s="82">
        <v>17</v>
      </c>
      <c r="K26" s="82">
        <v>11</v>
      </c>
      <c r="L26" s="84">
        <v>135</v>
      </c>
      <c r="M26" s="85">
        <v>199</v>
      </c>
      <c r="N26" s="70">
        <v>0</v>
      </c>
      <c r="O26" s="71">
        <v>0</v>
      </c>
      <c r="P26" s="72">
        <v>0</v>
      </c>
      <c r="Q26" s="241"/>
      <c r="R26" s="71">
        <v>3</v>
      </c>
      <c r="S26" s="71">
        <v>1</v>
      </c>
      <c r="T26" s="71">
        <v>1</v>
      </c>
      <c r="U26" s="71">
        <v>0</v>
      </c>
      <c r="V26" s="71">
        <v>0</v>
      </c>
      <c r="W26" s="72">
        <v>5</v>
      </c>
      <c r="X26" s="73">
        <v>5</v>
      </c>
      <c r="Y26" s="70">
        <v>3</v>
      </c>
      <c r="Z26" s="71">
        <v>1</v>
      </c>
      <c r="AA26" s="72">
        <v>4</v>
      </c>
      <c r="AB26" s="244"/>
      <c r="AC26" s="71">
        <v>2</v>
      </c>
      <c r="AD26" s="71">
        <v>1</v>
      </c>
      <c r="AE26" s="71">
        <v>0</v>
      </c>
      <c r="AF26" s="71">
        <v>2</v>
      </c>
      <c r="AG26" s="71">
        <v>3</v>
      </c>
      <c r="AH26" s="72">
        <v>8</v>
      </c>
      <c r="AI26" s="73">
        <v>12</v>
      </c>
      <c r="AJ26" s="70">
        <v>4</v>
      </c>
      <c r="AK26" s="71">
        <v>5</v>
      </c>
      <c r="AL26" s="72">
        <v>9</v>
      </c>
      <c r="AM26" s="244"/>
      <c r="AN26" s="71">
        <v>6</v>
      </c>
      <c r="AO26" s="71">
        <v>4</v>
      </c>
      <c r="AP26" s="71">
        <v>1</v>
      </c>
      <c r="AQ26" s="71">
        <v>1</v>
      </c>
      <c r="AR26" s="71">
        <v>3</v>
      </c>
      <c r="AS26" s="72">
        <v>15</v>
      </c>
      <c r="AT26" s="73">
        <v>24</v>
      </c>
      <c r="AU26" s="70">
        <v>10</v>
      </c>
      <c r="AV26" s="71">
        <v>7</v>
      </c>
      <c r="AW26" s="72">
        <v>17</v>
      </c>
      <c r="AX26" s="244"/>
      <c r="AY26" s="71">
        <v>18</v>
      </c>
      <c r="AZ26" s="71">
        <v>12</v>
      </c>
      <c r="BA26" s="71">
        <v>5</v>
      </c>
      <c r="BB26" s="71">
        <v>6</v>
      </c>
      <c r="BC26" s="71">
        <v>1</v>
      </c>
      <c r="BD26" s="72">
        <v>42</v>
      </c>
      <c r="BE26" s="73">
        <v>59</v>
      </c>
      <c r="BF26" s="70">
        <v>13</v>
      </c>
      <c r="BG26" s="71">
        <v>9</v>
      </c>
      <c r="BH26" s="72">
        <v>22</v>
      </c>
      <c r="BI26" s="244"/>
      <c r="BJ26" s="71">
        <v>14</v>
      </c>
      <c r="BK26" s="71">
        <v>6</v>
      </c>
      <c r="BL26" s="71">
        <v>5</v>
      </c>
      <c r="BM26" s="71">
        <v>3</v>
      </c>
      <c r="BN26" s="71">
        <v>2</v>
      </c>
      <c r="BO26" s="72">
        <v>30</v>
      </c>
      <c r="BP26" s="73">
        <v>52</v>
      </c>
      <c r="BQ26" s="70">
        <v>3</v>
      </c>
      <c r="BR26" s="71">
        <v>9</v>
      </c>
      <c r="BS26" s="72">
        <v>12</v>
      </c>
      <c r="BT26" s="244"/>
      <c r="BU26" s="71">
        <v>9</v>
      </c>
      <c r="BV26" s="71">
        <v>9</v>
      </c>
      <c r="BW26" s="71">
        <v>10</v>
      </c>
      <c r="BX26" s="71">
        <v>5</v>
      </c>
      <c r="BY26" s="71">
        <v>2</v>
      </c>
      <c r="BZ26" s="72">
        <v>35</v>
      </c>
      <c r="CA26" s="73">
        <v>47</v>
      </c>
      <c r="CB26" s="70">
        <v>0</v>
      </c>
      <c r="CC26" s="71">
        <v>0</v>
      </c>
      <c r="CD26" s="72">
        <v>0</v>
      </c>
      <c r="CE26" s="244"/>
      <c r="CF26" s="71">
        <v>0</v>
      </c>
      <c r="CG26" s="71">
        <v>0</v>
      </c>
      <c r="CH26" s="71">
        <v>0</v>
      </c>
      <c r="CI26" s="71">
        <v>0</v>
      </c>
      <c r="CJ26" s="71">
        <v>0</v>
      </c>
      <c r="CK26" s="72">
        <v>0</v>
      </c>
      <c r="CL26" s="73">
        <v>0</v>
      </c>
      <c r="CM26" s="70">
        <v>33</v>
      </c>
      <c r="CN26" s="71">
        <v>31</v>
      </c>
      <c r="CO26" s="72">
        <v>64</v>
      </c>
      <c r="CP26" s="244"/>
      <c r="CQ26" s="71">
        <v>52</v>
      </c>
      <c r="CR26" s="71">
        <v>33</v>
      </c>
      <c r="CS26" s="71">
        <v>22</v>
      </c>
      <c r="CT26" s="71">
        <v>17</v>
      </c>
      <c r="CU26" s="71">
        <v>11</v>
      </c>
      <c r="CV26" s="72">
        <v>135</v>
      </c>
      <c r="CW26" s="73">
        <v>199</v>
      </c>
      <c r="CX26" s="123">
        <v>3</v>
      </c>
      <c r="CY26" s="82">
        <v>4</v>
      </c>
      <c r="CZ26" s="83">
        <v>7</v>
      </c>
      <c r="DA26" s="241"/>
      <c r="DB26" s="82">
        <v>6</v>
      </c>
      <c r="DC26" s="82">
        <v>8</v>
      </c>
      <c r="DD26" s="82">
        <v>3</v>
      </c>
      <c r="DE26" s="82">
        <v>3</v>
      </c>
      <c r="DF26" s="82">
        <v>3</v>
      </c>
      <c r="DG26" s="84">
        <v>23</v>
      </c>
      <c r="DH26" s="85">
        <v>30</v>
      </c>
      <c r="DI26" s="70">
        <v>0</v>
      </c>
      <c r="DJ26" s="71">
        <v>0</v>
      </c>
      <c r="DK26" s="72">
        <v>0</v>
      </c>
      <c r="DL26" s="244"/>
      <c r="DM26" s="71">
        <v>0</v>
      </c>
      <c r="DN26" s="71">
        <v>1</v>
      </c>
      <c r="DO26" s="71">
        <v>0</v>
      </c>
      <c r="DP26" s="71">
        <v>1</v>
      </c>
      <c r="DQ26" s="71">
        <v>0</v>
      </c>
      <c r="DR26" s="72">
        <v>2</v>
      </c>
      <c r="DS26" s="73">
        <v>2</v>
      </c>
      <c r="DT26" s="70">
        <v>0</v>
      </c>
      <c r="DU26" s="71">
        <v>1</v>
      </c>
      <c r="DV26" s="72">
        <v>1</v>
      </c>
      <c r="DW26" s="244"/>
      <c r="DX26" s="71">
        <v>2</v>
      </c>
      <c r="DY26" s="71">
        <v>1</v>
      </c>
      <c r="DZ26" s="71">
        <v>1</v>
      </c>
      <c r="EA26" s="71">
        <v>0</v>
      </c>
      <c r="EB26" s="71">
        <v>1</v>
      </c>
      <c r="EC26" s="72">
        <v>5</v>
      </c>
      <c r="ED26" s="73">
        <v>6</v>
      </c>
      <c r="EE26" s="70">
        <v>1</v>
      </c>
      <c r="EF26" s="71">
        <v>1</v>
      </c>
      <c r="EG26" s="72">
        <v>2</v>
      </c>
      <c r="EH26" s="244"/>
      <c r="EI26" s="71">
        <v>0</v>
      </c>
      <c r="EJ26" s="71">
        <v>2</v>
      </c>
      <c r="EK26" s="71">
        <v>0</v>
      </c>
      <c r="EL26" s="71">
        <v>1</v>
      </c>
      <c r="EM26" s="71">
        <v>0</v>
      </c>
      <c r="EN26" s="72">
        <v>3</v>
      </c>
      <c r="EO26" s="73">
        <v>5</v>
      </c>
      <c r="EP26" s="70">
        <v>0</v>
      </c>
      <c r="EQ26" s="71">
        <v>1</v>
      </c>
      <c r="ER26" s="72">
        <v>1</v>
      </c>
      <c r="ES26" s="244"/>
      <c r="ET26" s="71">
        <v>4</v>
      </c>
      <c r="EU26" s="71">
        <v>1</v>
      </c>
      <c r="EV26" s="71">
        <v>0</v>
      </c>
      <c r="EW26" s="71">
        <v>0</v>
      </c>
      <c r="EX26" s="71">
        <v>0</v>
      </c>
      <c r="EY26" s="72">
        <v>5</v>
      </c>
      <c r="EZ26" s="73">
        <v>6</v>
      </c>
      <c r="FA26" s="70">
        <v>2</v>
      </c>
      <c r="FB26" s="71">
        <v>1</v>
      </c>
      <c r="FC26" s="72">
        <v>3</v>
      </c>
      <c r="FD26" s="244"/>
      <c r="FE26" s="71">
        <v>0</v>
      </c>
      <c r="FF26" s="71">
        <v>2</v>
      </c>
      <c r="FG26" s="71">
        <v>1</v>
      </c>
      <c r="FH26" s="71">
        <v>1</v>
      </c>
      <c r="FI26" s="71">
        <v>1</v>
      </c>
      <c r="FJ26" s="72">
        <v>5</v>
      </c>
      <c r="FK26" s="73">
        <v>8</v>
      </c>
      <c r="FL26" s="70">
        <v>0</v>
      </c>
      <c r="FM26" s="71">
        <v>0</v>
      </c>
      <c r="FN26" s="72">
        <v>0</v>
      </c>
      <c r="FO26" s="244"/>
      <c r="FP26" s="71">
        <v>0</v>
      </c>
      <c r="FQ26" s="71">
        <v>1</v>
      </c>
      <c r="FR26" s="71">
        <v>1</v>
      </c>
      <c r="FS26" s="71">
        <v>0</v>
      </c>
      <c r="FT26" s="71">
        <v>1</v>
      </c>
      <c r="FU26" s="72">
        <v>3</v>
      </c>
      <c r="FV26" s="73">
        <v>3</v>
      </c>
      <c r="FW26" s="70">
        <v>0</v>
      </c>
      <c r="FX26" s="71">
        <v>0</v>
      </c>
      <c r="FY26" s="72">
        <v>0</v>
      </c>
      <c r="FZ26" s="244"/>
      <c r="GA26" s="71">
        <v>0</v>
      </c>
      <c r="GB26" s="71">
        <v>0</v>
      </c>
      <c r="GC26" s="71">
        <v>0</v>
      </c>
      <c r="GD26" s="71">
        <v>0</v>
      </c>
      <c r="GE26" s="71">
        <v>0</v>
      </c>
      <c r="GF26" s="72">
        <v>0</v>
      </c>
      <c r="GG26" s="73">
        <v>0</v>
      </c>
      <c r="GH26" s="70">
        <v>3</v>
      </c>
      <c r="GI26" s="71">
        <v>4</v>
      </c>
      <c r="GJ26" s="72">
        <v>7</v>
      </c>
      <c r="GK26" s="244"/>
      <c r="GL26" s="71">
        <v>6</v>
      </c>
      <c r="GM26" s="71">
        <v>8</v>
      </c>
      <c r="GN26" s="71">
        <v>3</v>
      </c>
      <c r="GO26" s="71">
        <v>3</v>
      </c>
      <c r="GP26" s="71">
        <v>3</v>
      </c>
      <c r="GQ26" s="72">
        <v>23</v>
      </c>
      <c r="GR26" s="73">
        <v>30</v>
      </c>
      <c r="GS26" s="123">
        <v>36</v>
      </c>
      <c r="GT26" s="82">
        <v>35</v>
      </c>
      <c r="GU26" s="83">
        <v>71</v>
      </c>
      <c r="GV26" s="241"/>
      <c r="GW26" s="82">
        <v>58</v>
      </c>
      <c r="GX26" s="82">
        <v>41</v>
      </c>
      <c r="GY26" s="82">
        <v>25</v>
      </c>
      <c r="GZ26" s="82">
        <v>20</v>
      </c>
      <c r="HA26" s="82">
        <v>14</v>
      </c>
      <c r="HB26" s="84">
        <v>158</v>
      </c>
      <c r="HC26" s="85">
        <v>229</v>
      </c>
      <c r="HD26" s="70">
        <v>0</v>
      </c>
      <c r="HE26" s="71">
        <v>0</v>
      </c>
      <c r="HF26" s="72">
        <v>0</v>
      </c>
      <c r="HG26" s="244"/>
      <c r="HH26" s="71">
        <v>3</v>
      </c>
      <c r="HI26" s="71">
        <v>2</v>
      </c>
      <c r="HJ26" s="71">
        <v>1</v>
      </c>
      <c r="HK26" s="71">
        <v>1</v>
      </c>
      <c r="HL26" s="71">
        <v>0</v>
      </c>
      <c r="HM26" s="72">
        <v>7</v>
      </c>
      <c r="HN26" s="73">
        <v>7</v>
      </c>
      <c r="HO26" s="70">
        <v>3</v>
      </c>
      <c r="HP26" s="71">
        <v>2</v>
      </c>
      <c r="HQ26" s="72">
        <v>5</v>
      </c>
      <c r="HR26" s="244"/>
      <c r="HS26" s="71">
        <v>4</v>
      </c>
      <c r="HT26" s="71">
        <v>2</v>
      </c>
      <c r="HU26" s="71">
        <v>1</v>
      </c>
      <c r="HV26" s="71">
        <v>2</v>
      </c>
      <c r="HW26" s="71">
        <v>4</v>
      </c>
      <c r="HX26" s="72">
        <v>13</v>
      </c>
      <c r="HY26" s="73">
        <v>18</v>
      </c>
      <c r="HZ26" s="70">
        <v>5</v>
      </c>
      <c r="IA26" s="71">
        <v>6</v>
      </c>
      <c r="IB26" s="72">
        <v>11</v>
      </c>
      <c r="IC26" s="244"/>
      <c r="ID26" s="71">
        <v>6</v>
      </c>
      <c r="IE26" s="71">
        <v>6</v>
      </c>
      <c r="IF26" s="71">
        <v>1</v>
      </c>
      <c r="IG26" s="71">
        <v>2</v>
      </c>
      <c r="IH26" s="71">
        <v>3</v>
      </c>
      <c r="II26" s="72">
        <v>18</v>
      </c>
      <c r="IJ26" s="73">
        <v>29</v>
      </c>
      <c r="IK26" s="70">
        <v>10</v>
      </c>
      <c r="IL26" s="71">
        <v>8</v>
      </c>
      <c r="IM26" s="72">
        <v>18</v>
      </c>
      <c r="IN26" s="244"/>
      <c r="IO26" s="71">
        <v>22</v>
      </c>
      <c r="IP26" s="71">
        <v>13</v>
      </c>
      <c r="IQ26" s="71">
        <v>5</v>
      </c>
      <c r="IR26" s="71">
        <v>6</v>
      </c>
      <c r="IS26" s="71">
        <v>1</v>
      </c>
      <c r="IT26" s="72">
        <v>47</v>
      </c>
      <c r="IU26" s="73">
        <v>65</v>
      </c>
      <c r="IV26" s="70">
        <v>15</v>
      </c>
      <c r="IW26" s="71">
        <v>10</v>
      </c>
      <c r="IX26" s="72">
        <v>25</v>
      </c>
      <c r="IY26" s="244"/>
      <c r="IZ26" s="71">
        <v>14</v>
      </c>
      <c r="JA26" s="71">
        <v>8</v>
      </c>
      <c r="JB26" s="71">
        <v>6</v>
      </c>
      <c r="JC26" s="71">
        <v>4</v>
      </c>
      <c r="JD26" s="71">
        <v>3</v>
      </c>
      <c r="JE26" s="72">
        <v>35</v>
      </c>
      <c r="JF26" s="73">
        <v>60</v>
      </c>
      <c r="JG26" s="70">
        <v>3</v>
      </c>
      <c r="JH26" s="71">
        <v>9</v>
      </c>
      <c r="JI26" s="72">
        <v>12</v>
      </c>
      <c r="JJ26" s="244"/>
      <c r="JK26" s="71">
        <v>9</v>
      </c>
      <c r="JL26" s="71">
        <v>10</v>
      </c>
      <c r="JM26" s="71">
        <v>11</v>
      </c>
      <c r="JN26" s="71">
        <v>5</v>
      </c>
      <c r="JO26" s="71">
        <v>3</v>
      </c>
      <c r="JP26" s="72">
        <v>38</v>
      </c>
      <c r="JQ26" s="73">
        <v>50</v>
      </c>
      <c r="JR26" s="70">
        <v>0</v>
      </c>
      <c r="JS26" s="71">
        <v>0</v>
      </c>
      <c r="JT26" s="72">
        <v>0</v>
      </c>
      <c r="JU26" s="244"/>
      <c r="JV26" s="71">
        <v>0</v>
      </c>
      <c r="JW26" s="71">
        <v>0</v>
      </c>
      <c r="JX26" s="71">
        <v>0</v>
      </c>
      <c r="JY26" s="71">
        <v>0</v>
      </c>
      <c r="JZ26" s="71">
        <v>0</v>
      </c>
      <c r="KA26" s="72">
        <v>0</v>
      </c>
      <c r="KB26" s="73">
        <v>0</v>
      </c>
      <c r="KC26" s="70">
        <v>36</v>
      </c>
      <c r="KD26" s="71">
        <v>35</v>
      </c>
      <c r="KE26" s="72">
        <v>71</v>
      </c>
      <c r="KF26" s="244"/>
      <c r="KG26" s="71">
        <v>58</v>
      </c>
      <c r="KH26" s="71">
        <v>41</v>
      </c>
      <c r="KI26" s="71">
        <v>25</v>
      </c>
      <c r="KJ26" s="71">
        <v>20</v>
      </c>
      <c r="KK26" s="71">
        <v>14</v>
      </c>
      <c r="KL26" s="72">
        <v>158</v>
      </c>
      <c r="KM26" s="73">
        <v>229</v>
      </c>
    </row>
    <row r="27" spans="2:299" ht="19.5" customHeight="1" x14ac:dyDescent="0.2">
      <c r="B27" s="126" t="s">
        <v>24</v>
      </c>
      <c r="C27" s="315">
        <v>34</v>
      </c>
      <c r="D27" s="82">
        <v>18</v>
      </c>
      <c r="E27" s="83">
        <v>52</v>
      </c>
      <c r="F27" s="241"/>
      <c r="G27" s="82">
        <v>51</v>
      </c>
      <c r="H27" s="82">
        <v>29</v>
      </c>
      <c r="I27" s="82">
        <v>19</v>
      </c>
      <c r="J27" s="82">
        <v>11</v>
      </c>
      <c r="K27" s="82">
        <v>7</v>
      </c>
      <c r="L27" s="84">
        <v>117</v>
      </c>
      <c r="M27" s="85">
        <v>169</v>
      </c>
      <c r="N27" s="70">
        <v>0</v>
      </c>
      <c r="O27" s="71">
        <v>0</v>
      </c>
      <c r="P27" s="72">
        <v>0</v>
      </c>
      <c r="Q27" s="241"/>
      <c r="R27" s="71">
        <v>1</v>
      </c>
      <c r="S27" s="71">
        <v>0</v>
      </c>
      <c r="T27" s="71">
        <v>0</v>
      </c>
      <c r="U27" s="71">
        <v>0</v>
      </c>
      <c r="V27" s="71">
        <v>0</v>
      </c>
      <c r="W27" s="72">
        <v>1</v>
      </c>
      <c r="X27" s="73">
        <v>1</v>
      </c>
      <c r="Y27" s="70">
        <v>0</v>
      </c>
      <c r="Z27" s="71">
        <v>0</v>
      </c>
      <c r="AA27" s="72">
        <v>0</v>
      </c>
      <c r="AB27" s="244"/>
      <c r="AC27" s="71">
        <v>4</v>
      </c>
      <c r="AD27" s="71">
        <v>4</v>
      </c>
      <c r="AE27" s="71">
        <v>0</v>
      </c>
      <c r="AF27" s="71">
        <v>0</v>
      </c>
      <c r="AG27" s="71">
        <v>1</v>
      </c>
      <c r="AH27" s="72">
        <v>9</v>
      </c>
      <c r="AI27" s="73">
        <v>9</v>
      </c>
      <c r="AJ27" s="70">
        <v>2</v>
      </c>
      <c r="AK27" s="71">
        <v>2</v>
      </c>
      <c r="AL27" s="72">
        <v>4</v>
      </c>
      <c r="AM27" s="244"/>
      <c r="AN27" s="71">
        <v>4</v>
      </c>
      <c r="AO27" s="71">
        <v>3</v>
      </c>
      <c r="AP27" s="71">
        <v>0</v>
      </c>
      <c r="AQ27" s="71">
        <v>3</v>
      </c>
      <c r="AR27" s="71">
        <v>0</v>
      </c>
      <c r="AS27" s="72">
        <v>10</v>
      </c>
      <c r="AT27" s="73">
        <v>14</v>
      </c>
      <c r="AU27" s="70">
        <v>2</v>
      </c>
      <c r="AV27" s="71">
        <v>4</v>
      </c>
      <c r="AW27" s="72">
        <v>6</v>
      </c>
      <c r="AX27" s="244"/>
      <c r="AY27" s="71">
        <v>5</v>
      </c>
      <c r="AZ27" s="71">
        <v>3</v>
      </c>
      <c r="BA27" s="71">
        <v>1</v>
      </c>
      <c r="BB27" s="71">
        <v>2</v>
      </c>
      <c r="BC27" s="71">
        <v>2</v>
      </c>
      <c r="BD27" s="72">
        <v>13</v>
      </c>
      <c r="BE27" s="73">
        <v>19</v>
      </c>
      <c r="BF27" s="70">
        <v>12</v>
      </c>
      <c r="BG27" s="71">
        <v>4</v>
      </c>
      <c r="BH27" s="72">
        <v>16</v>
      </c>
      <c r="BI27" s="244"/>
      <c r="BJ27" s="71">
        <v>17</v>
      </c>
      <c r="BK27" s="71">
        <v>12</v>
      </c>
      <c r="BL27" s="71">
        <v>6</v>
      </c>
      <c r="BM27" s="71">
        <v>4</v>
      </c>
      <c r="BN27" s="71">
        <v>2</v>
      </c>
      <c r="BO27" s="72">
        <v>41</v>
      </c>
      <c r="BP27" s="73">
        <v>57</v>
      </c>
      <c r="BQ27" s="70">
        <v>18</v>
      </c>
      <c r="BR27" s="71">
        <v>8</v>
      </c>
      <c r="BS27" s="72">
        <v>26</v>
      </c>
      <c r="BT27" s="244"/>
      <c r="BU27" s="71">
        <v>20</v>
      </c>
      <c r="BV27" s="71">
        <v>7</v>
      </c>
      <c r="BW27" s="71">
        <v>12</v>
      </c>
      <c r="BX27" s="71">
        <v>2</v>
      </c>
      <c r="BY27" s="71">
        <v>2</v>
      </c>
      <c r="BZ27" s="72">
        <v>43</v>
      </c>
      <c r="CA27" s="73">
        <v>69</v>
      </c>
      <c r="CB27" s="70">
        <v>0</v>
      </c>
      <c r="CC27" s="71">
        <v>0</v>
      </c>
      <c r="CD27" s="72">
        <v>0</v>
      </c>
      <c r="CE27" s="244"/>
      <c r="CF27" s="71">
        <v>0</v>
      </c>
      <c r="CG27" s="71">
        <v>0</v>
      </c>
      <c r="CH27" s="71">
        <v>0</v>
      </c>
      <c r="CI27" s="71">
        <v>0</v>
      </c>
      <c r="CJ27" s="71">
        <v>0</v>
      </c>
      <c r="CK27" s="72">
        <v>0</v>
      </c>
      <c r="CL27" s="73">
        <v>0</v>
      </c>
      <c r="CM27" s="70">
        <v>34</v>
      </c>
      <c r="CN27" s="71">
        <v>18</v>
      </c>
      <c r="CO27" s="72">
        <v>52</v>
      </c>
      <c r="CP27" s="244"/>
      <c r="CQ27" s="71">
        <v>51</v>
      </c>
      <c r="CR27" s="71">
        <v>29</v>
      </c>
      <c r="CS27" s="71">
        <v>19</v>
      </c>
      <c r="CT27" s="71">
        <v>11</v>
      </c>
      <c r="CU27" s="71">
        <v>7</v>
      </c>
      <c r="CV27" s="72">
        <v>117</v>
      </c>
      <c r="CW27" s="73">
        <v>169</v>
      </c>
      <c r="CX27" s="123">
        <v>3</v>
      </c>
      <c r="CY27" s="82">
        <v>2</v>
      </c>
      <c r="CZ27" s="83">
        <v>5</v>
      </c>
      <c r="DA27" s="241"/>
      <c r="DB27" s="82">
        <v>7</v>
      </c>
      <c r="DC27" s="82">
        <v>1</v>
      </c>
      <c r="DD27" s="82">
        <v>5</v>
      </c>
      <c r="DE27" s="82">
        <v>2</v>
      </c>
      <c r="DF27" s="82">
        <v>2</v>
      </c>
      <c r="DG27" s="84">
        <v>17</v>
      </c>
      <c r="DH27" s="85">
        <v>22</v>
      </c>
      <c r="DI27" s="70">
        <v>0</v>
      </c>
      <c r="DJ27" s="71">
        <v>0</v>
      </c>
      <c r="DK27" s="72">
        <v>0</v>
      </c>
      <c r="DL27" s="244"/>
      <c r="DM27" s="71">
        <v>0</v>
      </c>
      <c r="DN27" s="71">
        <v>0</v>
      </c>
      <c r="DO27" s="71">
        <v>0</v>
      </c>
      <c r="DP27" s="71">
        <v>0</v>
      </c>
      <c r="DQ27" s="71">
        <v>0</v>
      </c>
      <c r="DR27" s="72">
        <v>0</v>
      </c>
      <c r="DS27" s="73">
        <v>0</v>
      </c>
      <c r="DT27" s="70">
        <v>1</v>
      </c>
      <c r="DU27" s="71">
        <v>0</v>
      </c>
      <c r="DV27" s="72">
        <v>1</v>
      </c>
      <c r="DW27" s="244"/>
      <c r="DX27" s="71">
        <v>0</v>
      </c>
      <c r="DY27" s="71">
        <v>0</v>
      </c>
      <c r="DZ27" s="71">
        <v>0</v>
      </c>
      <c r="EA27" s="71">
        <v>0</v>
      </c>
      <c r="EB27" s="71">
        <v>0</v>
      </c>
      <c r="EC27" s="72">
        <v>0</v>
      </c>
      <c r="ED27" s="73">
        <v>1</v>
      </c>
      <c r="EE27" s="70">
        <v>0</v>
      </c>
      <c r="EF27" s="71">
        <v>0</v>
      </c>
      <c r="EG27" s="72">
        <v>0</v>
      </c>
      <c r="EH27" s="244"/>
      <c r="EI27" s="71">
        <v>0</v>
      </c>
      <c r="EJ27" s="71">
        <v>0</v>
      </c>
      <c r="EK27" s="71">
        <v>1</v>
      </c>
      <c r="EL27" s="71">
        <v>0</v>
      </c>
      <c r="EM27" s="71">
        <v>0</v>
      </c>
      <c r="EN27" s="72">
        <v>1</v>
      </c>
      <c r="EO27" s="73">
        <v>1</v>
      </c>
      <c r="EP27" s="70">
        <v>0</v>
      </c>
      <c r="EQ27" s="71">
        <v>0</v>
      </c>
      <c r="ER27" s="72">
        <v>0</v>
      </c>
      <c r="ES27" s="244"/>
      <c r="ET27" s="71">
        <v>2</v>
      </c>
      <c r="EU27" s="71">
        <v>0</v>
      </c>
      <c r="EV27" s="71">
        <v>0</v>
      </c>
      <c r="EW27" s="71">
        <v>1</v>
      </c>
      <c r="EX27" s="71">
        <v>0</v>
      </c>
      <c r="EY27" s="72">
        <v>3</v>
      </c>
      <c r="EZ27" s="73">
        <v>3</v>
      </c>
      <c r="FA27" s="70">
        <v>2</v>
      </c>
      <c r="FB27" s="71">
        <v>2</v>
      </c>
      <c r="FC27" s="72">
        <v>4</v>
      </c>
      <c r="FD27" s="244"/>
      <c r="FE27" s="71">
        <v>1</v>
      </c>
      <c r="FF27" s="71">
        <v>1</v>
      </c>
      <c r="FG27" s="71">
        <v>2</v>
      </c>
      <c r="FH27" s="71">
        <v>0</v>
      </c>
      <c r="FI27" s="71">
        <v>0</v>
      </c>
      <c r="FJ27" s="72">
        <v>4</v>
      </c>
      <c r="FK27" s="73">
        <v>8</v>
      </c>
      <c r="FL27" s="70">
        <v>0</v>
      </c>
      <c r="FM27" s="71">
        <v>0</v>
      </c>
      <c r="FN27" s="72">
        <v>0</v>
      </c>
      <c r="FO27" s="244"/>
      <c r="FP27" s="71">
        <v>4</v>
      </c>
      <c r="FQ27" s="71">
        <v>0</v>
      </c>
      <c r="FR27" s="71">
        <v>2</v>
      </c>
      <c r="FS27" s="71">
        <v>1</v>
      </c>
      <c r="FT27" s="71">
        <v>2</v>
      </c>
      <c r="FU27" s="72">
        <v>9</v>
      </c>
      <c r="FV27" s="73">
        <v>9</v>
      </c>
      <c r="FW27" s="70">
        <v>0</v>
      </c>
      <c r="FX27" s="71">
        <v>0</v>
      </c>
      <c r="FY27" s="72">
        <v>0</v>
      </c>
      <c r="FZ27" s="244"/>
      <c r="GA27" s="71">
        <v>0</v>
      </c>
      <c r="GB27" s="71">
        <v>0</v>
      </c>
      <c r="GC27" s="71">
        <v>0</v>
      </c>
      <c r="GD27" s="71">
        <v>0</v>
      </c>
      <c r="GE27" s="71">
        <v>0</v>
      </c>
      <c r="GF27" s="72">
        <v>0</v>
      </c>
      <c r="GG27" s="73">
        <v>0</v>
      </c>
      <c r="GH27" s="70">
        <v>3</v>
      </c>
      <c r="GI27" s="71">
        <v>2</v>
      </c>
      <c r="GJ27" s="72">
        <v>5</v>
      </c>
      <c r="GK27" s="244"/>
      <c r="GL27" s="71">
        <v>7</v>
      </c>
      <c r="GM27" s="71">
        <v>1</v>
      </c>
      <c r="GN27" s="71">
        <v>5</v>
      </c>
      <c r="GO27" s="71">
        <v>2</v>
      </c>
      <c r="GP27" s="71">
        <v>2</v>
      </c>
      <c r="GQ27" s="72">
        <v>17</v>
      </c>
      <c r="GR27" s="73">
        <v>22</v>
      </c>
      <c r="GS27" s="123">
        <v>37</v>
      </c>
      <c r="GT27" s="82">
        <v>20</v>
      </c>
      <c r="GU27" s="83">
        <v>57</v>
      </c>
      <c r="GV27" s="241"/>
      <c r="GW27" s="82">
        <v>58</v>
      </c>
      <c r="GX27" s="82">
        <v>30</v>
      </c>
      <c r="GY27" s="82">
        <v>24</v>
      </c>
      <c r="GZ27" s="82">
        <v>13</v>
      </c>
      <c r="HA27" s="82">
        <v>9</v>
      </c>
      <c r="HB27" s="84">
        <v>134</v>
      </c>
      <c r="HC27" s="85">
        <v>191</v>
      </c>
      <c r="HD27" s="70">
        <v>0</v>
      </c>
      <c r="HE27" s="71">
        <v>0</v>
      </c>
      <c r="HF27" s="72">
        <v>0</v>
      </c>
      <c r="HG27" s="244"/>
      <c r="HH27" s="71">
        <v>1</v>
      </c>
      <c r="HI27" s="71">
        <v>0</v>
      </c>
      <c r="HJ27" s="71">
        <v>0</v>
      </c>
      <c r="HK27" s="71">
        <v>0</v>
      </c>
      <c r="HL27" s="71">
        <v>0</v>
      </c>
      <c r="HM27" s="72">
        <v>1</v>
      </c>
      <c r="HN27" s="73">
        <v>1</v>
      </c>
      <c r="HO27" s="70">
        <v>1</v>
      </c>
      <c r="HP27" s="71">
        <v>0</v>
      </c>
      <c r="HQ27" s="72">
        <v>1</v>
      </c>
      <c r="HR27" s="244"/>
      <c r="HS27" s="71">
        <v>4</v>
      </c>
      <c r="HT27" s="71">
        <v>4</v>
      </c>
      <c r="HU27" s="71">
        <v>0</v>
      </c>
      <c r="HV27" s="71">
        <v>0</v>
      </c>
      <c r="HW27" s="71">
        <v>1</v>
      </c>
      <c r="HX27" s="72">
        <v>9</v>
      </c>
      <c r="HY27" s="73">
        <v>10</v>
      </c>
      <c r="HZ27" s="70">
        <v>2</v>
      </c>
      <c r="IA27" s="71">
        <v>2</v>
      </c>
      <c r="IB27" s="72">
        <v>4</v>
      </c>
      <c r="IC27" s="244"/>
      <c r="ID27" s="71">
        <v>4</v>
      </c>
      <c r="IE27" s="71">
        <v>3</v>
      </c>
      <c r="IF27" s="71">
        <v>1</v>
      </c>
      <c r="IG27" s="71">
        <v>3</v>
      </c>
      <c r="IH27" s="71">
        <v>0</v>
      </c>
      <c r="II27" s="72">
        <v>11</v>
      </c>
      <c r="IJ27" s="73">
        <v>15</v>
      </c>
      <c r="IK27" s="70">
        <v>2</v>
      </c>
      <c r="IL27" s="71">
        <v>4</v>
      </c>
      <c r="IM27" s="72">
        <v>6</v>
      </c>
      <c r="IN27" s="244"/>
      <c r="IO27" s="71">
        <v>7</v>
      </c>
      <c r="IP27" s="71">
        <v>3</v>
      </c>
      <c r="IQ27" s="71">
        <v>1</v>
      </c>
      <c r="IR27" s="71">
        <v>3</v>
      </c>
      <c r="IS27" s="71">
        <v>2</v>
      </c>
      <c r="IT27" s="72">
        <v>16</v>
      </c>
      <c r="IU27" s="73">
        <v>22</v>
      </c>
      <c r="IV27" s="70">
        <v>14</v>
      </c>
      <c r="IW27" s="71">
        <v>6</v>
      </c>
      <c r="IX27" s="72">
        <v>20</v>
      </c>
      <c r="IY27" s="244"/>
      <c r="IZ27" s="71">
        <v>18</v>
      </c>
      <c r="JA27" s="71">
        <v>13</v>
      </c>
      <c r="JB27" s="71">
        <v>8</v>
      </c>
      <c r="JC27" s="71">
        <v>4</v>
      </c>
      <c r="JD27" s="71">
        <v>2</v>
      </c>
      <c r="JE27" s="72">
        <v>45</v>
      </c>
      <c r="JF27" s="73">
        <v>65</v>
      </c>
      <c r="JG27" s="70">
        <v>18</v>
      </c>
      <c r="JH27" s="71">
        <v>8</v>
      </c>
      <c r="JI27" s="72">
        <v>26</v>
      </c>
      <c r="JJ27" s="244"/>
      <c r="JK27" s="71">
        <v>24</v>
      </c>
      <c r="JL27" s="71">
        <v>7</v>
      </c>
      <c r="JM27" s="71">
        <v>14</v>
      </c>
      <c r="JN27" s="71">
        <v>3</v>
      </c>
      <c r="JO27" s="71">
        <v>4</v>
      </c>
      <c r="JP27" s="72">
        <v>52</v>
      </c>
      <c r="JQ27" s="73">
        <v>78</v>
      </c>
      <c r="JR27" s="70">
        <v>0</v>
      </c>
      <c r="JS27" s="71">
        <v>0</v>
      </c>
      <c r="JT27" s="72">
        <v>0</v>
      </c>
      <c r="JU27" s="244"/>
      <c r="JV27" s="71">
        <v>0</v>
      </c>
      <c r="JW27" s="71">
        <v>0</v>
      </c>
      <c r="JX27" s="71">
        <v>0</v>
      </c>
      <c r="JY27" s="71">
        <v>0</v>
      </c>
      <c r="JZ27" s="71">
        <v>0</v>
      </c>
      <c r="KA27" s="72">
        <v>0</v>
      </c>
      <c r="KB27" s="73">
        <v>0</v>
      </c>
      <c r="KC27" s="70">
        <v>37</v>
      </c>
      <c r="KD27" s="71">
        <v>20</v>
      </c>
      <c r="KE27" s="72">
        <v>57</v>
      </c>
      <c r="KF27" s="244"/>
      <c r="KG27" s="71">
        <v>58</v>
      </c>
      <c r="KH27" s="71">
        <v>30</v>
      </c>
      <c r="KI27" s="71">
        <v>24</v>
      </c>
      <c r="KJ27" s="71">
        <v>13</v>
      </c>
      <c r="KK27" s="71">
        <v>9</v>
      </c>
      <c r="KL27" s="72">
        <v>134</v>
      </c>
      <c r="KM27" s="73">
        <v>191</v>
      </c>
    </row>
    <row r="28" spans="2:299" ht="19.5" customHeight="1" x14ac:dyDescent="0.2">
      <c r="B28" s="126" t="s">
        <v>25</v>
      </c>
      <c r="C28" s="315">
        <v>16</v>
      </c>
      <c r="D28" s="82">
        <v>20</v>
      </c>
      <c r="E28" s="83">
        <v>36</v>
      </c>
      <c r="F28" s="241"/>
      <c r="G28" s="82">
        <v>30</v>
      </c>
      <c r="H28" s="82">
        <v>8</v>
      </c>
      <c r="I28" s="82">
        <v>15</v>
      </c>
      <c r="J28" s="82">
        <v>12</v>
      </c>
      <c r="K28" s="82">
        <v>9</v>
      </c>
      <c r="L28" s="84">
        <v>74</v>
      </c>
      <c r="M28" s="85">
        <v>110</v>
      </c>
      <c r="N28" s="70">
        <v>0</v>
      </c>
      <c r="O28" s="71">
        <v>1</v>
      </c>
      <c r="P28" s="72">
        <v>1</v>
      </c>
      <c r="Q28" s="241"/>
      <c r="R28" s="71">
        <v>1</v>
      </c>
      <c r="S28" s="71">
        <v>0</v>
      </c>
      <c r="T28" s="71">
        <v>0</v>
      </c>
      <c r="U28" s="71">
        <v>0</v>
      </c>
      <c r="V28" s="71">
        <v>0</v>
      </c>
      <c r="W28" s="72">
        <v>1</v>
      </c>
      <c r="X28" s="73">
        <v>2</v>
      </c>
      <c r="Y28" s="70">
        <v>1</v>
      </c>
      <c r="Z28" s="71">
        <v>2</v>
      </c>
      <c r="AA28" s="72">
        <v>3</v>
      </c>
      <c r="AB28" s="244"/>
      <c r="AC28" s="71">
        <v>1</v>
      </c>
      <c r="AD28" s="71">
        <v>0</v>
      </c>
      <c r="AE28" s="71">
        <v>0</v>
      </c>
      <c r="AF28" s="71">
        <v>1</v>
      </c>
      <c r="AG28" s="71">
        <v>0</v>
      </c>
      <c r="AH28" s="72">
        <v>2</v>
      </c>
      <c r="AI28" s="73">
        <v>5</v>
      </c>
      <c r="AJ28" s="70">
        <v>5</v>
      </c>
      <c r="AK28" s="71">
        <v>6</v>
      </c>
      <c r="AL28" s="72">
        <v>11</v>
      </c>
      <c r="AM28" s="244"/>
      <c r="AN28" s="71">
        <v>4</v>
      </c>
      <c r="AO28" s="71">
        <v>0</v>
      </c>
      <c r="AP28" s="71">
        <v>0</v>
      </c>
      <c r="AQ28" s="71">
        <v>2</v>
      </c>
      <c r="AR28" s="71">
        <v>1</v>
      </c>
      <c r="AS28" s="72">
        <v>7</v>
      </c>
      <c r="AT28" s="73">
        <v>18</v>
      </c>
      <c r="AU28" s="70">
        <v>1</v>
      </c>
      <c r="AV28" s="71">
        <v>6</v>
      </c>
      <c r="AW28" s="72">
        <v>7</v>
      </c>
      <c r="AX28" s="244"/>
      <c r="AY28" s="71">
        <v>7</v>
      </c>
      <c r="AZ28" s="71">
        <v>1</v>
      </c>
      <c r="BA28" s="71">
        <v>6</v>
      </c>
      <c r="BB28" s="71">
        <v>2</v>
      </c>
      <c r="BC28" s="71">
        <v>4</v>
      </c>
      <c r="BD28" s="72">
        <v>20</v>
      </c>
      <c r="BE28" s="73">
        <v>27</v>
      </c>
      <c r="BF28" s="70">
        <v>3</v>
      </c>
      <c r="BG28" s="71">
        <v>4</v>
      </c>
      <c r="BH28" s="72">
        <v>7</v>
      </c>
      <c r="BI28" s="244"/>
      <c r="BJ28" s="71">
        <v>7</v>
      </c>
      <c r="BK28" s="71">
        <v>6</v>
      </c>
      <c r="BL28" s="71">
        <v>3</v>
      </c>
      <c r="BM28" s="71">
        <v>3</v>
      </c>
      <c r="BN28" s="71">
        <v>2</v>
      </c>
      <c r="BO28" s="72">
        <v>21</v>
      </c>
      <c r="BP28" s="73">
        <v>28</v>
      </c>
      <c r="BQ28" s="70">
        <v>6</v>
      </c>
      <c r="BR28" s="71">
        <v>1</v>
      </c>
      <c r="BS28" s="72">
        <v>7</v>
      </c>
      <c r="BT28" s="244"/>
      <c r="BU28" s="71">
        <v>10</v>
      </c>
      <c r="BV28" s="71">
        <v>1</v>
      </c>
      <c r="BW28" s="71">
        <v>6</v>
      </c>
      <c r="BX28" s="71">
        <v>4</v>
      </c>
      <c r="BY28" s="71">
        <v>2</v>
      </c>
      <c r="BZ28" s="72">
        <v>23</v>
      </c>
      <c r="CA28" s="73">
        <v>30</v>
      </c>
      <c r="CB28" s="70">
        <v>0</v>
      </c>
      <c r="CC28" s="71">
        <v>0</v>
      </c>
      <c r="CD28" s="72">
        <v>0</v>
      </c>
      <c r="CE28" s="244"/>
      <c r="CF28" s="71">
        <v>0</v>
      </c>
      <c r="CG28" s="71">
        <v>0</v>
      </c>
      <c r="CH28" s="71">
        <v>0</v>
      </c>
      <c r="CI28" s="71">
        <v>0</v>
      </c>
      <c r="CJ28" s="71">
        <v>0</v>
      </c>
      <c r="CK28" s="72">
        <v>0</v>
      </c>
      <c r="CL28" s="73">
        <v>0</v>
      </c>
      <c r="CM28" s="70">
        <v>16</v>
      </c>
      <c r="CN28" s="71">
        <v>20</v>
      </c>
      <c r="CO28" s="72">
        <v>36</v>
      </c>
      <c r="CP28" s="244"/>
      <c r="CQ28" s="71">
        <v>30</v>
      </c>
      <c r="CR28" s="71">
        <v>8</v>
      </c>
      <c r="CS28" s="71">
        <v>15</v>
      </c>
      <c r="CT28" s="71">
        <v>12</v>
      </c>
      <c r="CU28" s="71">
        <v>9</v>
      </c>
      <c r="CV28" s="72">
        <v>74</v>
      </c>
      <c r="CW28" s="73">
        <v>110</v>
      </c>
      <c r="CX28" s="123">
        <v>2</v>
      </c>
      <c r="CY28" s="82">
        <v>3</v>
      </c>
      <c r="CZ28" s="83">
        <v>5</v>
      </c>
      <c r="DA28" s="241"/>
      <c r="DB28" s="82">
        <v>3</v>
      </c>
      <c r="DC28" s="82">
        <v>2</v>
      </c>
      <c r="DD28" s="82">
        <v>0</v>
      </c>
      <c r="DE28" s="82">
        <v>0</v>
      </c>
      <c r="DF28" s="82">
        <v>0</v>
      </c>
      <c r="DG28" s="84">
        <v>5</v>
      </c>
      <c r="DH28" s="85">
        <v>10</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0</v>
      </c>
      <c r="DZ28" s="71">
        <v>0</v>
      </c>
      <c r="EA28" s="71">
        <v>0</v>
      </c>
      <c r="EB28" s="71">
        <v>0</v>
      </c>
      <c r="EC28" s="72">
        <v>0</v>
      </c>
      <c r="ED28" s="73">
        <v>0</v>
      </c>
      <c r="EE28" s="70">
        <v>0</v>
      </c>
      <c r="EF28" s="71">
        <v>1</v>
      </c>
      <c r="EG28" s="72">
        <v>1</v>
      </c>
      <c r="EH28" s="244"/>
      <c r="EI28" s="71">
        <v>0</v>
      </c>
      <c r="EJ28" s="71">
        <v>1</v>
      </c>
      <c r="EK28" s="71">
        <v>0</v>
      </c>
      <c r="EL28" s="71">
        <v>0</v>
      </c>
      <c r="EM28" s="71">
        <v>0</v>
      </c>
      <c r="EN28" s="72">
        <v>1</v>
      </c>
      <c r="EO28" s="73">
        <v>2</v>
      </c>
      <c r="EP28" s="70">
        <v>0</v>
      </c>
      <c r="EQ28" s="71">
        <v>1</v>
      </c>
      <c r="ER28" s="72">
        <v>1</v>
      </c>
      <c r="ES28" s="244"/>
      <c r="ET28" s="71">
        <v>0</v>
      </c>
      <c r="EU28" s="71">
        <v>0</v>
      </c>
      <c r="EV28" s="71">
        <v>0</v>
      </c>
      <c r="EW28" s="71">
        <v>0</v>
      </c>
      <c r="EX28" s="71">
        <v>0</v>
      </c>
      <c r="EY28" s="72">
        <v>0</v>
      </c>
      <c r="EZ28" s="73">
        <v>1</v>
      </c>
      <c r="FA28" s="70">
        <v>0</v>
      </c>
      <c r="FB28" s="71">
        <v>1</v>
      </c>
      <c r="FC28" s="72">
        <v>1</v>
      </c>
      <c r="FD28" s="244"/>
      <c r="FE28" s="71">
        <v>1</v>
      </c>
      <c r="FF28" s="71">
        <v>0</v>
      </c>
      <c r="FG28" s="71">
        <v>0</v>
      </c>
      <c r="FH28" s="71">
        <v>0</v>
      </c>
      <c r="FI28" s="71">
        <v>0</v>
      </c>
      <c r="FJ28" s="72">
        <v>1</v>
      </c>
      <c r="FK28" s="73">
        <v>2</v>
      </c>
      <c r="FL28" s="70">
        <v>2</v>
      </c>
      <c r="FM28" s="71">
        <v>0</v>
      </c>
      <c r="FN28" s="72">
        <v>2</v>
      </c>
      <c r="FO28" s="244"/>
      <c r="FP28" s="71">
        <v>2</v>
      </c>
      <c r="FQ28" s="71">
        <v>1</v>
      </c>
      <c r="FR28" s="71">
        <v>0</v>
      </c>
      <c r="FS28" s="71">
        <v>0</v>
      </c>
      <c r="FT28" s="71">
        <v>0</v>
      </c>
      <c r="FU28" s="72">
        <v>3</v>
      </c>
      <c r="FV28" s="73">
        <v>5</v>
      </c>
      <c r="FW28" s="70">
        <v>0</v>
      </c>
      <c r="FX28" s="71">
        <v>0</v>
      </c>
      <c r="FY28" s="72">
        <v>0</v>
      </c>
      <c r="FZ28" s="244"/>
      <c r="GA28" s="71">
        <v>0</v>
      </c>
      <c r="GB28" s="71">
        <v>0</v>
      </c>
      <c r="GC28" s="71">
        <v>0</v>
      </c>
      <c r="GD28" s="71">
        <v>0</v>
      </c>
      <c r="GE28" s="71">
        <v>0</v>
      </c>
      <c r="GF28" s="72">
        <v>0</v>
      </c>
      <c r="GG28" s="73">
        <v>0</v>
      </c>
      <c r="GH28" s="70">
        <v>2</v>
      </c>
      <c r="GI28" s="71">
        <v>3</v>
      </c>
      <c r="GJ28" s="72">
        <v>5</v>
      </c>
      <c r="GK28" s="244"/>
      <c r="GL28" s="71">
        <v>3</v>
      </c>
      <c r="GM28" s="71">
        <v>2</v>
      </c>
      <c r="GN28" s="71">
        <v>0</v>
      </c>
      <c r="GO28" s="71">
        <v>0</v>
      </c>
      <c r="GP28" s="71">
        <v>0</v>
      </c>
      <c r="GQ28" s="72">
        <v>5</v>
      </c>
      <c r="GR28" s="73">
        <v>10</v>
      </c>
      <c r="GS28" s="123">
        <v>18</v>
      </c>
      <c r="GT28" s="82">
        <v>23</v>
      </c>
      <c r="GU28" s="83">
        <v>41</v>
      </c>
      <c r="GV28" s="241"/>
      <c r="GW28" s="82">
        <v>33</v>
      </c>
      <c r="GX28" s="82">
        <v>10</v>
      </c>
      <c r="GY28" s="82">
        <v>15</v>
      </c>
      <c r="GZ28" s="82">
        <v>12</v>
      </c>
      <c r="HA28" s="82">
        <v>9</v>
      </c>
      <c r="HB28" s="84">
        <v>79</v>
      </c>
      <c r="HC28" s="85">
        <v>120</v>
      </c>
      <c r="HD28" s="70">
        <v>0</v>
      </c>
      <c r="HE28" s="71">
        <v>1</v>
      </c>
      <c r="HF28" s="72">
        <v>1</v>
      </c>
      <c r="HG28" s="244"/>
      <c r="HH28" s="71">
        <v>1</v>
      </c>
      <c r="HI28" s="71">
        <v>0</v>
      </c>
      <c r="HJ28" s="71">
        <v>0</v>
      </c>
      <c r="HK28" s="71">
        <v>0</v>
      </c>
      <c r="HL28" s="71">
        <v>0</v>
      </c>
      <c r="HM28" s="72">
        <v>1</v>
      </c>
      <c r="HN28" s="73">
        <v>2</v>
      </c>
      <c r="HO28" s="70">
        <v>1</v>
      </c>
      <c r="HP28" s="71">
        <v>2</v>
      </c>
      <c r="HQ28" s="72">
        <v>3</v>
      </c>
      <c r="HR28" s="244"/>
      <c r="HS28" s="71">
        <v>1</v>
      </c>
      <c r="HT28" s="71">
        <v>0</v>
      </c>
      <c r="HU28" s="71">
        <v>0</v>
      </c>
      <c r="HV28" s="71">
        <v>1</v>
      </c>
      <c r="HW28" s="71">
        <v>0</v>
      </c>
      <c r="HX28" s="72">
        <v>2</v>
      </c>
      <c r="HY28" s="73">
        <v>5</v>
      </c>
      <c r="HZ28" s="70">
        <v>5</v>
      </c>
      <c r="IA28" s="71">
        <v>7</v>
      </c>
      <c r="IB28" s="72">
        <v>12</v>
      </c>
      <c r="IC28" s="244"/>
      <c r="ID28" s="71">
        <v>4</v>
      </c>
      <c r="IE28" s="71">
        <v>1</v>
      </c>
      <c r="IF28" s="71">
        <v>0</v>
      </c>
      <c r="IG28" s="71">
        <v>2</v>
      </c>
      <c r="IH28" s="71">
        <v>1</v>
      </c>
      <c r="II28" s="72">
        <v>8</v>
      </c>
      <c r="IJ28" s="73">
        <v>20</v>
      </c>
      <c r="IK28" s="70">
        <v>1</v>
      </c>
      <c r="IL28" s="71">
        <v>7</v>
      </c>
      <c r="IM28" s="72">
        <v>8</v>
      </c>
      <c r="IN28" s="244"/>
      <c r="IO28" s="71">
        <v>7</v>
      </c>
      <c r="IP28" s="71">
        <v>1</v>
      </c>
      <c r="IQ28" s="71">
        <v>6</v>
      </c>
      <c r="IR28" s="71">
        <v>2</v>
      </c>
      <c r="IS28" s="71">
        <v>4</v>
      </c>
      <c r="IT28" s="72">
        <v>20</v>
      </c>
      <c r="IU28" s="73">
        <v>28</v>
      </c>
      <c r="IV28" s="70">
        <v>3</v>
      </c>
      <c r="IW28" s="71">
        <v>5</v>
      </c>
      <c r="IX28" s="72">
        <v>8</v>
      </c>
      <c r="IY28" s="244"/>
      <c r="IZ28" s="71">
        <v>8</v>
      </c>
      <c r="JA28" s="71">
        <v>6</v>
      </c>
      <c r="JB28" s="71">
        <v>3</v>
      </c>
      <c r="JC28" s="71">
        <v>3</v>
      </c>
      <c r="JD28" s="71">
        <v>2</v>
      </c>
      <c r="JE28" s="72">
        <v>22</v>
      </c>
      <c r="JF28" s="73">
        <v>30</v>
      </c>
      <c r="JG28" s="70">
        <v>8</v>
      </c>
      <c r="JH28" s="71">
        <v>1</v>
      </c>
      <c r="JI28" s="72">
        <v>9</v>
      </c>
      <c r="JJ28" s="244"/>
      <c r="JK28" s="71">
        <v>12</v>
      </c>
      <c r="JL28" s="71">
        <v>2</v>
      </c>
      <c r="JM28" s="71">
        <v>6</v>
      </c>
      <c r="JN28" s="71">
        <v>4</v>
      </c>
      <c r="JO28" s="71">
        <v>2</v>
      </c>
      <c r="JP28" s="72">
        <v>26</v>
      </c>
      <c r="JQ28" s="73">
        <v>35</v>
      </c>
      <c r="JR28" s="70">
        <v>0</v>
      </c>
      <c r="JS28" s="71">
        <v>0</v>
      </c>
      <c r="JT28" s="72">
        <v>0</v>
      </c>
      <c r="JU28" s="244"/>
      <c r="JV28" s="71">
        <v>0</v>
      </c>
      <c r="JW28" s="71">
        <v>0</v>
      </c>
      <c r="JX28" s="71">
        <v>0</v>
      </c>
      <c r="JY28" s="71">
        <v>0</v>
      </c>
      <c r="JZ28" s="71">
        <v>0</v>
      </c>
      <c r="KA28" s="72">
        <v>0</v>
      </c>
      <c r="KB28" s="73">
        <v>0</v>
      </c>
      <c r="KC28" s="70">
        <v>18</v>
      </c>
      <c r="KD28" s="71">
        <v>23</v>
      </c>
      <c r="KE28" s="72">
        <v>41</v>
      </c>
      <c r="KF28" s="244"/>
      <c r="KG28" s="71">
        <v>33</v>
      </c>
      <c r="KH28" s="71">
        <v>10</v>
      </c>
      <c r="KI28" s="71">
        <v>15</v>
      </c>
      <c r="KJ28" s="71">
        <v>12</v>
      </c>
      <c r="KK28" s="71">
        <v>9</v>
      </c>
      <c r="KL28" s="72">
        <v>79</v>
      </c>
      <c r="KM28" s="73">
        <v>120</v>
      </c>
    </row>
    <row r="29" spans="2:299" ht="19.5" customHeight="1" x14ac:dyDescent="0.2">
      <c r="B29" s="126" t="s">
        <v>26</v>
      </c>
      <c r="C29" s="315">
        <v>26</v>
      </c>
      <c r="D29" s="82">
        <v>12</v>
      </c>
      <c r="E29" s="83">
        <v>38</v>
      </c>
      <c r="F29" s="241"/>
      <c r="G29" s="82">
        <v>22</v>
      </c>
      <c r="H29" s="82">
        <v>27</v>
      </c>
      <c r="I29" s="82">
        <v>13</v>
      </c>
      <c r="J29" s="82">
        <v>13</v>
      </c>
      <c r="K29" s="82">
        <v>6</v>
      </c>
      <c r="L29" s="84">
        <v>81</v>
      </c>
      <c r="M29" s="85">
        <v>119</v>
      </c>
      <c r="N29" s="70">
        <v>0</v>
      </c>
      <c r="O29" s="71">
        <v>0</v>
      </c>
      <c r="P29" s="72">
        <v>0</v>
      </c>
      <c r="Q29" s="241"/>
      <c r="R29" s="71">
        <v>0</v>
      </c>
      <c r="S29" s="71">
        <v>0</v>
      </c>
      <c r="T29" s="71">
        <v>0</v>
      </c>
      <c r="U29" s="71">
        <v>0</v>
      </c>
      <c r="V29" s="71">
        <v>0</v>
      </c>
      <c r="W29" s="72">
        <v>0</v>
      </c>
      <c r="X29" s="73">
        <v>0</v>
      </c>
      <c r="Y29" s="70">
        <v>1</v>
      </c>
      <c r="Z29" s="71">
        <v>0</v>
      </c>
      <c r="AA29" s="72">
        <v>1</v>
      </c>
      <c r="AB29" s="244"/>
      <c r="AC29" s="71">
        <v>1</v>
      </c>
      <c r="AD29" s="71">
        <v>0</v>
      </c>
      <c r="AE29" s="71">
        <v>0</v>
      </c>
      <c r="AF29" s="71">
        <v>0</v>
      </c>
      <c r="AG29" s="71">
        <v>0</v>
      </c>
      <c r="AH29" s="72">
        <v>1</v>
      </c>
      <c r="AI29" s="73">
        <v>2</v>
      </c>
      <c r="AJ29" s="70">
        <v>3</v>
      </c>
      <c r="AK29" s="71">
        <v>1</v>
      </c>
      <c r="AL29" s="72">
        <v>4</v>
      </c>
      <c r="AM29" s="244"/>
      <c r="AN29" s="71">
        <v>2</v>
      </c>
      <c r="AO29" s="71">
        <v>4</v>
      </c>
      <c r="AP29" s="71">
        <v>2</v>
      </c>
      <c r="AQ29" s="71">
        <v>1</v>
      </c>
      <c r="AR29" s="71">
        <v>0</v>
      </c>
      <c r="AS29" s="72">
        <v>9</v>
      </c>
      <c r="AT29" s="73">
        <v>13</v>
      </c>
      <c r="AU29" s="70">
        <v>4</v>
      </c>
      <c r="AV29" s="71">
        <v>3</v>
      </c>
      <c r="AW29" s="72">
        <v>7</v>
      </c>
      <c r="AX29" s="244"/>
      <c r="AY29" s="71">
        <v>9</v>
      </c>
      <c r="AZ29" s="71">
        <v>5</v>
      </c>
      <c r="BA29" s="71">
        <v>2</v>
      </c>
      <c r="BB29" s="71">
        <v>1</v>
      </c>
      <c r="BC29" s="71">
        <v>0</v>
      </c>
      <c r="BD29" s="72">
        <v>17</v>
      </c>
      <c r="BE29" s="73">
        <v>24</v>
      </c>
      <c r="BF29" s="70">
        <v>9</v>
      </c>
      <c r="BG29" s="71">
        <v>3</v>
      </c>
      <c r="BH29" s="72">
        <v>12</v>
      </c>
      <c r="BI29" s="244"/>
      <c r="BJ29" s="71">
        <v>6</v>
      </c>
      <c r="BK29" s="71">
        <v>10</v>
      </c>
      <c r="BL29" s="71">
        <v>6</v>
      </c>
      <c r="BM29" s="71">
        <v>5</v>
      </c>
      <c r="BN29" s="71">
        <v>1</v>
      </c>
      <c r="BO29" s="72">
        <v>28</v>
      </c>
      <c r="BP29" s="73">
        <v>40</v>
      </c>
      <c r="BQ29" s="70">
        <v>9</v>
      </c>
      <c r="BR29" s="71">
        <v>5</v>
      </c>
      <c r="BS29" s="72">
        <v>14</v>
      </c>
      <c r="BT29" s="244"/>
      <c r="BU29" s="71">
        <v>4</v>
      </c>
      <c r="BV29" s="71">
        <v>8</v>
      </c>
      <c r="BW29" s="71">
        <v>3</v>
      </c>
      <c r="BX29" s="71">
        <v>6</v>
      </c>
      <c r="BY29" s="71">
        <v>5</v>
      </c>
      <c r="BZ29" s="72">
        <v>26</v>
      </c>
      <c r="CA29" s="73">
        <v>40</v>
      </c>
      <c r="CB29" s="70">
        <v>0</v>
      </c>
      <c r="CC29" s="71">
        <v>0</v>
      </c>
      <c r="CD29" s="72">
        <v>0</v>
      </c>
      <c r="CE29" s="244"/>
      <c r="CF29" s="71">
        <v>0</v>
      </c>
      <c r="CG29" s="71">
        <v>0</v>
      </c>
      <c r="CH29" s="71">
        <v>0</v>
      </c>
      <c r="CI29" s="71">
        <v>0</v>
      </c>
      <c r="CJ29" s="71">
        <v>0</v>
      </c>
      <c r="CK29" s="72">
        <v>0</v>
      </c>
      <c r="CL29" s="73">
        <v>0</v>
      </c>
      <c r="CM29" s="70">
        <v>26</v>
      </c>
      <c r="CN29" s="71">
        <v>12</v>
      </c>
      <c r="CO29" s="72">
        <v>38</v>
      </c>
      <c r="CP29" s="244"/>
      <c r="CQ29" s="71">
        <v>22</v>
      </c>
      <c r="CR29" s="71">
        <v>27</v>
      </c>
      <c r="CS29" s="71">
        <v>13</v>
      </c>
      <c r="CT29" s="71">
        <v>13</v>
      </c>
      <c r="CU29" s="71">
        <v>6</v>
      </c>
      <c r="CV29" s="72">
        <v>81</v>
      </c>
      <c r="CW29" s="73">
        <v>119</v>
      </c>
      <c r="CX29" s="123">
        <v>2</v>
      </c>
      <c r="CY29" s="82">
        <v>3</v>
      </c>
      <c r="CZ29" s="83">
        <v>5</v>
      </c>
      <c r="DA29" s="241"/>
      <c r="DB29" s="82">
        <v>3</v>
      </c>
      <c r="DC29" s="82">
        <v>3</v>
      </c>
      <c r="DD29" s="82">
        <v>2</v>
      </c>
      <c r="DE29" s="82">
        <v>0</v>
      </c>
      <c r="DF29" s="82">
        <v>1</v>
      </c>
      <c r="DG29" s="84">
        <v>9</v>
      </c>
      <c r="DH29" s="85">
        <v>14</v>
      </c>
      <c r="DI29" s="70">
        <v>0</v>
      </c>
      <c r="DJ29" s="71">
        <v>0</v>
      </c>
      <c r="DK29" s="72">
        <v>0</v>
      </c>
      <c r="DL29" s="244"/>
      <c r="DM29" s="71">
        <v>0</v>
      </c>
      <c r="DN29" s="71">
        <v>0</v>
      </c>
      <c r="DO29" s="71">
        <v>0</v>
      </c>
      <c r="DP29" s="71">
        <v>0</v>
      </c>
      <c r="DQ29" s="71">
        <v>0</v>
      </c>
      <c r="DR29" s="72">
        <v>0</v>
      </c>
      <c r="DS29" s="73">
        <v>0</v>
      </c>
      <c r="DT29" s="70">
        <v>0</v>
      </c>
      <c r="DU29" s="71">
        <v>0</v>
      </c>
      <c r="DV29" s="72">
        <v>0</v>
      </c>
      <c r="DW29" s="244"/>
      <c r="DX29" s="71">
        <v>0</v>
      </c>
      <c r="DY29" s="71">
        <v>0</v>
      </c>
      <c r="DZ29" s="71">
        <v>0</v>
      </c>
      <c r="EA29" s="71">
        <v>0</v>
      </c>
      <c r="EB29" s="71">
        <v>0</v>
      </c>
      <c r="EC29" s="72">
        <v>0</v>
      </c>
      <c r="ED29" s="73">
        <v>0</v>
      </c>
      <c r="EE29" s="70">
        <v>0</v>
      </c>
      <c r="EF29" s="71">
        <v>0</v>
      </c>
      <c r="EG29" s="72">
        <v>0</v>
      </c>
      <c r="EH29" s="244"/>
      <c r="EI29" s="71">
        <v>0</v>
      </c>
      <c r="EJ29" s="71">
        <v>0</v>
      </c>
      <c r="EK29" s="71">
        <v>0</v>
      </c>
      <c r="EL29" s="71">
        <v>0</v>
      </c>
      <c r="EM29" s="71">
        <v>0</v>
      </c>
      <c r="EN29" s="72">
        <v>0</v>
      </c>
      <c r="EO29" s="73">
        <v>0</v>
      </c>
      <c r="EP29" s="70">
        <v>0</v>
      </c>
      <c r="EQ29" s="71">
        <v>0</v>
      </c>
      <c r="ER29" s="72">
        <v>0</v>
      </c>
      <c r="ES29" s="244"/>
      <c r="ET29" s="71">
        <v>0</v>
      </c>
      <c r="EU29" s="71">
        <v>1</v>
      </c>
      <c r="EV29" s="71">
        <v>1</v>
      </c>
      <c r="EW29" s="71">
        <v>0</v>
      </c>
      <c r="EX29" s="71">
        <v>0</v>
      </c>
      <c r="EY29" s="72">
        <v>2</v>
      </c>
      <c r="EZ29" s="73">
        <v>2</v>
      </c>
      <c r="FA29" s="70">
        <v>1</v>
      </c>
      <c r="FB29" s="71">
        <v>2</v>
      </c>
      <c r="FC29" s="72">
        <v>3</v>
      </c>
      <c r="FD29" s="244"/>
      <c r="FE29" s="71">
        <v>1</v>
      </c>
      <c r="FF29" s="71">
        <v>1</v>
      </c>
      <c r="FG29" s="71">
        <v>0</v>
      </c>
      <c r="FH29" s="71">
        <v>0</v>
      </c>
      <c r="FI29" s="71">
        <v>0</v>
      </c>
      <c r="FJ29" s="72">
        <v>2</v>
      </c>
      <c r="FK29" s="73">
        <v>5</v>
      </c>
      <c r="FL29" s="70">
        <v>1</v>
      </c>
      <c r="FM29" s="71">
        <v>1</v>
      </c>
      <c r="FN29" s="72">
        <v>2</v>
      </c>
      <c r="FO29" s="244"/>
      <c r="FP29" s="71">
        <v>2</v>
      </c>
      <c r="FQ29" s="71">
        <v>1</v>
      </c>
      <c r="FR29" s="71">
        <v>1</v>
      </c>
      <c r="FS29" s="71">
        <v>0</v>
      </c>
      <c r="FT29" s="71">
        <v>1</v>
      </c>
      <c r="FU29" s="72">
        <v>5</v>
      </c>
      <c r="FV29" s="73">
        <v>7</v>
      </c>
      <c r="FW29" s="70">
        <v>0</v>
      </c>
      <c r="FX29" s="71">
        <v>0</v>
      </c>
      <c r="FY29" s="72">
        <v>0</v>
      </c>
      <c r="FZ29" s="244"/>
      <c r="GA29" s="71">
        <v>0</v>
      </c>
      <c r="GB29" s="71">
        <v>0</v>
      </c>
      <c r="GC29" s="71">
        <v>0</v>
      </c>
      <c r="GD29" s="71">
        <v>0</v>
      </c>
      <c r="GE29" s="71">
        <v>0</v>
      </c>
      <c r="GF29" s="72">
        <v>0</v>
      </c>
      <c r="GG29" s="73">
        <v>0</v>
      </c>
      <c r="GH29" s="70">
        <v>2</v>
      </c>
      <c r="GI29" s="71">
        <v>3</v>
      </c>
      <c r="GJ29" s="72">
        <v>5</v>
      </c>
      <c r="GK29" s="244"/>
      <c r="GL29" s="71">
        <v>3</v>
      </c>
      <c r="GM29" s="71">
        <v>3</v>
      </c>
      <c r="GN29" s="71">
        <v>2</v>
      </c>
      <c r="GO29" s="71">
        <v>0</v>
      </c>
      <c r="GP29" s="71">
        <v>1</v>
      </c>
      <c r="GQ29" s="72">
        <v>9</v>
      </c>
      <c r="GR29" s="73">
        <v>14</v>
      </c>
      <c r="GS29" s="123">
        <v>28</v>
      </c>
      <c r="GT29" s="82">
        <v>15</v>
      </c>
      <c r="GU29" s="83">
        <v>43</v>
      </c>
      <c r="GV29" s="241"/>
      <c r="GW29" s="82">
        <v>25</v>
      </c>
      <c r="GX29" s="82">
        <v>30</v>
      </c>
      <c r="GY29" s="82">
        <v>15</v>
      </c>
      <c r="GZ29" s="82">
        <v>13</v>
      </c>
      <c r="HA29" s="82">
        <v>7</v>
      </c>
      <c r="HB29" s="84">
        <v>90</v>
      </c>
      <c r="HC29" s="85">
        <v>133</v>
      </c>
      <c r="HD29" s="70">
        <v>0</v>
      </c>
      <c r="HE29" s="71">
        <v>0</v>
      </c>
      <c r="HF29" s="72">
        <v>0</v>
      </c>
      <c r="HG29" s="244"/>
      <c r="HH29" s="71">
        <v>0</v>
      </c>
      <c r="HI29" s="71">
        <v>0</v>
      </c>
      <c r="HJ29" s="71">
        <v>0</v>
      </c>
      <c r="HK29" s="71">
        <v>0</v>
      </c>
      <c r="HL29" s="71">
        <v>0</v>
      </c>
      <c r="HM29" s="72">
        <v>0</v>
      </c>
      <c r="HN29" s="73">
        <v>0</v>
      </c>
      <c r="HO29" s="70">
        <v>1</v>
      </c>
      <c r="HP29" s="71">
        <v>0</v>
      </c>
      <c r="HQ29" s="72">
        <v>1</v>
      </c>
      <c r="HR29" s="244"/>
      <c r="HS29" s="71">
        <v>1</v>
      </c>
      <c r="HT29" s="71">
        <v>0</v>
      </c>
      <c r="HU29" s="71">
        <v>0</v>
      </c>
      <c r="HV29" s="71">
        <v>0</v>
      </c>
      <c r="HW29" s="71">
        <v>0</v>
      </c>
      <c r="HX29" s="72">
        <v>1</v>
      </c>
      <c r="HY29" s="73">
        <v>2</v>
      </c>
      <c r="HZ29" s="70">
        <v>3</v>
      </c>
      <c r="IA29" s="71">
        <v>1</v>
      </c>
      <c r="IB29" s="72">
        <v>4</v>
      </c>
      <c r="IC29" s="244"/>
      <c r="ID29" s="71">
        <v>2</v>
      </c>
      <c r="IE29" s="71">
        <v>4</v>
      </c>
      <c r="IF29" s="71">
        <v>2</v>
      </c>
      <c r="IG29" s="71">
        <v>1</v>
      </c>
      <c r="IH29" s="71">
        <v>0</v>
      </c>
      <c r="II29" s="72">
        <v>9</v>
      </c>
      <c r="IJ29" s="73">
        <v>13</v>
      </c>
      <c r="IK29" s="70">
        <v>4</v>
      </c>
      <c r="IL29" s="71">
        <v>3</v>
      </c>
      <c r="IM29" s="72">
        <v>7</v>
      </c>
      <c r="IN29" s="244"/>
      <c r="IO29" s="71">
        <v>9</v>
      </c>
      <c r="IP29" s="71">
        <v>6</v>
      </c>
      <c r="IQ29" s="71">
        <v>3</v>
      </c>
      <c r="IR29" s="71">
        <v>1</v>
      </c>
      <c r="IS29" s="71">
        <v>0</v>
      </c>
      <c r="IT29" s="72">
        <v>19</v>
      </c>
      <c r="IU29" s="73">
        <v>26</v>
      </c>
      <c r="IV29" s="70">
        <v>10</v>
      </c>
      <c r="IW29" s="71">
        <v>5</v>
      </c>
      <c r="IX29" s="72">
        <v>15</v>
      </c>
      <c r="IY29" s="244"/>
      <c r="IZ29" s="71">
        <v>7</v>
      </c>
      <c r="JA29" s="71">
        <v>11</v>
      </c>
      <c r="JB29" s="71">
        <v>6</v>
      </c>
      <c r="JC29" s="71">
        <v>5</v>
      </c>
      <c r="JD29" s="71">
        <v>1</v>
      </c>
      <c r="JE29" s="72">
        <v>30</v>
      </c>
      <c r="JF29" s="73">
        <v>45</v>
      </c>
      <c r="JG29" s="70">
        <v>10</v>
      </c>
      <c r="JH29" s="71">
        <v>6</v>
      </c>
      <c r="JI29" s="72">
        <v>16</v>
      </c>
      <c r="JJ29" s="244"/>
      <c r="JK29" s="71">
        <v>6</v>
      </c>
      <c r="JL29" s="71">
        <v>9</v>
      </c>
      <c r="JM29" s="71">
        <v>4</v>
      </c>
      <c r="JN29" s="71">
        <v>6</v>
      </c>
      <c r="JO29" s="71">
        <v>6</v>
      </c>
      <c r="JP29" s="72">
        <v>31</v>
      </c>
      <c r="JQ29" s="73">
        <v>47</v>
      </c>
      <c r="JR29" s="70">
        <v>0</v>
      </c>
      <c r="JS29" s="71">
        <v>0</v>
      </c>
      <c r="JT29" s="72">
        <v>0</v>
      </c>
      <c r="JU29" s="244"/>
      <c r="JV29" s="71">
        <v>0</v>
      </c>
      <c r="JW29" s="71">
        <v>0</v>
      </c>
      <c r="JX29" s="71">
        <v>0</v>
      </c>
      <c r="JY29" s="71">
        <v>0</v>
      </c>
      <c r="JZ29" s="71">
        <v>0</v>
      </c>
      <c r="KA29" s="72">
        <v>0</v>
      </c>
      <c r="KB29" s="73">
        <v>0</v>
      </c>
      <c r="KC29" s="70">
        <v>28</v>
      </c>
      <c r="KD29" s="71">
        <v>15</v>
      </c>
      <c r="KE29" s="72">
        <v>43</v>
      </c>
      <c r="KF29" s="244"/>
      <c r="KG29" s="71">
        <v>25</v>
      </c>
      <c r="KH29" s="71">
        <v>30</v>
      </c>
      <c r="KI29" s="71">
        <v>15</v>
      </c>
      <c r="KJ29" s="71">
        <v>13</v>
      </c>
      <c r="KK29" s="71">
        <v>7</v>
      </c>
      <c r="KL29" s="72">
        <v>90</v>
      </c>
      <c r="KM29" s="73">
        <v>133</v>
      </c>
    </row>
    <row r="30" spans="2:299" ht="19.5" customHeight="1" x14ac:dyDescent="0.2">
      <c r="B30" s="126" t="s">
        <v>27</v>
      </c>
      <c r="C30" s="315">
        <v>17</v>
      </c>
      <c r="D30" s="82">
        <v>28</v>
      </c>
      <c r="E30" s="83">
        <v>45</v>
      </c>
      <c r="F30" s="241"/>
      <c r="G30" s="82">
        <v>20</v>
      </c>
      <c r="H30" s="82">
        <v>15</v>
      </c>
      <c r="I30" s="82">
        <v>22</v>
      </c>
      <c r="J30" s="82">
        <v>11</v>
      </c>
      <c r="K30" s="82">
        <v>8</v>
      </c>
      <c r="L30" s="84">
        <v>76</v>
      </c>
      <c r="M30" s="85">
        <v>121</v>
      </c>
      <c r="N30" s="70">
        <v>0</v>
      </c>
      <c r="O30" s="71">
        <v>1</v>
      </c>
      <c r="P30" s="72">
        <v>1</v>
      </c>
      <c r="Q30" s="241"/>
      <c r="R30" s="71">
        <v>0</v>
      </c>
      <c r="S30" s="71">
        <v>0</v>
      </c>
      <c r="T30" s="71">
        <v>0</v>
      </c>
      <c r="U30" s="71">
        <v>0</v>
      </c>
      <c r="V30" s="71">
        <v>0</v>
      </c>
      <c r="W30" s="72">
        <v>0</v>
      </c>
      <c r="X30" s="73">
        <v>1</v>
      </c>
      <c r="Y30" s="70">
        <v>0</v>
      </c>
      <c r="Z30" s="71">
        <v>2</v>
      </c>
      <c r="AA30" s="72">
        <v>2</v>
      </c>
      <c r="AB30" s="244"/>
      <c r="AC30" s="71">
        <v>1</v>
      </c>
      <c r="AD30" s="71">
        <v>1</v>
      </c>
      <c r="AE30" s="71">
        <v>0</v>
      </c>
      <c r="AF30" s="71">
        <v>1</v>
      </c>
      <c r="AG30" s="71">
        <v>0</v>
      </c>
      <c r="AH30" s="72">
        <v>3</v>
      </c>
      <c r="AI30" s="73">
        <v>5</v>
      </c>
      <c r="AJ30" s="70">
        <v>1</v>
      </c>
      <c r="AK30" s="71">
        <v>1</v>
      </c>
      <c r="AL30" s="72">
        <v>2</v>
      </c>
      <c r="AM30" s="244"/>
      <c r="AN30" s="71">
        <v>1</v>
      </c>
      <c r="AO30" s="71">
        <v>0</v>
      </c>
      <c r="AP30" s="71">
        <v>2</v>
      </c>
      <c r="AQ30" s="71">
        <v>0</v>
      </c>
      <c r="AR30" s="71">
        <v>0</v>
      </c>
      <c r="AS30" s="72">
        <v>3</v>
      </c>
      <c r="AT30" s="73">
        <v>5</v>
      </c>
      <c r="AU30" s="70">
        <v>5</v>
      </c>
      <c r="AV30" s="71">
        <v>2</v>
      </c>
      <c r="AW30" s="72">
        <v>7</v>
      </c>
      <c r="AX30" s="244"/>
      <c r="AY30" s="71">
        <v>8</v>
      </c>
      <c r="AZ30" s="71">
        <v>4</v>
      </c>
      <c r="BA30" s="71">
        <v>7</v>
      </c>
      <c r="BB30" s="71">
        <v>0</v>
      </c>
      <c r="BC30" s="71">
        <v>2</v>
      </c>
      <c r="BD30" s="72">
        <v>21</v>
      </c>
      <c r="BE30" s="73">
        <v>28</v>
      </c>
      <c r="BF30" s="70">
        <v>6</v>
      </c>
      <c r="BG30" s="71">
        <v>11</v>
      </c>
      <c r="BH30" s="72">
        <v>17</v>
      </c>
      <c r="BI30" s="244"/>
      <c r="BJ30" s="71">
        <v>4</v>
      </c>
      <c r="BK30" s="71">
        <v>4</v>
      </c>
      <c r="BL30" s="71">
        <v>5</v>
      </c>
      <c r="BM30" s="71">
        <v>7</v>
      </c>
      <c r="BN30" s="71">
        <v>5</v>
      </c>
      <c r="BO30" s="72">
        <v>25</v>
      </c>
      <c r="BP30" s="73">
        <v>42</v>
      </c>
      <c r="BQ30" s="70">
        <v>5</v>
      </c>
      <c r="BR30" s="71">
        <v>11</v>
      </c>
      <c r="BS30" s="72">
        <v>16</v>
      </c>
      <c r="BT30" s="244"/>
      <c r="BU30" s="71">
        <v>6</v>
      </c>
      <c r="BV30" s="71">
        <v>6</v>
      </c>
      <c r="BW30" s="71">
        <v>8</v>
      </c>
      <c r="BX30" s="71">
        <v>3</v>
      </c>
      <c r="BY30" s="71">
        <v>1</v>
      </c>
      <c r="BZ30" s="72">
        <v>24</v>
      </c>
      <c r="CA30" s="73">
        <v>40</v>
      </c>
      <c r="CB30" s="70">
        <v>0</v>
      </c>
      <c r="CC30" s="71">
        <v>0</v>
      </c>
      <c r="CD30" s="72">
        <v>0</v>
      </c>
      <c r="CE30" s="244"/>
      <c r="CF30" s="71">
        <v>0</v>
      </c>
      <c r="CG30" s="71">
        <v>0</v>
      </c>
      <c r="CH30" s="71">
        <v>0</v>
      </c>
      <c r="CI30" s="71">
        <v>0</v>
      </c>
      <c r="CJ30" s="71">
        <v>0</v>
      </c>
      <c r="CK30" s="72">
        <v>0</v>
      </c>
      <c r="CL30" s="73">
        <v>0</v>
      </c>
      <c r="CM30" s="70">
        <v>17</v>
      </c>
      <c r="CN30" s="71">
        <v>28</v>
      </c>
      <c r="CO30" s="72">
        <v>45</v>
      </c>
      <c r="CP30" s="244"/>
      <c r="CQ30" s="71">
        <v>20</v>
      </c>
      <c r="CR30" s="71">
        <v>15</v>
      </c>
      <c r="CS30" s="71">
        <v>22</v>
      </c>
      <c r="CT30" s="71">
        <v>11</v>
      </c>
      <c r="CU30" s="71">
        <v>8</v>
      </c>
      <c r="CV30" s="72">
        <v>76</v>
      </c>
      <c r="CW30" s="73">
        <v>121</v>
      </c>
      <c r="CX30" s="123">
        <v>4</v>
      </c>
      <c r="CY30" s="82">
        <v>1</v>
      </c>
      <c r="CZ30" s="83">
        <v>5</v>
      </c>
      <c r="DA30" s="241"/>
      <c r="DB30" s="82">
        <v>4</v>
      </c>
      <c r="DC30" s="82">
        <v>3</v>
      </c>
      <c r="DD30" s="82">
        <v>2</v>
      </c>
      <c r="DE30" s="82">
        <v>3</v>
      </c>
      <c r="DF30" s="82">
        <v>1</v>
      </c>
      <c r="DG30" s="84">
        <v>13</v>
      </c>
      <c r="DH30" s="85">
        <v>18</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2</v>
      </c>
      <c r="EU30" s="71">
        <v>0</v>
      </c>
      <c r="EV30" s="71">
        <v>0</v>
      </c>
      <c r="EW30" s="71">
        <v>0</v>
      </c>
      <c r="EX30" s="71">
        <v>0</v>
      </c>
      <c r="EY30" s="72">
        <v>2</v>
      </c>
      <c r="EZ30" s="73">
        <v>2</v>
      </c>
      <c r="FA30" s="70">
        <v>3</v>
      </c>
      <c r="FB30" s="71">
        <v>0</v>
      </c>
      <c r="FC30" s="72">
        <v>3</v>
      </c>
      <c r="FD30" s="244"/>
      <c r="FE30" s="71">
        <v>2</v>
      </c>
      <c r="FF30" s="71">
        <v>1</v>
      </c>
      <c r="FG30" s="71">
        <v>0</v>
      </c>
      <c r="FH30" s="71">
        <v>0</v>
      </c>
      <c r="FI30" s="71">
        <v>1</v>
      </c>
      <c r="FJ30" s="72">
        <v>4</v>
      </c>
      <c r="FK30" s="73">
        <v>7</v>
      </c>
      <c r="FL30" s="70">
        <v>1</v>
      </c>
      <c r="FM30" s="71">
        <v>1</v>
      </c>
      <c r="FN30" s="72">
        <v>2</v>
      </c>
      <c r="FO30" s="244"/>
      <c r="FP30" s="71">
        <v>0</v>
      </c>
      <c r="FQ30" s="71">
        <v>2</v>
      </c>
      <c r="FR30" s="71">
        <v>2</v>
      </c>
      <c r="FS30" s="71">
        <v>3</v>
      </c>
      <c r="FT30" s="71">
        <v>0</v>
      </c>
      <c r="FU30" s="72">
        <v>7</v>
      </c>
      <c r="FV30" s="73">
        <v>9</v>
      </c>
      <c r="FW30" s="70">
        <v>0</v>
      </c>
      <c r="FX30" s="71">
        <v>0</v>
      </c>
      <c r="FY30" s="72">
        <v>0</v>
      </c>
      <c r="FZ30" s="244"/>
      <c r="GA30" s="71">
        <v>0</v>
      </c>
      <c r="GB30" s="71">
        <v>0</v>
      </c>
      <c r="GC30" s="71">
        <v>0</v>
      </c>
      <c r="GD30" s="71">
        <v>0</v>
      </c>
      <c r="GE30" s="71">
        <v>0</v>
      </c>
      <c r="GF30" s="72">
        <v>0</v>
      </c>
      <c r="GG30" s="73">
        <v>0</v>
      </c>
      <c r="GH30" s="70">
        <v>4</v>
      </c>
      <c r="GI30" s="71">
        <v>1</v>
      </c>
      <c r="GJ30" s="72">
        <v>5</v>
      </c>
      <c r="GK30" s="244"/>
      <c r="GL30" s="71">
        <v>4</v>
      </c>
      <c r="GM30" s="71">
        <v>3</v>
      </c>
      <c r="GN30" s="71">
        <v>2</v>
      </c>
      <c r="GO30" s="71">
        <v>3</v>
      </c>
      <c r="GP30" s="71">
        <v>1</v>
      </c>
      <c r="GQ30" s="72">
        <v>13</v>
      </c>
      <c r="GR30" s="73">
        <v>18</v>
      </c>
      <c r="GS30" s="123">
        <v>21</v>
      </c>
      <c r="GT30" s="82">
        <v>29</v>
      </c>
      <c r="GU30" s="83">
        <v>50</v>
      </c>
      <c r="GV30" s="241"/>
      <c r="GW30" s="82">
        <v>24</v>
      </c>
      <c r="GX30" s="82">
        <v>18</v>
      </c>
      <c r="GY30" s="82">
        <v>24</v>
      </c>
      <c r="GZ30" s="82">
        <v>14</v>
      </c>
      <c r="HA30" s="82">
        <v>9</v>
      </c>
      <c r="HB30" s="84">
        <v>89</v>
      </c>
      <c r="HC30" s="85">
        <v>139</v>
      </c>
      <c r="HD30" s="70">
        <v>0</v>
      </c>
      <c r="HE30" s="71">
        <v>1</v>
      </c>
      <c r="HF30" s="72">
        <v>1</v>
      </c>
      <c r="HG30" s="244"/>
      <c r="HH30" s="71">
        <v>0</v>
      </c>
      <c r="HI30" s="71">
        <v>0</v>
      </c>
      <c r="HJ30" s="71">
        <v>0</v>
      </c>
      <c r="HK30" s="71">
        <v>0</v>
      </c>
      <c r="HL30" s="71">
        <v>0</v>
      </c>
      <c r="HM30" s="72">
        <v>0</v>
      </c>
      <c r="HN30" s="73">
        <v>1</v>
      </c>
      <c r="HO30" s="70">
        <v>0</v>
      </c>
      <c r="HP30" s="71">
        <v>2</v>
      </c>
      <c r="HQ30" s="72">
        <v>2</v>
      </c>
      <c r="HR30" s="244"/>
      <c r="HS30" s="71">
        <v>1</v>
      </c>
      <c r="HT30" s="71">
        <v>1</v>
      </c>
      <c r="HU30" s="71">
        <v>0</v>
      </c>
      <c r="HV30" s="71">
        <v>1</v>
      </c>
      <c r="HW30" s="71">
        <v>0</v>
      </c>
      <c r="HX30" s="72">
        <v>3</v>
      </c>
      <c r="HY30" s="73">
        <v>5</v>
      </c>
      <c r="HZ30" s="70">
        <v>1</v>
      </c>
      <c r="IA30" s="71">
        <v>1</v>
      </c>
      <c r="IB30" s="72">
        <v>2</v>
      </c>
      <c r="IC30" s="244"/>
      <c r="ID30" s="71">
        <v>1</v>
      </c>
      <c r="IE30" s="71">
        <v>0</v>
      </c>
      <c r="IF30" s="71">
        <v>2</v>
      </c>
      <c r="IG30" s="71">
        <v>0</v>
      </c>
      <c r="IH30" s="71">
        <v>0</v>
      </c>
      <c r="II30" s="72">
        <v>3</v>
      </c>
      <c r="IJ30" s="73">
        <v>5</v>
      </c>
      <c r="IK30" s="70">
        <v>5</v>
      </c>
      <c r="IL30" s="71">
        <v>2</v>
      </c>
      <c r="IM30" s="72">
        <v>7</v>
      </c>
      <c r="IN30" s="244"/>
      <c r="IO30" s="71">
        <v>10</v>
      </c>
      <c r="IP30" s="71">
        <v>4</v>
      </c>
      <c r="IQ30" s="71">
        <v>7</v>
      </c>
      <c r="IR30" s="71">
        <v>0</v>
      </c>
      <c r="IS30" s="71">
        <v>2</v>
      </c>
      <c r="IT30" s="72">
        <v>23</v>
      </c>
      <c r="IU30" s="73">
        <v>30</v>
      </c>
      <c r="IV30" s="70">
        <v>9</v>
      </c>
      <c r="IW30" s="71">
        <v>11</v>
      </c>
      <c r="IX30" s="72">
        <v>20</v>
      </c>
      <c r="IY30" s="244"/>
      <c r="IZ30" s="71">
        <v>6</v>
      </c>
      <c r="JA30" s="71">
        <v>5</v>
      </c>
      <c r="JB30" s="71">
        <v>5</v>
      </c>
      <c r="JC30" s="71">
        <v>7</v>
      </c>
      <c r="JD30" s="71">
        <v>6</v>
      </c>
      <c r="JE30" s="72">
        <v>29</v>
      </c>
      <c r="JF30" s="73">
        <v>49</v>
      </c>
      <c r="JG30" s="70">
        <v>6</v>
      </c>
      <c r="JH30" s="71">
        <v>12</v>
      </c>
      <c r="JI30" s="72">
        <v>18</v>
      </c>
      <c r="JJ30" s="244"/>
      <c r="JK30" s="71">
        <v>6</v>
      </c>
      <c r="JL30" s="71">
        <v>8</v>
      </c>
      <c r="JM30" s="71">
        <v>10</v>
      </c>
      <c r="JN30" s="71">
        <v>6</v>
      </c>
      <c r="JO30" s="71">
        <v>1</v>
      </c>
      <c r="JP30" s="72">
        <v>31</v>
      </c>
      <c r="JQ30" s="73">
        <v>49</v>
      </c>
      <c r="JR30" s="70">
        <v>0</v>
      </c>
      <c r="JS30" s="71">
        <v>0</v>
      </c>
      <c r="JT30" s="72">
        <v>0</v>
      </c>
      <c r="JU30" s="244"/>
      <c r="JV30" s="71">
        <v>0</v>
      </c>
      <c r="JW30" s="71">
        <v>0</v>
      </c>
      <c r="JX30" s="71">
        <v>0</v>
      </c>
      <c r="JY30" s="71">
        <v>0</v>
      </c>
      <c r="JZ30" s="71">
        <v>0</v>
      </c>
      <c r="KA30" s="72">
        <v>0</v>
      </c>
      <c r="KB30" s="73">
        <v>0</v>
      </c>
      <c r="KC30" s="70">
        <v>21</v>
      </c>
      <c r="KD30" s="71">
        <v>29</v>
      </c>
      <c r="KE30" s="72">
        <v>50</v>
      </c>
      <c r="KF30" s="244"/>
      <c r="KG30" s="71">
        <v>24</v>
      </c>
      <c r="KH30" s="71">
        <v>18</v>
      </c>
      <c r="KI30" s="71">
        <v>24</v>
      </c>
      <c r="KJ30" s="71">
        <v>14</v>
      </c>
      <c r="KK30" s="71">
        <v>9</v>
      </c>
      <c r="KL30" s="72">
        <v>89</v>
      </c>
      <c r="KM30" s="73">
        <v>139</v>
      </c>
    </row>
    <row r="31" spans="2:299" ht="19.5" customHeight="1" x14ac:dyDescent="0.2">
      <c r="B31" s="126" t="s">
        <v>28</v>
      </c>
      <c r="C31" s="315">
        <v>1</v>
      </c>
      <c r="D31" s="82">
        <v>2</v>
      </c>
      <c r="E31" s="83">
        <v>3</v>
      </c>
      <c r="F31" s="241"/>
      <c r="G31" s="82">
        <v>7</v>
      </c>
      <c r="H31" s="82">
        <v>7</v>
      </c>
      <c r="I31" s="82">
        <v>0</v>
      </c>
      <c r="J31" s="82">
        <v>4</v>
      </c>
      <c r="K31" s="82">
        <v>2</v>
      </c>
      <c r="L31" s="84">
        <v>20</v>
      </c>
      <c r="M31" s="85">
        <v>23</v>
      </c>
      <c r="N31" s="70">
        <v>0</v>
      </c>
      <c r="O31" s="71">
        <v>0</v>
      </c>
      <c r="P31" s="72">
        <v>0</v>
      </c>
      <c r="Q31" s="241"/>
      <c r="R31" s="71">
        <v>0</v>
      </c>
      <c r="S31" s="71">
        <v>0</v>
      </c>
      <c r="T31" s="71">
        <v>0</v>
      </c>
      <c r="U31" s="71">
        <v>0</v>
      </c>
      <c r="V31" s="71">
        <v>0</v>
      </c>
      <c r="W31" s="72">
        <v>0</v>
      </c>
      <c r="X31" s="73">
        <v>0</v>
      </c>
      <c r="Y31" s="70">
        <v>0</v>
      </c>
      <c r="Z31" s="71">
        <v>0</v>
      </c>
      <c r="AA31" s="72">
        <v>0</v>
      </c>
      <c r="AB31" s="244"/>
      <c r="AC31" s="71">
        <v>0</v>
      </c>
      <c r="AD31" s="71">
        <v>2</v>
      </c>
      <c r="AE31" s="71">
        <v>0</v>
      </c>
      <c r="AF31" s="71">
        <v>0</v>
      </c>
      <c r="AG31" s="71">
        <v>0</v>
      </c>
      <c r="AH31" s="72">
        <v>2</v>
      </c>
      <c r="AI31" s="73">
        <v>2</v>
      </c>
      <c r="AJ31" s="70">
        <v>0</v>
      </c>
      <c r="AK31" s="71">
        <v>0</v>
      </c>
      <c r="AL31" s="72">
        <v>0</v>
      </c>
      <c r="AM31" s="244"/>
      <c r="AN31" s="71">
        <v>0</v>
      </c>
      <c r="AO31" s="71">
        <v>0</v>
      </c>
      <c r="AP31" s="71">
        <v>0</v>
      </c>
      <c r="AQ31" s="71">
        <v>1</v>
      </c>
      <c r="AR31" s="71">
        <v>0</v>
      </c>
      <c r="AS31" s="72">
        <v>1</v>
      </c>
      <c r="AT31" s="73">
        <v>1</v>
      </c>
      <c r="AU31" s="70">
        <v>1</v>
      </c>
      <c r="AV31" s="71">
        <v>0</v>
      </c>
      <c r="AW31" s="72">
        <v>1</v>
      </c>
      <c r="AX31" s="244"/>
      <c r="AY31" s="71">
        <v>1</v>
      </c>
      <c r="AZ31" s="71">
        <v>2</v>
      </c>
      <c r="BA31" s="71">
        <v>0</v>
      </c>
      <c r="BB31" s="71">
        <v>1</v>
      </c>
      <c r="BC31" s="71">
        <v>0</v>
      </c>
      <c r="BD31" s="72">
        <v>4</v>
      </c>
      <c r="BE31" s="73">
        <v>5</v>
      </c>
      <c r="BF31" s="70">
        <v>0</v>
      </c>
      <c r="BG31" s="71">
        <v>2</v>
      </c>
      <c r="BH31" s="72">
        <v>2</v>
      </c>
      <c r="BI31" s="244"/>
      <c r="BJ31" s="71">
        <v>5</v>
      </c>
      <c r="BK31" s="71">
        <v>2</v>
      </c>
      <c r="BL31" s="71">
        <v>0</v>
      </c>
      <c r="BM31" s="71">
        <v>1</v>
      </c>
      <c r="BN31" s="71">
        <v>2</v>
      </c>
      <c r="BO31" s="72">
        <v>10</v>
      </c>
      <c r="BP31" s="73">
        <v>12</v>
      </c>
      <c r="BQ31" s="70">
        <v>0</v>
      </c>
      <c r="BR31" s="71">
        <v>0</v>
      </c>
      <c r="BS31" s="72">
        <v>0</v>
      </c>
      <c r="BT31" s="244"/>
      <c r="BU31" s="71">
        <v>1</v>
      </c>
      <c r="BV31" s="71">
        <v>1</v>
      </c>
      <c r="BW31" s="71">
        <v>0</v>
      </c>
      <c r="BX31" s="71">
        <v>1</v>
      </c>
      <c r="BY31" s="71">
        <v>0</v>
      </c>
      <c r="BZ31" s="72">
        <v>3</v>
      </c>
      <c r="CA31" s="73">
        <v>3</v>
      </c>
      <c r="CB31" s="70">
        <v>0</v>
      </c>
      <c r="CC31" s="71">
        <v>0</v>
      </c>
      <c r="CD31" s="72">
        <v>0</v>
      </c>
      <c r="CE31" s="244"/>
      <c r="CF31" s="71">
        <v>0</v>
      </c>
      <c r="CG31" s="71">
        <v>0</v>
      </c>
      <c r="CH31" s="71">
        <v>0</v>
      </c>
      <c r="CI31" s="71">
        <v>0</v>
      </c>
      <c r="CJ31" s="71">
        <v>0</v>
      </c>
      <c r="CK31" s="72">
        <v>0</v>
      </c>
      <c r="CL31" s="73">
        <v>0</v>
      </c>
      <c r="CM31" s="70">
        <v>1</v>
      </c>
      <c r="CN31" s="71">
        <v>2</v>
      </c>
      <c r="CO31" s="72">
        <v>3</v>
      </c>
      <c r="CP31" s="244"/>
      <c r="CQ31" s="71">
        <v>7</v>
      </c>
      <c r="CR31" s="71">
        <v>7</v>
      </c>
      <c r="CS31" s="71">
        <v>0</v>
      </c>
      <c r="CT31" s="71">
        <v>4</v>
      </c>
      <c r="CU31" s="71">
        <v>2</v>
      </c>
      <c r="CV31" s="72">
        <v>20</v>
      </c>
      <c r="CW31" s="73">
        <v>23</v>
      </c>
      <c r="CX31" s="123">
        <v>0</v>
      </c>
      <c r="CY31" s="82">
        <v>2</v>
      </c>
      <c r="CZ31" s="83">
        <v>2</v>
      </c>
      <c r="DA31" s="241"/>
      <c r="DB31" s="82">
        <v>3</v>
      </c>
      <c r="DC31" s="82">
        <v>1</v>
      </c>
      <c r="DD31" s="82">
        <v>0</v>
      </c>
      <c r="DE31" s="82">
        <v>1</v>
      </c>
      <c r="DF31" s="82">
        <v>3</v>
      </c>
      <c r="DG31" s="84">
        <v>8</v>
      </c>
      <c r="DH31" s="85">
        <v>10</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1</v>
      </c>
      <c r="EU31" s="71">
        <v>1</v>
      </c>
      <c r="EV31" s="71">
        <v>0</v>
      </c>
      <c r="EW31" s="71">
        <v>0</v>
      </c>
      <c r="EX31" s="71">
        <v>1</v>
      </c>
      <c r="EY31" s="72">
        <v>3</v>
      </c>
      <c r="EZ31" s="73">
        <v>3</v>
      </c>
      <c r="FA31" s="70">
        <v>0</v>
      </c>
      <c r="FB31" s="71">
        <v>0</v>
      </c>
      <c r="FC31" s="72">
        <v>0</v>
      </c>
      <c r="FD31" s="244"/>
      <c r="FE31" s="71">
        <v>1</v>
      </c>
      <c r="FF31" s="71">
        <v>0</v>
      </c>
      <c r="FG31" s="71">
        <v>0</v>
      </c>
      <c r="FH31" s="71">
        <v>0</v>
      </c>
      <c r="FI31" s="71">
        <v>1</v>
      </c>
      <c r="FJ31" s="72">
        <v>2</v>
      </c>
      <c r="FK31" s="73">
        <v>2</v>
      </c>
      <c r="FL31" s="70">
        <v>0</v>
      </c>
      <c r="FM31" s="71">
        <v>1</v>
      </c>
      <c r="FN31" s="72">
        <v>1</v>
      </c>
      <c r="FO31" s="244"/>
      <c r="FP31" s="71">
        <v>1</v>
      </c>
      <c r="FQ31" s="71">
        <v>0</v>
      </c>
      <c r="FR31" s="71">
        <v>0</v>
      </c>
      <c r="FS31" s="71">
        <v>1</v>
      </c>
      <c r="FT31" s="71">
        <v>1</v>
      </c>
      <c r="FU31" s="72">
        <v>3</v>
      </c>
      <c r="FV31" s="73">
        <v>4</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3</v>
      </c>
      <c r="GQ31" s="72">
        <v>8</v>
      </c>
      <c r="GR31" s="73">
        <v>10</v>
      </c>
      <c r="GS31" s="123">
        <v>1</v>
      </c>
      <c r="GT31" s="82">
        <v>4</v>
      </c>
      <c r="GU31" s="83">
        <v>5</v>
      </c>
      <c r="GV31" s="241"/>
      <c r="GW31" s="82">
        <v>10</v>
      </c>
      <c r="GX31" s="82">
        <v>8</v>
      </c>
      <c r="GY31" s="82">
        <v>0</v>
      </c>
      <c r="GZ31" s="82">
        <v>5</v>
      </c>
      <c r="HA31" s="82">
        <v>5</v>
      </c>
      <c r="HB31" s="84">
        <v>28</v>
      </c>
      <c r="HC31" s="85">
        <v>33</v>
      </c>
      <c r="HD31" s="70">
        <v>0</v>
      </c>
      <c r="HE31" s="71">
        <v>0</v>
      </c>
      <c r="HF31" s="72">
        <v>0</v>
      </c>
      <c r="HG31" s="244"/>
      <c r="HH31" s="71">
        <v>0</v>
      </c>
      <c r="HI31" s="71">
        <v>0</v>
      </c>
      <c r="HJ31" s="71">
        <v>0</v>
      </c>
      <c r="HK31" s="71">
        <v>0</v>
      </c>
      <c r="HL31" s="71">
        <v>0</v>
      </c>
      <c r="HM31" s="72">
        <v>0</v>
      </c>
      <c r="HN31" s="73">
        <v>0</v>
      </c>
      <c r="HO31" s="70">
        <v>0</v>
      </c>
      <c r="HP31" s="71">
        <v>0</v>
      </c>
      <c r="HQ31" s="72">
        <v>0</v>
      </c>
      <c r="HR31" s="244"/>
      <c r="HS31" s="71">
        <v>0</v>
      </c>
      <c r="HT31" s="71">
        <v>2</v>
      </c>
      <c r="HU31" s="71">
        <v>0</v>
      </c>
      <c r="HV31" s="71">
        <v>0</v>
      </c>
      <c r="HW31" s="71">
        <v>0</v>
      </c>
      <c r="HX31" s="72">
        <v>2</v>
      </c>
      <c r="HY31" s="73">
        <v>2</v>
      </c>
      <c r="HZ31" s="70">
        <v>0</v>
      </c>
      <c r="IA31" s="71">
        <v>1</v>
      </c>
      <c r="IB31" s="72">
        <v>1</v>
      </c>
      <c r="IC31" s="244"/>
      <c r="ID31" s="71">
        <v>0</v>
      </c>
      <c r="IE31" s="71">
        <v>0</v>
      </c>
      <c r="IF31" s="71">
        <v>0</v>
      </c>
      <c r="IG31" s="71">
        <v>1</v>
      </c>
      <c r="IH31" s="71">
        <v>0</v>
      </c>
      <c r="II31" s="72">
        <v>1</v>
      </c>
      <c r="IJ31" s="73">
        <v>2</v>
      </c>
      <c r="IK31" s="70">
        <v>1</v>
      </c>
      <c r="IL31" s="71">
        <v>0</v>
      </c>
      <c r="IM31" s="72">
        <v>1</v>
      </c>
      <c r="IN31" s="244"/>
      <c r="IO31" s="71">
        <v>2</v>
      </c>
      <c r="IP31" s="71">
        <v>3</v>
      </c>
      <c r="IQ31" s="71">
        <v>0</v>
      </c>
      <c r="IR31" s="71">
        <v>1</v>
      </c>
      <c r="IS31" s="71">
        <v>1</v>
      </c>
      <c r="IT31" s="72">
        <v>7</v>
      </c>
      <c r="IU31" s="73">
        <v>8</v>
      </c>
      <c r="IV31" s="70">
        <v>0</v>
      </c>
      <c r="IW31" s="71">
        <v>2</v>
      </c>
      <c r="IX31" s="72">
        <v>2</v>
      </c>
      <c r="IY31" s="244"/>
      <c r="IZ31" s="71">
        <v>6</v>
      </c>
      <c r="JA31" s="71">
        <v>2</v>
      </c>
      <c r="JB31" s="71">
        <v>0</v>
      </c>
      <c r="JC31" s="71">
        <v>1</v>
      </c>
      <c r="JD31" s="71">
        <v>3</v>
      </c>
      <c r="JE31" s="72">
        <v>12</v>
      </c>
      <c r="JF31" s="73">
        <v>14</v>
      </c>
      <c r="JG31" s="70">
        <v>0</v>
      </c>
      <c r="JH31" s="71">
        <v>1</v>
      </c>
      <c r="JI31" s="72">
        <v>1</v>
      </c>
      <c r="JJ31" s="244"/>
      <c r="JK31" s="71">
        <v>2</v>
      </c>
      <c r="JL31" s="71">
        <v>1</v>
      </c>
      <c r="JM31" s="71">
        <v>0</v>
      </c>
      <c r="JN31" s="71">
        <v>2</v>
      </c>
      <c r="JO31" s="71">
        <v>1</v>
      </c>
      <c r="JP31" s="72">
        <v>6</v>
      </c>
      <c r="JQ31" s="73">
        <v>7</v>
      </c>
      <c r="JR31" s="70">
        <v>0</v>
      </c>
      <c r="JS31" s="71">
        <v>0</v>
      </c>
      <c r="JT31" s="72">
        <v>0</v>
      </c>
      <c r="JU31" s="244"/>
      <c r="JV31" s="71">
        <v>0</v>
      </c>
      <c r="JW31" s="71">
        <v>0</v>
      </c>
      <c r="JX31" s="71">
        <v>0</v>
      </c>
      <c r="JY31" s="71">
        <v>0</v>
      </c>
      <c r="JZ31" s="71">
        <v>0</v>
      </c>
      <c r="KA31" s="72">
        <v>0</v>
      </c>
      <c r="KB31" s="73">
        <v>0</v>
      </c>
      <c r="KC31" s="70">
        <v>1</v>
      </c>
      <c r="KD31" s="71">
        <v>4</v>
      </c>
      <c r="KE31" s="72">
        <v>5</v>
      </c>
      <c r="KF31" s="244"/>
      <c r="KG31" s="71">
        <v>10</v>
      </c>
      <c r="KH31" s="71">
        <v>8</v>
      </c>
      <c r="KI31" s="71">
        <v>0</v>
      </c>
      <c r="KJ31" s="71">
        <v>5</v>
      </c>
      <c r="KK31" s="71">
        <v>5</v>
      </c>
      <c r="KL31" s="72">
        <v>28</v>
      </c>
      <c r="KM31" s="73">
        <v>33</v>
      </c>
    </row>
    <row r="32" spans="2:299" ht="19.5" customHeight="1" x14ac:dyDescent="0.2">
      <c r="B32" s="126" t="s">
        <v>29</v>
      </c>
      <c r="C32" s="315">
        <v>5</v>
      </c>
      <c r="D32" s="82">
        <v>3</v>
      </c>
      <c r="E32" s="83">
        <v>8</v>
      </c>
      <c r="F32" s="241"/>
      <c r="G32" s="82">
        <v>4</v>
      </c>
      <c r="H32" s="82">
        <v>6</v>
      </c>
      <c r="I32" s="82">
        <v>3</v>
      </c>
      <c r="J32" s="82">
        <v>3</v>
      </c>
      <c r="K32" s="82">
        <v>5</v>
      </c>
      <c r="L32" s="84">
        <v>21</v>
      </c>
      <c r="M32" s="85">
        <v>29</v>
      </c>
      <c r="N32" s="70">
        <v>0</v>
      </c>
      <c r="O32" s="71">
        <v>0</v>
      </c>
      <c r="P32" s="72">
        <v>0</v>
      </c>
      <c r="Q32" s="241"/>
      <c r="R32" s="71">
        <v>0</v>
      </c>
      <c r="S32" s="71">
        <v>0</v>
      </c>
      <c r="T32" s="71">
        <v>0</v>
      </c>
      <c r="U32" s="71">
        <v>0</v>
      </c>
      <c r="V32" s="71">
        <v>0</v>
      </c>
      <c r="W32" s="72">
        <v>0</v>
      </c>
      <c r="X32" s="73">
        <v>0</v>
      </c>
      <c r="Y32" s="70">
        <v>0</v>
      </c>
      <c r="Z32" s="71">
        <v>1</v>
      </c>
      <c r="AA32" s="72">
        <v>1</v>
      </c>
      <c r="AB32" s="244"/>
      <c r="AC32" s="71">
        <v>0</v>
      </c>
      <c r="AD32" s="71">
        <v>1</v>
      </c>
      <c r="AE32" s="71">
        <v>0</v>
      </c>
      <c r="AF32" s="71">
        <v>0</v>
      </c>
      <c r="AG32" s="71">
        <v>0</v>
      </c>
      <c r="AH32" s="72">
        <v>1</v>
      </c>
      <c r="AI32" s="73">
        <v>2</v>
      </c>
      <c r="AJ32" s="70">
        <v>1</v>
      </c>
      <c r="AK32" s="71">
        <v>0</v>
      </c>
      <c r="AL32" s="72">
        <v>1</v>
      </c>
      <c r="AM32" s="244"/>
      <c r="AN32" s="71">
        <v>0</v>
      </c>
      <c r="AO32" s="71">
        <v>0</v>
      </c>
      <c r="AP32" s="71">
        <v>0</v>
      </c>
      <c r="AQ32" s="71">
        <v>0</v>
      </c>
      <c r="AR32" s="71">
        <v>1</v>
      </c>
      <c r="AS32" s="72">
        <v>1</v>
      </c>
      <c r="AT32" s="73">
        <v>2</v>
      </c>
      <c r="AU32" s="70">
        <v>1</v>
      </c>
      <c r="AV32" s="71">
        <v>1</v>
      </c>
      <c r="AW32" s="72">
        <v>2</v>
      </c>
      <c r="AX32" s="244"/>
      <c r="AY32" s="71">
        <v>1</v>
      </c>
      <c r="AZ32" s="71">
        <v>2</v>
      </c>
      <c r="BA32" s="71">
        <v>0</v>
      </c>
      <c r="BB32" s="71">
        <v>1</v>
      </c>
      <c r="BC32" s="71">
        <v>0</v>
      </c>
      <c r="BD32" s="72">
        <v>4</v>
      </c>
      <c r="BE32" s="73">
        <v>6</v>
      </c>
      <c r="BF32" s="70">
        <v>0</v>
      </c>
      <c r="BG32" s="71">
        <v>1</v>
      </c>
      <c r="BH32" s="72">
        <v>1</v>
      </c>
      <c r="BI32" s="244"/>
      <c r="BJ32" s="71">
        <v>3</v>
      </c>
      <c r="BK32" s="71">
        <v>2</v>
      </c>
      <c r="BL32" s="71">
        <v>1</v>
      </c>
      <c r="BM32" s="71">
        <v>0</v>
      </c>
      <c r="BN32" s="71">
        <v>2</v>
      </c>
      <c r="BO32" s="72">
        <v>8</v>
      </c>
      <c r="BP32" s="73">
        <v>9</v>
      </c>
      <c r="BQ32" s="70">
        <v>3</v>
      </c>
      <c r="BR32" s="71">
        <v>0</v>
      </c>
      <c r="BS32" s="72">
        <v>3</v>
      </c>
      <c r="BT32" s="244"/>
      <c r="BU32" s="71">
        <v>0</v>
      </c>
      <c r="BV32" s="71">
        <v>1</v>
      </c>
      <c r="BW32" s="71">
        <v>2</v>
      </c>
      <c r="BX32" s="71">
        <v>2</v>
      </c>
      <c r="BY32" s="71">
        <v>2</v>
      </c>
      <c r="BZ32" s="72">
        <v>7</v>
      </c>
      <c r="CA32" s="73">
        <v>10</v>
      </c>
      <c r="CB32" s="70">
        <v>0</v>
      </c>
      <c r="CC32" s="71">
        <v>0</v>
      </c>
      <c r="CD32" s="72">
        <v>0</v>
      </c>
      <c r="CE32" s="244"/>
      <c r="CF32" s="71">
        <v>0</v>
      </c>
      <c r="CG32" s="71">
        <v>0</v>
      </c>
      <c r="CH32" s="71">
        <v>0</v>
      </c>
      <c r="CI32" s="71">
        <v>0</v>
      </c>
      <c r="CJ32" s="71">
        <v>0</v>
      </c>
      <c r="CK32" s="72">
        <v>0</v>
      </c>
      <c r="CL32" s="73">
        <v>0</v>
      </c>
      <c r="CM32" s="70">
        <v>5</v>
      </c>
      <c r="CN32" s="71">
        <v>3</v>
      </c>
      <c r="CO32" s="72">
        <v>8</v>
      </c>
      <c r="CP32" s="244"/>
      <c r="CQ32" s="71">
        <v>4</v>
      </c>
      <c r="CR32" s="71">
        <v>6</v>
      </c>
      <c r="CS32" s="71">
        <v>3</v>
      </c>
      <c r="CT32" s="71">
        <v>3</v>
      </c>
      <c r="CU32" s="71">
        <v>5</v>
      </c>
      <c r="CV32" s="72">
        <v>21</v>
      </c>
      <c r="CW32" s="73">
        <v>29</v>
      </c>
      <c r="CX32" s="123">
        <v>0</v>
      </c>
      <c r="CY32" s="82">
        <v>0</v>
      </c>
      <c r="CZ32" s="83">
        <v>0</v>
      </c>
      <c r="DA32" s="241"/>
      <c r="DB32" s="82">
        <v>3</v>
      </c>
      <c r="DC32" s="82">
        <v>1</v>
      </c>
      <c r="DD32" s="82">
        <v>0</v>
      </c>
      <c r="DE32" s="82">
        <v>0</v>
      </c>
      <c r="DF32" s="82">
        <v>0</v>
      </c>
      <c r="DG32" s="84">
        <v>4</v>
      </c>
      <c r="DH32" s="85">
        <v>4</v>
      </c>
      <c r="DI32" s="70">
        <v>0</v>
      </c>
      <c r="DJ32" s="71">
        <v>0</v>
      </c>
      <c r="DK32" s="72">
        <v>0</v>
      </c>
      <c r="DL32" s="244"/>
      <c r="DM32" s="71">
        <v>1</v>
      </c>
      <c r="DN32" s="71">
        <v>0</v>
      </c>
      <c r="DO32" s="71">
        <v>0</v>
      </c>
      <c r="DP32" s="71">
        <v>0</v>
      </c>
      <c r="DQ32" s="71">
        <v>0</v>
      </c>
      <c r="DR32" s="72">
        <v>1</v>
      </c>
      <c r="DS32" s="73">
        <v>1</v>
      </c>
      <c r="DT32" s="70">
        <v>0</v>
      </c>
      <c r="DU32" s="71">
        <v>0</v>
      </c>
      <c r="DV32" s="72">
        <v>0</v>
      </c>
      <c r="DW32" s="244"/>
      <c r="DX32" s="71">
        <v>0</v>
      </c>
      <c r="DY32" s="71">
        <v>0</v>
      </c>
      <c r="DZ32" s="71">
        <v>0</v>
      </c>
      <c r="EA32" s="71">
        <v>0</v>
      </c>
      <c r="EB32" s="71">
        <v>0</v>
      </c>
      <c r="EC32" s="72">
        <v>0</v>
      </c>
      <c r="ED32" s="73">
        <v>0</v>
      </c>
      <c r="EE32" s="70">
        <v>0</v>
      </c>
      <c r="EF32" s="71">
        <v>0</v>
      </c>
      <c r="EG32" s="72">
        <v>0</v>
      </c>
      <c r="EH32" s="244"/>
      <c r="EI32" s="71">
        <v>0</v>
      </c>
      <c r="EJ32" s="71">
        <v>0</v>
      </c>
      <c r="EK32" s="71">
        <v>0</v>
      </c>
      <c r="EL32" s="71">
        <v>0</v>
      </c>
      <c r="EM32" s="71">
        <v>0</v>
      </c>
      <c r="EN32" s="72">
        <v>0</v>
      </c>
      <c r="EO32" s="73">
        <v>0</v>
      </c>
      <c r="EP32" s="70">
        <v>0</v>
      </c>
      <c r="EQ32" s="71">
        <v>0</v>
      </c>
      <c r="ER32" s="72">
        <v>0</v>
      </c>
      <c r="ES32" s="244"/>
      <c r="ET32" s="71">
        <v>1</v>
      </c>
      <c r="EU32" s="71">
        <v>0</v>
      </c>
      <c r="EV32" s="71">
        <v>0</v>
      </c>
      <c r="EW32" s="71">
        <v>0</v>
      </c>
      <c r="EX32" s="71">
        <v>0</v>
      </c>
      <c r="EY32" s="72">
        <v>1</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0</v>
      </c>
      <c r="GI32" s="71">
        <v>0</v>
      </c>
      <c r="GJ32" s="72">
        <v>0</v>
      </c>
      <c r="GK32" s="244"/>
      <c r="GL32" s="71">
        <v>3</v>
      </c>
      <c r="GM32" s="71">
        <v>1</v>
      </c>
      <c r="GN32" s="71">
        <v>0</v>
      </c>
      <c r="GO32" s="71">
        <v>0</v>
      </c>
      <c r="GP32" s="71">
        <v>0</v>
      </c>
      <c r="GQ32" s="72">
        <v>4</v>
      </c>
      <c r="GR32" s="73">
        <v>4</v>
      </c>
      <c r="GS32" s="123">
        <v>5</v>
      </c>
      <c r="GT32" s="82">
        <v>3</v>
      </c>
      <c r="GU32" s="83">
        <v>8</v>
      </c>
      <c r="GV32" s="241"/>
      <c r="GW32" s="82">
        <v>7</v>
      </c>
      <c r="GX32" s="82">
        <v>7</v>
      </c>
      <c r="GY32" s="82">
        <v>3</v>
      </c>
      <c r="GZ32" s="82">
        <v>3</v>
      </c>
      <c r="HA32" s="82">
        <v>5</v>
      </c>
      <c r="HB32" s="84">
        <v>25</v>
      </c>
      <c r="HC32" s="85">
        <v>33</v>
      </c>
      <c r="HD32" s="70">
        <v>0</v>
      </c>
      <c r="HE32" s="71">
        <v>0</v>
      </c>
      <c r="HF32" s="72">
        <v>0</v>
      </c>
      <c r="HG32" s="244"/>
      <c r="HH32" s="71">
        <v>1</v>
      </c>
      <c r="HI32" s="71">
        <v>0</v>
      </c>
      <c r="HJ32" s="71">
        <v>0</v>
      </c>
      <c r="HK32" s="71">
        <v>0</v>
      </c>
      <c r="HL32" s="71">
        <v>0</v>
      </c>
      <c r="HM32" s="72">
        <v>1</v>
      </c>
      <c r="HN32" s="73">
        <v>1</v>
      </c>
      <c r="HO32" s="70">
        <v>0</v>
      </c>
      <c r="HP32" s="71">
        <v>1</v>
      </c>
      <c r="HQ32" s="72">
        <v>1</v>
      </c>
      <c r="HR32" s="244"/>
      <c r="HS32" s="71">
        <v>0</v>
      </c>
      <c r="HT32" s="71">
        <v>1</v>
      </c>
      <c r="HU32" s="71">
        <v>0</v>
      </c>
      <c r="HV32" s="71">
        <v>0</v>
      </c>
      <c r="HW32" s="71">
        <v>0</v>
      </c>
      <c r="HX32" s="72">
        <v>1</v>
      </c>
      <c r="HY32" s="73">
        <v>2</v>
      </c>
      <c r="HZ32" s="70">
        <v>1</v>
      </c>
      <c r="IA32" s="71">
        <v>0</v>
      </c>
      <c r="IB32" s="72">
        <v>1</v>
      </c>
      <c r="IC32" s="244"/>
      <c r="ID32" s="71">
        <v>0</v>
      </c>
      <c r="IE32" s="71">
        <v>0</v>
      </c>
      <c r="IF32" s="71">
        <v>0</v>
      </c>
      <c r="IG32" s="71">
        <v>0</v>
      </c>
      <c r="IH32" s="71">
        <v>1</v>
      </c>
      <c r="II32" s="72">
        <v>1</v>
      </c>
      <c r="IJ32" s="73">
        <v>2</v>
      </c>
      <c r="IK32" s="70">
        <v>1</v>
      </c>
      <c r="IL32" s="71">
        <v>1</v>
      </c>
      <c r="IM32" s="72">
        <v>2</v>
      </c>
      <c r="IN32" s="244"/>
      <c r="IO32" s="71">
        <v>2</v>
      </c>
      <c r="IP32" s="71">
        <v>2</v>
      </c>
      <c r="IQ32" s="71">
        <v>0</v>
      </c>
      <c r="IR32" s="71">
        <v>1</v>
      </c>
      <c r="IS32" s="71">
        <v>0</v>
      </c>
      <c r="IT32" s="72">
        <v>5</v>
      </c>
      <c r="IU32" s="73">
        <v>7</v>
      </c>
      <c r="IV32" s="70">
        <v>0</v>
      </c>
      <c r="IW32" s="71">
        <v>1</v>
      </c>
      <c r="IX32" s="72">
        <v>1</v>
      </c>
      <c r="IY32" s="244"/>
      <c r="IZ32" s="71">
        <v>4</v>
      </c>
      <c r="JA32" s="71">
        <v>2</v>
      </c>
      <c r="JB32" s="71">
        <v>1</v>
      </c>
      <c r="JC32" s="71">
        <v>0</v>
      </c>
      <c r="JD32" s="71">
        <v>2</v>
      </c>
      <c r="JE32" s="72">
        <v>9</v>
      </c>
      <c r="JF32" s="73">
        <v>10</v>
      </c>
      <c r="JG32" s="70">
        <v>3</v>
      </c>
      <c r="JH32" s="71">
        <v>0</v>
      </c>
      <c r="JI32" s="72">
        <v>3</v>
      </c>
      <c r="JJ32" s="244"/>
      <c r="JK32" s="71">
        <v>0</v>
      </c>
      <c r="JL32" s="71">
        <v>2</v>
      </c>
      <c r="JM32" s="71">
        <v>2</v>
      </c>
      <c r="JN32" s="71">
        <v>2</v>
      </c>
      <c r="JO32" s="71">
        <v>2</v>
      </c>
      <c r="JP32" s="72">
        <v>8</v>
      </c>
      <c r="JQ32" s="73">
        <v>11</v>
      </c>
      <c r="JR32" s="70">
        <v>0</v>
      </c>
      <c r="JS32" s="71">
        <v>0</v>
      </c>
      <c r="JT32" s="72">
        <v>0</v>
      </c>
      <c r="JU32" s="244"/>
      <c r="JV32" s="71">
        <v>0</v>
      </c>
      <c r="JW32" s="71">
        <v>0</v>
      </c>
      <c r="JX32" s="71">
        <v>0</v>
      </c>
      <c r="JY32" s="71">
        <v>0</v>
      </c>
      <c r="JZ32" s="71">
        <v>0</v>
      </c>
      <c r="KA32" s="72">
        <v>0</v>
      </c>
      <c r="KB32" s="73">
        <v>0</v>
      </c>
      <c r="KC32" s="70">
        <v>5</v>
      </c>
      <c r="KD32" s="71">
        <v>3</v>
      </c>
      <c r="KE32" s="72">
        <v>8</v>
      </c>
      <c r="KF32" s="244"/>
      <c r="KG32" s="71">
        <v>7</v>
      </c>
      <c r="KH32" s="71">
        <v>7</v>
      </c>
      <c r="KI32" s="71">
        <v>3</v>
      </c>
      <c r="KJ32" s="71">
        <v>3</v>
      </c>
      <c r="KK32" s="71">
        <v>5</v>
      </c>
      <c r="KL32" s="72">
        <v>25</v>
      </c>
      <c r="KM32" s="73">
        <v>33</v>
      </c>
    </row>
    <row r="33" spans="2:299" ht="19.5" customHeight="1" x14ac:dyDescent="0.2">
      <c r="B33" s="126" t="s">
        <v>30</v>
      </c>
      <c r="C33" s="315">
        <v>3</v>
      </c>
      <c r="D33" s="82">
        <v>4</v>
      </c>
      <c r="E33" s="83">
        <v>7</v>
      </c>
      <c r="F33" s="241"/>
      <c r="G33" s="82">
        <v>7</v>
      </c>
      <c r="H33" s="82">
        <v>3</v>
      </c>
      <c r="I33" s="82">
        <v>3</v>
      </c>
      <c r="J33" s="82">
        <v>7</v>
      </c>
      <c r="K33" s="82">
        <v>2</v>
      </c>
      <c r="L33" s="84">
        <v>22</v>
      </c>
      <c r="M33" s="85">
        <v>29</v>
      </c>
      <c r="N33" s="70">
        <v>0</v>
      </c>
      <c r="O33" s="71">
        <v>0</v>
      </c>
      <c r="P33" s="72">
        <v>0</v>
      </c>
      <c r="Q33" s="241"/>
      <c r="R33" s="71">
        <v>0</v>
      </c>
      <c r="S33" s="71">
        <v>0</v>
      </c>
      <c r="T33" s="71">
        <v>0</v>
      </c>
      <c r="U33" s="71">
        <v>0</v>
      </c>
      <c r="V33" s="71">
        <v>0</v>
      </c>
      <c r="W33" s="72">
        <v>0</v>
      </c>
      <c r="X33" s="73">
        <v>0</v>
      </c>
      <c r="Y33" s="70">
        <v>1</v>
      </c>
      <c r="Z33" s="71">
        <v>2</v>
      </c>
      <c r="AA33" s="72">
        <v>3</v>
      </c>
      <c r="AB33" s="244"/>
      <c r="AC33" s="71">
        <v>0</v>
      </c>
      <c r="AD33" s="71">
        <v>0</v>
      </c>
      <c r="AE33" s="71">
        <v>0</v>
      </c>
      <c r="AF33" s="71">
        <v>0</v>
      </c>
      <c r="AG33" s="71">
        <v>0</v>
      </c>
      <c r="AH33" s="72">
        <v>0</v>
      </c>
      <c r="AI33" s="73">
        <v>3</v>
      </c>
      <c r="AJ33" s="70">
        <v>0</v>
      </c>
      <c r="AK33" s="71">
        <v>0</v>
      </c>
      <c r="AL33" s="72">
        <v>0</v>
      </c>
      <c r="AM33" s="244"/>
      <c r="AN33" s="71">
        <v>0</v>
      </c>
      <c r="AO33" s="71">
        <v>0</v>
      </c>
      <c r="AP33" s="71">
        <v>0</v>
      </c>
      <c r="AQ33" s="71">
        <v>2</v>
      </c>
      <c r="AR33" s="71">
        <v>0</v>
      </c>
      <c r="AS33" s="72">
        <v>2</v>
      </c>
      <c r="AT33" s="73">
        <v>2</v>
      </c>
      <c r="AU33" s="70">
        <v>0</v>
      </c>
      <c r="AV33" s="71">
        <v>0</v>
      </c>
      <c r="AW33" s="72">
        <v>0</v>
      </c>
      <c r="AX33" s="244"/>
      <c r="AY33" s="71">
        <v>0</v>
      </c>
      <c r="AZ33" s="71">
        <v>1</v>
      </c>
      <c r="BA33" s="71">
        <v>1</v>
      </c>
      <c r="BB33" s="71">
        <v>0</v>
      </c>
      <c r="BC33" s="71">
        <v>0</v>
      </c>
      <c r="BD33" s="72">
        <v>2</v>
      </c>
      <c r="BE33" s="73">
        <v>2</v>
      </c>
      <c r="BF33" s="70">
        <v>1</v>
      </c>
      <c r="BG33" s="71">
        <v>2</v>
      </c>
      <c r="BH33" s="72">
        <v>3</v>
      </c>
      <c r="BI33" s="244"/>
      <c r="BJ33" s="71">
        <v>3</v>
      </c>
      <c r="BK33" s="71">
        <v>0</v>
      </c>
      <c r="BL33" s="71">
        <v>0</v>
      </c>
      <c r="BM33" s="71">
        <v>2</v>
      </c>
      <c r="BN33" s="71">
        <v>1</v>
      </c>
      <c r="BO33" s="72">
        <v>6</v>
      </c>
      <c r="BP33" s="73">
        <v>9</v>
      </c>
      <c r="BQ33" s="70">
        <v>1</v>
      </c>
      <c r="BR33" s="71">
        <v>0</v>
      </c>
      <c r="BS33" s="72">
        <v>1</v>
      </c>
      <c r="BT33" s="244"/>
      <c r="BU33" s="71">
        <v>4</v>
      </c>
      <c r="BV33" s="71">
        <v>2</v>
      </c>
      <c r="BW33" s="71">
        <v>2</v>
      </c>
      <c r="BX33" s="71">
        <v>3</v>
      </c>
      <c r="BY33" s="71">
        <v>1</v>
      </c>
      <c r="BZ33" s="72">
        <v>12</v>
      </c>
      <c r="CA33" s="73">
        <v>13</v>
      </c>
      <c r="CB33" s="70">
        <v>0</v>
      </c>
      <c r="CC33" s="71">
        <v>0</v>
      </c>
      <c r="CD33" s="72">
        <v>0</v>
      </c>
      <c r="CE33" s="244"/>
      <c r="CF33" s="71">
        <v>0</v>
      </c>
      <c r="CG33" s="71">
        <v>0</v>
      </c>
      <c r="CH33" s="71">
        <v>0</v>
      </c>
      <c r="CI33" s="71">
        <v>0</v>
      </c>
      <c r="CJ33" s="71">
        <v>0</v>
      </c>
      <c r="CK33" s="72">
        <v>0</v>
      </c>
      <c r="CL33" s="73">
        <v>0</v>
      </c>
      <c r="CM33" s="70">
        <v>3</v>
      </c>
      <c r="CN33" s="71">
        <v>4</v>
      </c>
      <c r="CO33" s="72">
        <v>7</v>
      </c>
      <c r="CP33" s="244"/>
      <c r="CQ33" s="71">
        <v>7</v>
      </c>
      <c r="CR33" s="71">
        <v>3</v>
      </c>
      <c r="CS33" s="71">
        <v>3</v>
      </c>
      <c r="CT33" s="71">
        <v>7</v>
      </c>
      <c r="CU33" s="71">
        <v>2</v>
      </c>
      <c r="CV33" s="72">
        <v>22</v>
      </c>
      <c r="CW33" s="73">
        <v>29</v>
      </c>
      <c r="CX33" s="123">
        <v>1</v>
      </c>
      <c r="CY33" s="82">
        <v>1</v>
      </c>
      <c r="CZ33" s="83">
        <v>2</v>
      </c>
      <c r="DA33" s="241"/>
      <c r="DB33" s="82">
        <v>2</v>
      </c>
      <c r="DC33" s="82">
        <v>0</v>
      </c>
      <c r="DD33" s="82">
        <v>1</v>
      </c>
      <c r="DE33" s="82">
        <v>2</v>
      </c>
      <c r="DF33" s="82">
        <v>1</v>
      </c>
      <c r="DG33" s="84">
        <v>6</v>
      </c>
      <c r="DH33" s="85">
        <v>8</v>
      </c>
      <c r="DI33" s="70">
        <v>0</v>
      </c>
      <c r="DJ33" s="71">
        <v>0</v>
      </c>
      <c r="DK33" s="72">
        <v>0</v>
      </c>
      <c r="DL33" s="244"/>
      <c r="DM33" s="71">
        <v>0</v>
      </c>
      <c r="DN33" s="71">
        <v>0</v>
      </c>
      <c r="DO33" s="71">
        <v>0</v>
      </c>
      <c r="DP33" s="71">
        <v>0</v>
      </c>
      <c r="DQ33" s="71">
        <v>0</v>
      </c>
      <c r="DR33" s="72">
        <v>0</v>
      </c>
      <c r="DS33" s="73">
        <v>0</v>
      </c>
      <c r="DT33" s="70">
        <v>0</v>
      </c>
      <c r="DU33" s="71">
        <v>0</v>
      </c>
      <c r="DV33" s="72">
        <v>0</v>
      </c>
      <c r="DW33" s="244"/>
      <c r="DX33" s="71">
        <v>1</v>
      </c>
      <c r="DY33" s="71">
        <v>0</v>
      </c>
      <c r="DZ33" s="71">
        <v>0</v>
      </c>
      <c r="EA33" s="71">
        <v>0</v>
      </c>
      <c r="EB33" s="71">
        <v>0</v>
      </c>
      <c r="EC33" s="72">
        <v>1</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1</v>
      </c>
      <c r="FC33" s="72">
        <v>1</v>
      </c>
      <c r="FD33" s="244"/>
      <c r="FE33" s="71">
        <v>0</v>
      </c>
      <c r="FF33" s="71">
        <v>0</v>
      </c>
      <c r="FG33" s="71">
        <v>0</v>
      </c>
      <c r="FH33" s="71">
        <v>2</v>
      </c>
      <c r="FI33" s="71">
        <v>0</v>
      </c>
      <c r="FJ33" s="72">
        <v>2</v>
      </c>
      <c r="FK33" s="73">
        <v>3</v>
      </c>
      <c r="FL33" s="70">
        <v>0</v>
      </c>
      <c r="FM33" s="71">
        <v>0</v>
      </c>
      <c r="FN33" s="72">
        <v>0</v>
      </c>
      <c r="FO33" s="244"/>
      <c r="FP33" s="71">
        <v>0</v>
      </c>
      <c r="FQ33" s="71">
        <v>0</v>
      </c>
      <c r="FR33" s="71">
        <v>1</v>
      </c>
      <c r="FS33" s="71">
        <v>0</v>
      </c>
      <c r="FT33" s="71">
        <v>1</v>
      </c>
      <c r="FU33" s="72">
        <v>2</v>
      </c>
      <c r="FV33" s="73">
        <v>2</v>
      </c>
      <c r="FW33" s="70">
        <v>0</v>
      </c>
      <c r="FX33" s="71">
        <v>0</v>
      </c>
      <c r="FY33" s="72">
        <v>0</v>
      </c>
      <c r="FZ33" s="244"/>
      <c r="GA33" s="71">
        <v>0</v>
      </c>
      <c r="GB33" s="71">
        <v>0</v>
      </c>
      <c r="GC33" s="71">
        <v>0</v>
      </c>
      <c r="GD33" s="71">
        <v>0</v>
      </c>
      <c r="GE33" s="71">
        <v>0</v>
      </c>
      <c r="GF33" s="72">
        <v>0</v>
      </c>
      <c r="GG33" s="73">
        <v>0</v>
      </c>
      <c r="GH33" s="70">
        <v>1</v>
      </c>
      <c r="GI33" s="71">
        <v>1</v>
      </c>
      <c r="GJ33" s="72">
        <v>2</v>
      </c>
      <c r="GK33" s="244"/>
      <c r="GL33" s="71">
        <v>2</v>
      </c>
      <c r="GM33" s="71">
        <v>0</v>
      </c>
      <c r="GN33" s="71">
        <v>1</v>
      </c>
      <c r="GO33" s="71">
        <v>2</v>
      </c>
      <c r="GP33" s="71">
        <v>1</v>
      </c>
      <c r="GQ33" s="72">
        <v>6</v>
      </c>
      <c r="GR33" s="73">
        <v>8</v>
      </c>
      <c r="GS33" s="123">
        <v>4</v>
      </c>
      <c r="GT33" s="82">
        <v>5</v>
      </c>
      <c r="GU33" s="83">
        <v>9</v>
      </c>
      <c r="GV33" s="241"/>
      <c r="GW33" s="82">
        <v>9</v>
      </c>
      <c r="GX33" s="82">
        <v>3</v>
      </c>
      <c r="GY33" s="82">
        <v>4</v>
      </c>
      <c r="GZ33" s="82">
        <v>9</v>
      </c>
      <c r="HA33" s="82">
        <v>3</v>
      </c>
      <c r="HB33" s="84">
        <v>28</v>
      </c>
      <c r="HC33" s="85">
        <v>37</v>
      </c>
      <c r="HD33" s="70">
        <v>0</v>
      </c>
      <c r="HE33" s="71">
        <v>0</v>
      </c>
      <c r="HF33" s="72">
        <v>0</v>
      </c>
      <c r="HG33" s="244"/>
      <c r="HH33" s="71">
        <v>0</v>
      </c>
      <c r="HI33" s="71">
        <v>0</v>
      </c>
      <c r="HJ33" s="71">
        <v>0</v>
      </c>
      <c r="HK33" s="71">
        <v>0</v>
      </c>
      <c r="HL33" s="71">
        <v>0</v>
      </c>
      <c r="HM33" s="72">
        <v>0</v>
      </c>
      <c r="HN33" s="73">
        <v>0</v>
      </c>
      <c r="HO33" s="70">
        <v>1</v>
      </c>
      <c r="HP33" s="71">
        <v>2</v>
      </c>
      <c r="HQ33" s="72">
        <v>3</v>
      </c>
      <c r="HR33" s="244"/>
      <c r="HS33" s="71">
        <v>1</v>
      </c>
      <c r="HT33" s="71">
        <v>0</v>
      </c>
      <c r="HU33" s="71">
        <v>0</v>
      </c>
      <c r="HV33" s="71">
        <v>0</v>
      </c>
      <c r="HW33" s="71">
        <v>0</v>
      </c>
      <c r="HX33" s="72">
        <v>1</v>
      </c>
      <c r="HY33" s="73">
        <v>4</v>
      </c>
      <c r="HZ33" s="70">
        <v>0</v>
      </c>
      <c r="IA33" s="71">
        <v>0</v>
      </c>
      <c r="IB33" s="72">
        <v>0</v>
      </c>
      <c r="IC33" s="244"/>
      <c r="ID33" s="71">
        <v>0</v>
      </c>
      <c r="IE33" s="71">
        <v>0</v>
      </c>
      <c r="IF33" s="71">
        <v>0</v>
      </c>
      <c r="IG33" s="71">
        <v>2</v>
      </c>
      <c r="IH33" s="71">
        <v>0</v>
      </c>
      <c r="II33" s="72">
        <v>2</v>
      </c>
      <c r="IJ33" s="73">
        <v>2</v>
      </c>
      <c r="IK33" s="70">
        <v>1</v>
      </c>
      <c r="IL33" s="71">
        <v>0</v>
      </c>
      <c r="IM33" s="72">
        <v>1</v>
      </c>
      <c r="IN33" s="244"/>
      <c r="IO33" s="71">
        <v>1</v>
      </c>
      <c r="IP33" s="71">
        <v>1</v>
      </c>
      <c r="IQ33" s="71">
        <v>1</v>
      </c>
      <c r="IR33" s="71">
        <v>0</v>
      </c>
      <c r="IS33" s="71">
        <v>0</v>
      </c>
      <c r="IT33" s="72">
        <v>3</v>
      </c>
      <c r="IU33" s="73">
        <v>4</v>
      </c>
      <c r="IV33" s="70">
        <v>1</v>
      </c>
      <c r="IW33" s="71">
        <v>3</v>
      </c>
      <c r="IX33" s="72">
        <v>4</v>
      </c>
      <c r="IY33" s="244"/>
      <c r="IZ33" s="71">
        <v>3</v>
      </c>
      <c r="JA33" s="71">
        <v>0</v>
      </c>
      <c r="JB33" s="71">
        <v>0</v>
      </c>
      <c r="JC33" s="71">
        <v>4</v>
      </c>
      <c r="JD33" s="71">
        <v>1</v>
      </c>
      <c r="JE33" s="72">
        <v>8</v>
      </c>
      <c r="JF33" s="73">
        <v>12</v>
      </c>
      <c r="JG33" s="70">
        <v>1</v>
      </c>
      <c r="JH33" s="71">
        <v>0</v>
      </c>
      <c r="JI33" s="72">
        <v>1</v>
      </c>
      <c r="JJ33" s="244"/>
      <c r="JK33" s="71">
        <v>4</v>
      </c>
      <c r="JL33" s="71">
        <v>2</v>
      </c>
      <c r="JM33" s="71">
        <v>3</v>
      </c>
      <c r="JN33" s="71">
        <v>3</v>
      </c>
      <c r="JO33" s="71">
        <v>2</v>
      </c>
      <c r="JP33" s="72">
        <v>14</v>
      </c>
      <c r="JQ33" s="73">
        <v>15</v>
      </c>
      <c r="JR33" s="70">
        <v>0</v>
      </c>
      <c r="JS33" s="71">
        <v>0</v>
      </c>
      <c r="JT33" s="72">
        <v>0</v>
      </c>
      <c r="JU33" s="244"/>
      <c r="JV33" s="71">
        <v>0</v>
      </c>
      <c r="JW33" s="71">
        <v>0</v>
      </c>
      <c r="JX33" s="71">
        <v>0</v>
      </c>
      <c r="JY33" s="71">
        <v>0</v>
      </c>
      <c r="JZ33" s="71">
        <v>0</v>
      </c>
      <c r="KA33" s="72">
        <v>0</v>
      </c>
      <c r="KB33" s="73">
        <v>0</v>
      </c>
      <c r="KC33" s="70">
        <v>4</v>
      </c>
      <c r="KD33" s="71">
        <v>5</v>
      </c>
      <c r="KE33" s="72">
        <v>9</v>
      </c>
      <c r="KF33" s="244"/>
      <c r="KG33" s="71">
        <v>9</v>
      </c>
      <c r="KH33" s="71">
        <v>3</v>
      </c>
      <c r="KI33" s="71">
        <v>4</v>
      </c>
      <c r="KJ33" s="71">
        <v>9</v>
      </c>
      <c r="KK33" s="71">
        <v>3</v>
      </c>
      <c r="KL33" s="72">
        <v>28</v>
      </c>
      <c r="KM33" s="73">
        <v>37</v>
      </c>
    </row>
    <row r="34" spans="2:299" ht="19.5" customHeight="1" x14ac:dyDescent="0.2">
      <c r="B34" s="126" t="s">
        <v>31</v>
      </c>
      <c r="C34" s="315">
        <v>5</v>
      </c>
      <c r="D34" s="82">
        <v>6</v>
      </c>
      <c r="E34" s="83">
        <v>11</v>
      </c>
      <c r="F34" s="241"/>
      <c r="G34" s="82">
        <v>9</v>
      </c>
      <c r="H34" s="82">
        <v>11</v>
      </c>
      <c r="I34" s="82">
        <v>4</v>
      </c>
      <c r="J34" s="82">
        <v>4</v>
      </c>
      <c r="K34" s="82">
        <v>1</v>
      </c>
      <c r="L34" s="84">
        <v>29</v>
      </c>
      <c r="M34" s="85">
        <v>40</v>
      </c>
      <c r="N34" s="70">
        <v>0</v>
      </c>
      <c r="O34" s="71">
        <v>0</v>
      </c>
      <c r="P34" s="72">
        <v>0</v>
      </c>
      <c r="Q34" s="241"/>
      <c r="R34" s="71">
        <v>0</v>
      </c>
      <c r="S34" s="71">
        <v>0</v>
      </c>
      <c r="T34" s="71">
        <v>0</v>
      </c>
      <c r="U34" s="71">
        <v>1</v>
      </c>
      <c r="V34" s="71">
        <v>0</v>
      </c>
      <c r="W34" s="72">
        <v>1</v>
      </c>
      <c r="X34" s="73">
        <v>1</v>
      </c>
      <c r="Y34" s="70">
        <v>0</v>
      </c>
      <c r="Z34" s="71">
        <v>1</v>
      </c>
      <c r="AA34" s="72">
        <v>1</v>
      </c>
      <c r="AB34" s="244"/>
      <c r="AC34" s="71">
        <v>1</v>
      </c>
      <c r="AD34" s="71">
        <v>0</v>
      </c>
      <c r="AE34" s="71">
        <v>0</v>
      </c>
      <c r="AF34" s="71">
        <v>0</v>
      </c>
      <c r="AG34" s="71">
        <v>0</v>
      </c>
      <c r="AH34" s="72">
        <v>1</v>
      </c>
      <c r="AI34" s="73">
        <v>2</v>
      </c>
      <c r="AJ34" s="70">
        <v>0</v>
      </c>
      <c r="AK34" s="71">
        <v>1</v>
      </c>
      <c r="AL34" s="72">
        <v>1</v>
      </c>
      <c r="AM34" s="244"/>
      <c r="AN34" s="71">
        <v>0</v>
      </c>
      <c r="AO34" s="71">
        <v>0</v>
      </c>
      <c r="AP34" s="71">
        <v>0</v>
      </c>
      <c r="AQ34" s="71">
        <v>1</v>
      </c>
      <c r="AR34" s="71">
        <v>0</v>
      </c>
      <c r="AS34" s="72">
        <v>1</v>
      </c>
      <c r="AT34" s="73">
        <v>2</v>
      </c>
      <c r="AU34" s="70">
        <v>0</v>
      </c>
      <c r="AV34" s="71">
        <v>1</v>
      </c>
      <c r="AW34" s="72">
        <v>1</v>
      </c>
      <c r="AX34" s="244"/>
      <c r="AY34" s="71">
        <v>4</v>
      </c>
      <c r="AZ34" s="71">
        <v>2</v>
      </c>
      <c r="BA34" s="71">
        <v>1</v>
      </c>
      <c r="BB34" s="71">
        <v>1</v>
      </c>
      <c r="BC34" s="71">
        <v>0</v>
      </c>
      <c r="BD34" s="72">
        <v>8</v>
      </c>
      <c r="BE34" s="73">
        <v>9</v>
      </c>
      <c r="BF34" s="70">
        <v>1</v>
      </c>
      <c r="BG34" s="71">
        <v>1</v>
      </c>
      <c r="BH34" s="72">
        <v>2</v>
      </c>
      <c r="BI34" s="244"/>
      <c r="BJ34" s="71">
        <v>1</v>
      </c>
      <c r="BK34" s="71">
        <v>6</v>
      </c>
      <c r="BL34" s="71">
        <v>0</v>
      </c>
      <c r="BM34" s="71">
        <v>0</v>
      </c>
      <c r="BN34" s="71">
        <v>0</v>
      </c>
      <c r="BO34" s="72">
        <v>7</v>
      </c>
      <c r="BP34" s="73">
        <v>9</v>
      </c>
      <c r="BQ34" s="70">
        <v>4</v>
      </c>
      <c r="BR34" s="71">
        <v>2</v>
      </c>
      <c r="BS34" s="72">
        <v>6</v>
      </c>
      <c r="BT34" s="244"/>
      <c r="BU34" s="71">
        <v>3</v>
      </c>
      <c r="BV34" s="71">
        <v>3</v>
      </c>
      <c r="BW34" s="71">
        <v>3</v>
      </c>
      <c r="BX34" s="71">
        <v>1</v>
      </c>
      <c r="BY34" s="71">
        <v>1</v>
      </c>
      <c r="BZ34" s="72">
        <v>11</v>
      </c>
      <c r="CA34" s="73">
        <v>17</v>
      </c>
      <c r="CB34" s="70">
        <v>0</v>
      </c>
      <c r="CC34" s="71">
        <v>0</v>
      </c>
      <c r="CD34" s="72">
        <v>0</v>
      </c>
      <c r="CE34" s="244"/>
      <c r="CF34" s="71">
        <v>0</v>
      </c>
      <c r="CG34" s="71">
        <v>0</v>
      </c>
      <c r="CH34" s="71">
        <v>0</v>
      </c>
      <c r="CI34" s="71">
        <v>0</v>
      </c>
      <c r="CJ34" s="71">
        <v>0</v>
      </c>
      <c r="CK34" s="72">
        <v>0</v>
      </c>
      <c r="CL34" s="73">
        <v>0</v>
      </c>
      <c r="CM34" s="70">
        <v>5</v>
      </c>
      <c r="CN34" s="71">
        <v>6</v>
      </c>
      <c r="CO34" s="72">
        <v>11</v>
      </c>
      <c r="CP34" s="244"/>
      <c r="CQ34" s="71">
        <v>9</v>
      </c>
      <c r="CR34" s="71">
        <v>11</v>
      </c>
      <c r="CS34" s="71">
        <v>4</v>
      </c>
      <c r="CT34" s="71">
        <v>4</v>
      </c>
      <c r="CU34" s="71">
        <v>1</v>
      </c>
      <c r="CV34" s="72">
        <v>29</v>
      </c>
      <c r="CW34" s="73">
        <v>40</v>
      </c>
      <c r="CX34" s="123">
        <v>1</v>
      </c>
      <c r="CY34" s="82">
        <v>2</v>
      </c>
      <c r="CZ34" s="83">
        <v>3</v>
      </c>
      <c r="DA34" s="241"/>
      <c r="DB34" s="82">
        <v>1</v>
      </c>
      <c r="DC34" s="82">
        <v>4</v>
      </c>
      <c r="DD34" s="82">
        <v>1</v>
      </c>
      <c r="DE34" s="82">
        <v>0</v>
      </c>
      <c r="DF34" s="82">
        <v>0</v>
      </c>
      <c r="DG34" s="84">
        <v>6</v>
      </c>
      <c r="DH34" s="85">
        <v>9</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1</v>
      </c>
      <c r="EG34" s="72">
        <v>1</v>
      </c>
      <c r="EH34" s="244"/>
      <c r="EI34" s="71">
        <v>1</v>
      </c>
      <c r="EJ34" s="71">
        <v>0</v>
      </c>
      <c r="EK34" s="71">
        <v>0</v>
      </c>
      <c r="EL34" s="71">
        <v>0</v>
      </c>
      <c r="EM34" s="71">
        <v>0</v>
      </c>
      <c r="EN34" s="72">
        <v>1</v>
      </c>
      <c r="EO34" s="73">
        <v>2</v>
      </c>
      <c r="EP34" s="70">
        <v>1</v>
      </c>
      <c r="EQ34" s="71">
        <v>0</v>
      </c>
      <c r="ER34" s="72">
        <v>1</v>
      </c>
      <c r="ES34" s="244"/>
      <c r="ET34" s="71">
        <v>0</v>
      </c>
      <c r="EU34" s="71">
        <v>2</v>
      </c>
      <c r="EV34" s="71">
        <v>0</v>
      </c>
      <c r="EW34" s="71">
        <v>0</v>
      </c>
      <c r="EX34" s="71">
        <v>0</v>
      </c>
      <c r="EY34" s="72">
        <v>2</v>
      </c>
      <c r="EZ34" s="73">
        <v>3</v>
      </c>
      <c r="FA34" s="70">
        <v>0</v>
      </c>
      <c r="FB34" s="71">
        <v>1</v>
      </c>
      <c r="FC34" s="72">
        <v>1</v>
      </c>
      <c r="FD34" s="244"/>
      <c r="FE34" s="71">
        <v>0</v>
      </c>
      <c r="FF34" s="71">
        <v>0</v>
      </c>
      <c r="FG34" s="71">
        <v>0</v>
      </c>
      <c r="FH34" s="71">
        <v>0</v>
      </c>
      <c r="FI34" s="71">
        <v>0</v>
      </c>
      <c r="FJ34" s="72">
        <v>0</v>
      </c>
      <c r="FK34" s="73">
        <v>1</v>
      </c>
      <c r="FL34" s="70">
        <v>0</v>
      </c>
      <c r="FM34" s="71">
        <v>0</v>
      </c>
      <c r="FN34" s="72">
        <v>0</v>
      </c>
      <c r="FO34" s="244"/>
      <c r="FP34" s="71">
        <v>0</v>
      </c>
      <c r="FQ34" s="71">
        <v>2</v>
      </c>
      <c r="FR34" s="71">
        <v>1</v>
      </c>
      <c r="FS34" s="71">
        <v>0</v>
      </c>
      <c r="FT34" s="71">
        <v>0</v>
      </c>
      <c r="FU34" s="72">
        <v>3</v>
      </c>
      <c r="FV34" s="73">
        <v>3</v>
      </c>
      <c r="FW34" s="70">
        <v>0</v>
      </c>
      <c r="FX34" s="71">
        <v>0</v>
      </c>
      <c r="FY34" s="72">
        <v>0</v>
      </c>
      <c r="FZ34" s="244"/>
      <c r="GA34" s="71">
        <v>0</v>
      </c>
      <c r="GB34" s="71">
        <v>0</v>
      </c>
      <c r="GC34" s="71">
        <v>0</v>
      </c>
      <c r="GD34" s="71">
        <v>0</v>
      </c>
      <c r="GE34" s="71">
        <v>0</v>
      </c>
      <c r="GF34" s="72">
        <v>0</v>
      </c>
      <c r="GG34" s="73">
        <v>0</v>
      </c>
      <c r="GH34" s="70">
        <v>1</v>
      </c>
      <c r="GI34" s="71">
        <v>2</v>
      </c>
      <c r="GJ34" s="72">
        <v>3</v>
      </c>
      <c r="GK34" s="244"/>
      <c r="GL34" s="71">
        <v>1</v>
      </c>
      <c r="GM34" s="71">
        <v>4</v>
      </c>
      <c r="GN34" s="71">
        <v>1</v>
      </c>
      <c r="GO34" s="71">
        <v>0</v>
      </c>
      <c r="GP34" s="71">
        <v>0</v>
      </c>
      <c r="GQ34" s="72">
        <v>6</v>
      </c>
      <c r="GR34" s="73">
        <v>9</v>
      </c>
      <c r="GS34" s="123">
        <v>6</v>
      </c>
      <c r="GT34" s="82">
        <v>8</v>
      </c>
      <c r="GU34" s="83">
        <v>14</v>
      </c>
      <c r="GV34" s="241"/>
      <c r="GW34" s="82">
        <v>10</v>
      </c>
      <c r="GX34" s="82">
        <v>15</v>
      </c>
      <c r="GY34" s="82">
        <v>5</v>
      </c>
      <c r="GZ34" s="82">
        <v>4</v>
      </c>
      <c r="HA34" s="82">
        <v>1</v>
      </c>
      <c r="HB34" s="84">
        <v>35</v>
      </c>
      <c r="HC34" s="85">
        <v>49</v>
      </c>
      <c r="HD34" s="70">
        <v>0</v>
      </c>
      <c r="HE34" s="71">
        <v>0</v>
      </c>
      <c r="HF34" s="72">
        <v>0</v>
      </c>
      <c r="HG34" s="244"/>
      <c r="HH34" s="71">
        <v>0</v>
      </c>
      <c r="HI34" s="71">
        <v>0</v>
      </c>
      <c r="HJ34" s="71">
        <v>0</v>
      </c>
      <c r="HK34" s="71">
        <v>1</v>
      </c>
      <c r="HL34" s="71">
        <v>0</v>
      </c>
      <c r="HM34" s="72">
        <v>1</v>
      </c>
      <c r="HN34" s="73">
        <v>1</v>
      </c>
      <c r="HO34" s="70">
        <v>0</v>
      </c>
      <c r="HP34" s="71">
        <v>1</v>
      </c>
      <c r="HQ34" s="72">
        <v>1</v>
      </c>
      <c r="HR34" s="244"/>
      <c r="HS34" s="71">
        <v>1</v>
      </c>
      <c r="HT34" s="71">
        <v>0</v>
      </c>
      <c r="HU34" s="71">
        <v>0</v>
      </c>
      <c r="HV34" s="71">
        <v>0</v>
      </c>
      <c r="HW34" s="71">
        <v>0</v>
      </c>
      <c r="HX34" s="72">
        <v>1</v>
      </c>
      <c r="HY34" s="73">
        <v>2</v>
      </c>
      <c r="HZ34" s="70">
        <v>0</v>
      </c>
      <c r="IA34" s="71">
        <v>2</v>
      </c>
      <c r="IB34" s="72">
        <v>2</v>
      </c>
      <c r="IC34" s="244"/>
      <c r="ID34" s="71">
        <v>1</v>
      </c>
      <c r="IE34" s="71">
        <v>0</v>
      </c>
      <c r="IF34" s="71">
        <v>0</v>
      </c>
      <c r="IG34" s="71">
        <v>1</v>
      </c>
      <c r="IH34" s="71">
        <v>0</v>
      </c>
      <c r="II34" s="72">
        <v>2</v>
      </c>
      <c r="IJ34" s="73">
        <v>4</v>
      </c>
      <c r="IK34" s="70">
        <v>1</v>
      </c>
      <c r="IL34" s="71">
        <v>1</v>
      </c>
      <c r="IM34" s="72">
        <v>2</v>
      </c>
      <c r="IN34" s="244"/>
      <c r="IO34" s="71">
        <v>4</v>
      </c>
      <c r="IP34" s="71">
        <v>4</v>
      </c>
      <c r="IQ34" s="71">
        <v>1</v>
      </c>
      <c r="IR34" s="71">
        <v>1</v>
      </c>
      <c r="IS34" s="71">
        <v>0</v>
      </c>
      <c r="IT34" s="72">
        <v>10</v>
      </c>
      <c r="IU34" s="73">
        <v>12</v>
      </c>
      <c r="IV34" s="70">
        <v>1</v>
      </c>
      <c r="IW34" s="71">
        <v>2</v>
      </c>
      <c r="IX34" s="72">
        <v>3</v>
      </c>
      <c r="IY34" s="244"/>
      <c r="IZ34" s="71">
        <v>1</v>
      </c>
      <c r="JA34" s="71">
        <v>6</v>
      </c>
      <c r="JB34" s="71">
        <v>0</v>
      </c>
      <c r="JC34" s="71">
        <v>0</v>
      </c>
      <c r="JD34" s="71">
        <v>0</v>
      </c>
      <c r="JE34" s="72">
        <v>7</v>
      </c>
      <c r="JF34" s="73">
        <v>10</v>
      </c>
      <c r="JG34" s="70">
        <v>4</v>
      </c>
      <c r="JH34" s="71">
        <v>2</v>
      </c>
      <c r="JI34" s="72">
        <v>6</v>
      </c>
      <c r="JJ34" s="244"/>
      <c r="JK34" s="71">
        <v>3</v>
      </c>
      <c r="JL34" s="71">
        <v>5</v>
      </c>
      <c r="JM34" s="71">
        <v>4</v>
      </c>
      <c r="JN34" s="71">
        <v>1</v>
      </c>
      <c r="JO34" s="71">
        <v>1</v>
      </c>
      <c r="JP34" s="72">
        <v>14</v>
      </c>
      <c r="JQ34" s="73">
        <v>20</v>
      </c>
      <c r="JR34" s="70">
        <v>0</v>
      </c>
      <c r="JS34" s="71">
        <v>0</v>
      </c>
      <c r="JT34" s="72">
        <v>0</v>
      </c>
      <c r="JU34" s="244"/>
      <c r="JV34" s="71">
        <v>0</v>
      </c>
      <c r="JW34" s="71">
        <v>0</v>
      </c>
      <c r="JX34" s="71">
        <v>0</v>
      </c>
      <c r="JY34" s="71">
        <v>0</v>
      </c>
      <c r="JZ34" s="71">
        <v>0</v>
      </c>
      <c r="KA34" s="72">
        <v>0</v>
      </c>
      <c r="KB34" s="73">
        <v>0</v>
      </c>
      <c r="KC34" s="70">
        <v>6</v>
      </c>
      <c r="KD34" s="71">
        <v>8</v>
      </c>
      <c r="KE34" s="72">
        <v>14</v>
      </c>
      <c r="KF34" s="244"/>
      <c r="KG34" s="71">
        <v>10</v>
      </c>
      <c r="KH34" s="71">
        <v>15</v>
      </c>
      <c r="KI34" s="71">
        <v>5</v>
      </c>
      <c r="KJ34" s="71">
        <v>4</v>
      </c>
      <c r="KK34" s="71">
        <v>1</v>
      </c>
      <c r="KL34" s="72">
        <v>35</v>
      </c>
      <c r="KM34" s="73">
        <v>49</v>
      </c>
    </row>
    <row r="35" spans="2:299" ht="19.5" customHeight="1" x14ac:dyDescent="0.2">
      <c r="B35" s="126" t="s">
        <v>32</v>
      </c>
      <c r="C35" s="315">
        <v>1</v>
      </c>
      <c r="D35" s="82">
        <v>6</v>
      </c>
      <c r="E35" s="83">
        <v>7</v>
      </c>
      <c r="F35" s="241"/>
      <c r="G35" s="82">
        <v>10</v>
      </c>
      <c r="H35" s="82">
        <v>12</v>
      </c>
      <c r="I35" s="82">
        <v>3</v>
      </c>
      <c r="J35" s="82">
        <v>4</v>
      </c>
      <c r="K35" s="82">
        <v>1</v>
      </c>
      <c r="L35" s="84">
        <v>30</v>
      </c>
      <c r="M35" s="85">
        <v>37</v>
      </c>
      <c r="N35" s="70">
        <v>1</v>
      </c>
      <c r="O35" s="71">
        <v>0</v>
      </c>
      <c r="P35" s="72">
        <v>1</v>
      </c>
      <c r="Q35" s="241"/>
      <c r="R35" s="71">
        <v>0</v>
      </c>
      <c r="S35" s="71">
        <v>0</v>
      </c>
      <c r="T35" s="71">
        <v>0</v>
      </c>
      <c r="U35" s="71">
        <v>0</v>
      </c>
      <c r="V35" s="71">
        <v>0</v>
      </c>
      <c r="W35" s="72">
        <v>0</v>
      </c>
      <c r="X35" s="73">
        <v>1</v>
      </c>
      <c r="Y35" s="70">
        <v>0</v>
      </c>
      <c r="Z35" s="71">
        <v>0</v>
      </c>
      <c r="AA35" s="72">
        <v>0</v>
      </c>
      <c r="AB35" s="244"/>
      <c r="AC35" s="71">
        <v>0</v>
      </c>
      <c r="AD35" s="71">
        <v>0</v>
      </c>
      <c r="AE35" s="71">
        <v>0</v>
      </c>
      <c r="AF35" s="71">
        <v>0</v>
      </c>
      <c r="AG35" s="71">
        <v>0</v>
      </c>
      <c r="AH35" s="72">
        <v>0</v>
      </c>
      <c r="AI35" s="73">
        <v>0</v>
      </c>
      <c r="AJ35" s="70">
        <v>0</v>
      </c>
      <c r="AK35" s="71">
        <v>0</v>
      </c>
      <c r="AL35" s="72">
        <v>0</v>
      </c>
      <c r="AM35" s="244"/>
      <c r="AN35" s="71">
        <v>0</v>
      </c>
      <c r="AO35" s="71">
        <v>1</v>
      </c>
      <c r="AP35" s="71">
        <v>1</v>
      </c>
      <c r="AQ35" s="71">
        <v>1</v>
      </c>
      <c r="AR35" s="71">
        <v>0</v>
      </c>
      <c r="AS35" s="72">
        <v>3</v>
      </c>
      <c r="AT35" s="73">
        <v>3</v>
      </c>
      <c r="AU35" s="70">
        <v>0</v>
      </c>
      <c r="AV35" s="71">
        <v>1</v>
      </c>
      <c r="AW35" s="72">
        <v>1</v>
      </c>
      <c r="AX35" s="244"/>
      <c r="AY35" s="71">
        <v>3</v>
      </c>
      <c r="AZ35" s="71">
        <v>3</v>
      </c>
      <c r="BA35" s="71">
        <v>1</v>
      </c>
      <c r="BB35" s="71">
        <v>0</v>
      </c>
      <c r="BC35" s="71">
        <v>0</v>
      </c>
      <c r="BD35" s="72">
        <v>7</v>
      </c>
      <c r="BE35" s="73">
        <v>8</v>
      </c>
      <c r="BF35" s="70">
        <v>0</v>
      </c>
      <c r="BG35" s="71">
        <v>4</v>
      </c>
      <c r="BH35" s="72">
        <v>4</v>
      </c>
      <c r="BI35" s="244"/>
      <c r="BJ35" s="71">
        <v>3</v>
      </c>
      <c r="BK35" s="71">
        <v>4</v>
      </c>
      <c r="BL35" s="71">
        <v>0</v>
      </c>
      <c r="BM35" s="71">
        <v>2</v>
      </c>
      <c r="BN35" s="71">
        <v>1</v>
      </c>
      <c r="BO35" s="72">
        <v>10</v>
      </c>
      <c r="BP35" s="73">
        <v>14</v>
      </c>
      <c r="BQ35" s="70">
        <v>0</v>
      </c>
      <c r="BR35" s="71">
        <v>1</v>
      </c>
      <c r="BS35" s="72">
        <v>1</v>
      </c>
      <c r="BT35" s="244"/>
      <c r="BU35" s="71">
        <v>4</v>
      </c>
      <c r="BV35" s="71">
        <v>4</v>
      </c>
      <c r="BW35" s="71">
        <v>1</v>
      </c>
      <c r="BX35" s="71">
        <v>1</v>
      </c>
      <c r="BY35" s="71">
        <v>0</v>
      </c>
      <c r="BZ35" s="72">
        <v>10</v>
      </c>
      <c r="CA35" s="73">
        <v>11</v>
      </c>
      <c r="CB35" s="70">
        <v>0</v>
      </c>
      <c r="CC35" s="71">
        <v>0</v>
      </c>
      <c r="CD35" s="72">
        <v>0</v>
      </c>
      <c r="CE35" s="244"/>
      <c r="CF35" s="71">
        <v>0</v>
      </c>
      <c r="CG35" s="71">
        <v>0</v>
      </c>
      <c r="CH35" s="71">
        <v>0</v>
      </c>
      <c r="CI35" s="71">
        <v>0</v>
      </c>
      <c r="CJ35" s="71">
        <v>0</v>
      </c>
      <c r="CK35" s="72">
        <v>0</v>
      </c>
      <c r="CL35" s="73">
        <v>0</v>
      </c>
      <c r="CM35" s="70">
        <v>1</v>
      </c>
      <c r="CN35" s="71">
        <v>6</v>
      </c>
      <c r="CO35" s="72">
        <v>7</v>
      </c>
      <c r="CP35" s="244"/>
      <c r="CQ35" s="71">
        <v>10</v>
      </c>
      <c r="CR35" s="71">
        <v>12</v>
      </c>
      <c r="CS35" s="71">
        <v>3</v>
      </c>
      <c r="CT35" s="71">
        <v>4</v>
      </c>
      <c r="CU35" s="71">
        <v>1</v>
      </c>
      <c r="CV35" s="72">
        <v>30</v>
      </c>
      <c r="CW35" s="73">
        <v>37</v>
      </c>
      <c r="CX35" s="123">
        <v>0</v>
      </c>
      <c r="CY35" s="82">
        <v>0</v>
      </c>
      <c r="CZ35" s="83">
        <v>0</v>
      </c>
      <c r="DA35" s="241"/>
      <c r="DB35" s="82">
        <v>1</v>
      </c>
      <c r="DC35" s="82">
        <v>2</v>
      </c>
      <c r="DD35" s="82">
        <v>5</v>
      </c>
      <c r="DE35" s="82">
        <v>3</v>
      </c>
      <c r="DF35" s="82">
        <v>1</v>
      </c>
      <c r="DG35" s="84">
        <v>12</v>
      </c>
      <c r="DH35" s="85">
        <v>12</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1</v>
      </c>
      <c r="EU35" s="71">
        <v>1</v>
      </c>
      <c r="EV35" s="71">
        <v>1</v>
      </c>
      <c r="EW35" s="71">
        <v>0</v>
      </c>
      <c r="EX35" s="71">
        <v>0</v>
      </c>
      <c r="EY35" s="72">
        <v>3</v>
      </c>
      <c r="EZ35" s="73">
        <v>3</v>
      </c>
      <c r="FA35" s="70">
        <v>0</v>
      </c>
      <c r="FB35" s="71">
        <v>0</v>
      </c>
      <c r="FC35" s="72">
        <v>0</v>
      </c>
      <c r="FD35" s="244"/>
      <c r="FE35" s="71">
        <v>0</v>
      </c>
      <c r="FF35" s="71">
        <v>0</v>
      </c>
      <c r="FG35" s="71">
        <v>3</v>
      </c>
      <c r="FH35" s="71">
        <v>1</v>
      </c>
      <c r="FI35" s="71">
        <v>0</v>
      </c>
      <c r="FJ35" s="72">
        <v>4</v>
      </c>
      <c r="FK35" s="73">
        <v>4</v>
      </c>
      <c r="FL35" s="70">
        <v>0</v>
      </c>
      <c r="FM35" s="71">
        <v>0</v>
      </c>
      <c r="FN35" s="72">
        <v>0</v>
      </c>
      <c r="FO35" s="244"/>
      <c r="FP35" s="71">
        <v>0</v>
      </c>
      <c r="FQ35" s="71">
        <v>1</v>
      </c>
      <c r="FR35" s="71">
        <v>1</v>
      </c>
      <c r="FS35" s="71">
        <v>2</v>
      </c>
      <c r="FT35" s="71">
        <v>1</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1</v>
      </c>
      <c r="GM35" s="71">
        <v>2</v>
      </c>
      <c r="GN35" s="71">
        <v>5</v>
      </c>
      <c r="GO35" s="71">
        <v>3</v>
      </c>
      <c r="GP35" s="71">
        <v>1</v>
      </c>
      <c r="GQ35" s="72">
        <v>12</v>
      </c>
      <c r="GR35" s="73">
        <v>12</v>
      </c>
      <c r="GS35" s="123">
        <v>1</v>
      </c>
      <c r="GT35" s="82">
        <v>6</v>
      </c>
      <c r="GU35" s="83">
        <v>7</v>
      </c>
      <c r="GV35" s="241"/>
      <c r="GW35" s="82">
        <v>11</v>
      </c>
      <c r="GX35" s="82">
        <v>14</v>
      </c>
      <c r="GY35" s="82">
        <v>8</v>
      </c>
      <c r="GZ35" s="82">
        <v>7</v>
      </c>
      <c r="HA35" s="82">
        <v>2</v>
      </c>
      <c r="HB35" s="84">
        <v>42</v>
      </c>
      <c r="HC35" s="85">
        <v>49</v>
      </c>
      <c r="HD35" s="70">
        <v>1</v>
      </c>
      <c r="HE35" s="71">
        <v>0</v>
      </c>
      <c r="HF35" s="72">
        <v>1</v>
      </c>
      <c r="HG35" s="244"/>
      <c r="HH35" s="71">
        <v>0</v>
      </c>
      <c r="HI35" s="71">
        <v>0</v>
      </c>
      <c r="HJ35" s="71">
        <v>0</v>
      </c>
      <c r="HK35" s="71">
        <v>0</v>
      </c>
      <c r="HL35" s="71">
        <v>0</v>
      </c>
      <c r="HM35" s="72">
        <v>0</v>
      </c>
      <c r="HN35" s="73">
        <v>1</v>
      </c>
      <c r="HO35" s="70">
        <v>0</v>
      </c>
      <c r="HP35" s="71">
        <v>0</v>
      </c>
      <c r="HQ35" s="72">
        <v>0</v>
      </c>
      <c r="HR35" s="244"/>
      <c r="HS35" s="71">
        <v>0</v>
      </c>
      <c r="HT35" s="71">
        <v>0</v>
      </c>
      <c r="HU35" s="71">
        <v>0</v>
      </c>
      <c r="HV35" s="71">
        <v>0</v>
      </c>
      <c r="HW35" s="71">
        <v>0</v>
      </c>
      <c r="HX35" s="72">
        <v>0</v>
      </c>
      <c r="HY35" s="73">
        <v>0</v>
      </c>
      <c r="HZ35" s="70">
        <v>0</v>
      </c>
      <c r="IA35" s="71">
        <v>0</v>
      </c>
      <c r="IB35" s="72">
        <v>0</v>
      </c>
      <c r="IC35" s="244"/>
      <c r="ID35" s="71">
        <v>0</v>
      </c>
      <c r="IE35" s="71">
        <v>1</v>
      </c>
      <c r="IF35" s="71">
        <v>1</v>
      </c>
      <c r="IG35" s="71">
        <v>1</v>
      </c>
      <c r="IH35" s="71">
        <v>0</v>
      </c>
      <c r="II35" s="72">
        <v>3</v>
      </c>
      <c r="IJ35" s="73">
        <v>3</v>
      </c>
      <c r="IK35" s="70">
        <v>0</v>
      </c>
      <c r="IL35" s="71">
        <v>1</v>
      </c>
      <c r="IM35" s="72">
        <v>1</v>
      </c>
      <c r="IN35" s="244"/>
      <c r="IO35" s="71">
        <v>4</v>
      </c>
      <c r="IP35" s="71">
        <v>4</v>
      </c>
      <c r="IQ35" s="71">
        <v>2</v>
      </c>
      <c r="IR35" s="71">
        <v>0</v>
      </c>
      <c r="IS35" s="71">
        <v>0</v>
      </c>
      <c r="IT35" s="72">
        <v>10</v>
      </c>
      <c r="IU35" s="73">
        <v>11</v>
      </c>
      <c r="IV35" s="70">
        <v>0</v>
      </c>
      <c r="IW35" s="71">
        <v>4</v>
      </c>
      <c r="IX35" s="72">
        <v>4</v>
      </c>
      <c r="IY35" s="244"/>
      <c r="IZ35" s="71">
        <v>3</v>
      </c>
      <c r="JA35" s="71">
        <v>4</v>
      </c>
      <c r="JB35" s="71">
        <v>3</v>
      </c>
      <c r="JC35" s="71">
        <v>3</v>
      </c>
      <c r="JD35" s="71">
        <v>1</v>
      </c>
      <c r="JE35" s="72">
        <v>14</v>
      </c>
      <c r="JF35" s="73">
        <v>18</v>
      </c>
      <c r="JG35" s="70">
        <v>0</v>
      </c>
      <c r="JH35" s="71">
        <v>1</v>
      </c>
      <c r="JI35" s="72">
        <v>1</v>
      </c>
      <c r="JJ35" s="244"/>
      <c r="JK35" s="71">
        <v>4</v>
      </c>
      <c r="JL35" s="71">
        <v>5</v>
      </c>
      <c r="JM35" s="71">
        <v>2</v>
      </c>
      <c r="JN35" s="71">
        <v>3</v>
      </c>
      <c r="JO35" s="71">
        <v>1</v>
      </c>
      <c r="JP35" s="72">
        <v>15</v>
      </c>
      <c r="JQ35" s="73">
        <v>16</v>
      </c>
      <c r="JR35" s="70">
        <v>0</v>
      </c>
      <c r="JS35" s="71">
        <v>0</v>
      </c>
      <c r="JT35" s="72">
        <v>0</v>
      </c>
      <c r="JU35" s="244"/>
      <c r="JV35" s="71">
        <v>0</v>
      </c>
      <c r="JW35" s="71">
        <v>0</v>
      </c>
      <c r="JX35" s="71">
        <v>0</v>
      </c>
      <c r="JY35" s="71">
        <v>0</v>
      </c>
      <c r="JZ35" s="71">
        <v>0</v>
      </c>
      <c r="KA35" s="72">
        <v>0</v>
      </c>
      <c r="KB35" s="73">
        <v>0</v>
      </c>
      <c r="KC35" s="70">
        <v>1</v>
      </c>
      <c r="KD35" s="71">
        <v>6</v>
      </c>
      <c r="KE35" s="72">
        <v>7</v>
      </c>
      <c r="KF35" s="244"/>
      <c r="KG35" s="71">
        <v>11</v>
      </c>
      <c r="KH35" s="71">
        <v>14</v>
      </c>
      <c r="KI35" s="71">
        <v>8</v>
      </c>
      <c r="KJ35" s="71">
        <v>7</v>
      </c>
      <c r="KK35" s="71">
        <v>2</v>
      </c>
      <c r="KL35" s="72">
        <v>42</v>
      </c>
      <c r="KM35" s="73">
        <v>49</v>
      </c>
    </row>
    <row r="36" spans="2:299" ht="19.5" customHeight="1" x14ac:dyDescent="0.2">
      <c r="B36" s="126" t="s">
        <v>33</v>
      </c>
      <c r="C36" s="315">
        <v>6</v>
      </c>
      <c r="D36" s="82">
        <v>2</v>
      </c>
      <c r="E36" s="83">
        <v>8</v>
      </c>
      <c r="F36" s="241"/>
      <c r="G36" s="82">
        <v>7</v>
      </c>
      <c r="H36" s="82">
        <v>1</v>
      </c>
      <c r="I36" s="82">
        <v>3</v>
      </c>
      <c r="J36" s="82">
        <v>2</v>
      </c>
      <c r="K36" s="82">
        <v>1</v>
      </c>
      <c r="L36" s="84">
        <v>14</v>
      </c>
      <c r="M36" s="85">
        <v>22</v>
      </c>
      <c r="N36" s="70">
        <v>0</v>
      </c>
      <c r="O36" s="71">
        <v>0</v>
      </c>
      <c r="P36" s="72">
        <v>0</v>
      </c>
      <c r="Q36" s="241"/>
      <c r="R36" s="71">
        <v>0</v>
      </c>
      <c r="S36" s="71">
        <v>0</v>
      </c>
      <c r="T36" s="71">
        <v>1</v>
      </c>
      <c r="U36" s="71">
        <v>0</v>
      </c>
      <c r="V36" s="71">
        <v>0</v>
      </c>
      <c r="W36" s="72">
        <v>1</v>
      </c>
      <c r="X36" s="73">
        <v>1</v>
      </c>
      <c r="Y36" s="70">
        <v>1</v>
      </c>
      <c r="Z36" s="71">
        <v>0</v>
      </c>
      <c r="AA36" s="72">
        <v>1</v>
      </c>
      <c r="AB36" s="244"/>
      <c r="AC36" s="71">
        <v>0</v>
      </c>
      <c r="AD36" s="71">
        <v>0</v>
      </c>
      <c r="AE36" s="71">
        <v>0</v>
      </c>
      <c r="AF36" s="71">
        <v>0</v>
      </c>
      <c r="AG36" s="71">
        <v>0</v>
      </c>
      <c r="AH36" s="72">
        <v>0</v>
      </c>
      <c r="AI36" s="73">
        <v>1</v>
      </c>
      <c r="AJ36" s="70">
        <v>3</v>
      </c>
      <c r="AK36" s="71">
        <v>0</v>
      </c>
      <c r="AL36" s="72">
        <v>3</v>
      </c>
      <c r="AM36" s="244"/>
      <c r="AN36" s="71">
        <v>1</v>
      </c>
      <c r="AO36" s="71">
        <v>0</v>
      </c>
      <c r="AP36" s="71">
        <v>0</v>
      </c>
      <c r="AQ36" s="71">
        <v>1</v>
      </c>
      <c r="AR36" s="71">
        <v>0</v>
      </c>
      <c r="AS36" s="72">
        <v>2</v>
      </c>
      <c r="AT36" s="73">
        <v>5</v>
      </c>
      <c r="AU36" s="70">
        <v>0</v>
      </c>
      <c r="AV36" s="71">
        <v>1</v>
      </c>
      <c r="AW36" s="72">
        <v>1</v>
      </c>
      <c r="AX36" s="244"/>
      <c r="AY36" s="71">
        <v>1</v>
      </c>
      <c r="AZ36" s="71">
        <v>1</v>
      </c>
      <c r="BA36" s="71">
        <v>1</v>
      </c>
      <c r="BB36" s="71">
        <v>0</v>
      </c>
      <c r="BC36" s="71">
        <v>0</v>
      </c>
      <c r="BD36" s="72">
        <v>3</v>
      </c>
      <c r="BE36" s="73">
        <v>4</v>
      </c>
      <c r="BF36" s="70">
        <v>0</v>
      </c>
      <c r="BG36" s="71">
        <v>1</v>
      </c>
      <c r="BH36" s="72">
        <v>1</v>
      </c>
      <c r="BI36" s="244"/>
      <c r="BJ36" s="71">
        <v>0</v>
      </c>
      <c r="BK36" s="71">
        <v>0</v>
      </c>
      <c r="BL36" s="71">
        <v>1</v>
      </c>
      <c r="BM36" s="71">
        <v>0</v>
      </c>
      <c r="BN36" s="71">
        <v>1</v>
      </c>
      <c r="BO36" s="72">
        <v>2</v>
      </c>
      <c r="BP36" s="73">
        <v>3</v>
      </c>
      <c r="BQ36" s="70">
        <v>2</v>
      </c>
      <c r="BR36" s="71">
        <v>0</v>
      </c>
      <c r="BS36" s="72">
        <v>2</v>
      </c>
      <c r="BT36" s="244"/>
      <c r="BU36" s="71">
        <v>5</v>
      </c>
      <c r="BV36" s="71">
        <v>0</v>
      </c>
      <c r="BW36" s="71">
        <v>0</v>
      </c>
      <c r="BX36" s="71">
        <v>1</v>
      </c>
      <c r="BY36" s="71">
        <v>0</v>
      </c>
      <c r="BZ36" s="72">
        <v>6</v>
      </c>
      <c r="CA36" s="73">
        <v>8</v>
      </c>
      <c r="CB36" s="70">
        <v>0</v>
      </c>
      <c r="CC36" s="71">
        <v>0</v>
      </c>
      <c r="CD36" s="72">
        <v>0</v>
      </c>
      <c r="CE36" s="244"/>
      <c r="CF36" s="71">
        <v>0</v>
      </c>
      <c r="CG36" s="71">
        <v>0</v>
      </c>
      <c r="CH36" s="71">
        <v>0</v>
      </c>
      <c r="CI36" s="71">
        <v>0</v>
      </c>
      <c r="CJ36" s="71">
        <v>0</v>
      </c>
      <c r="CK36" s="72">
        <v>0</v>
      </c>
      <c r="CL36" s="73">
        <v>0</v>
      </c>
      <c r="CM36" s="70">
        <v>6</v>
      </c>
      <c r="CN36" s="71">
        <v>2</v>
      </c>
      <c r="CO36" s="72">
        <v>8</v>
      </c>
      <c r="CP36" s="244"/>
      <c r="CQ36" s="71">
        <v>7</v>
      </c>
      <c r="CR36" s="71">
        <v>1</v>
      </c>
      <c r="CS36" s="71">
        <v>3</v>
      </c>
      <c r="CT36" s="71">
        <v>2</v>
      </c>
      <c r="CU36" s="71">
        <v>1</v>
      </c>
      <c r="CV36" s="72">
        <v>14</v>
      </c>
      <c r="CW36" s="73">
        <v>22</v>
      </c>
      <c r="CX36" s="123">
        <v>1</v>
      </c>
      <c r="CY36" s="82">
        <v>1</v>
      </c>
      <c r="CZ36" s="83">
        <v>2</v>
      </c>
      <c r="DA36" s="241"/>
      <c r="DB36" s="82">
        <v>0</v>
      </c>
      <c r="DC36" s="82">
        <v>3</v>
      </c>
      <c r="DD36" s="82">
        <v>0</v>
      </c>
      <c r="DE36" s="82">
        <v>1</v>
      </c>
      <c r="DF36" s="82">
        <v>0</v>
      </c>
      <c r="DG36" s="84">
        <v>4</v>
      </c>
      <c r="DH36" s="85">
        <v>6</v>
      </c>
      <c r="DI36" s="70">
        <v>0</v>
      </c>
      <c r="DJ36" s="71">
        <v>0</v>
      </c>
      <c r="DK36" s="72">
        <v>0</v>
      </c>
      <c r="DL36" s="244"/>
      <c r="DM36" s="71">
        <v>0</v>
      </c>
      <c r="DN36" s="71">
        <v>1</v>
      </c>
      <c r="DO36" s="71">
        <v>0</v>
      </c>
      <c r="DP36" s="71">
        <v>0</v>
      </c>
      <c r="DQ36" s="71">
        <v>0</v>
      </c>
      <c r="DR36" s="72">
        <v>1</v>
      </c>
      <c r="DS36" s="73">
        <v>1</v>
      </c>
      <c r="DT36" s="70">
        <v>0</v>
      </c>
      <c r="DU36" s="71">
        <v>0</v>
      </c>
      <c r="DV36" s="72">
        <v>0</v>
      </c>
      <c r="DW36" s="244"/>
      <c r="DX36" s="71">
        <v>0</v>
      </c>
      <c r="DY36" s="71">
        <v>0</v>
      </c>
      <c r="DZ36" s="71">
        <v>0</v>
      </c>
      <c r="EA36" s="71">
        <v>0</v>
      </c>
      <c r="EB36" s="71">
        <v>0</v>
      </c>
      <c r="EC36" s="72">
        <v>0</v>
      </c>
      <c r="ED36" s="73">
        <v>0</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1</v>
      </c>
      <c r="FG36" s="71">
        <v>0</v>
      </c>
      <c r="FH36" s="71">
        <v>0</v>
      </c>
      <c r="FI36" s="71">
        <v>0</v>
      </c>
      <c r="FJ36" s="72">
        <v>1</v>
      </c>
      <c r="FK36" s="73">
        <v>1</v>
      </c>
      <c r="FL36" s="70">
        <v>1</v>
      </c>
      <c r="FM36" s="71">
        <v>1</v>
      </c>
      <c r="FN36" s="72">
        <v>2</v>
      </c>
      <c r="FO36" s="244"/>
      <c r="FP36" s="71">
        <v>0</v>
      </c>
      <c r="FQ36" s="71">
        <v>1</v>
      </c>
      <c r="FR36" s="71">
        <v>0</v>
      </c>
      <c r="FS36" s="71">
        <v>1</v>
      </c>
      <c r="FT36" s="71">
        <v>0</v>
      </c>
      <c r="FU36" s="72">
        <v>2</v>
      </c>
      <c r="FV36" s="73">
        <v>4</v>
      </c>
      <c r="FW36" s="70">
        <v>0</v>
      </c>
      <c r="FX36" s="71">
        <v>0</v>
      </c>
      <c r="FY36" s="72">
        <v>0</v>
      </c>
      <c r="FZ36" s="244"/>
      <c r="GA36" s="71">
        <v>0</v>
      </c>
      <c r="GB36" s="71">
        <v>0</v>
      </c>
      <c r="GC36" s="71">
        <v>0</v>
      </c>
      <c r="GD36" s="71">
        <v>0</v>
      </c>
      <c r="GE36" s="71">
        <v>0</v>
      </c>
      <c r="GF36" s="72">
        <v>0</v>
      </c>
      <c r="GG36" s="73">
        <v>0</v>
      </c>
      <c r="GH36" s="70">
        <v>1</v>
      </c>
      <c r="GI36" s="71">
        <v>1</v>
      </c>
      <c r="GJ36" s="72">
        <v>2</v>
      </c>
      <c r="GK36" s="244"/>
      <c r="GL36" s="71">
        <v>0</v>
      </c>
      <c r="GM36" s="71">
        <v>3</v>
      </c>
      <c r="GN36" s="71">
        <v>0</v>
      </c>
      <c r="GO36" s="71">
        <v>1</v>
      </c>
      <c r="GP36" s="71">
        <v>0</v>
      </c>
      <c r="GQ36" s="72">
        <v>4</v>
      </c>
      <c r="GR36" s="73">
        <v>6</v>
      </c>
      <c r="GS36" s="123">
        <v>7</v>
      </c>
      <c r="GT36" s="82">
        <v>3</v>
      </c>
      <c r="GU36" s="83">
        <v>10</v>
      </c>
      <c r="GV36" s="241"/>
      <c r="GW36" s="82">
        <v>7</v>
      </c>
      <c r="GX36" s="82">
        <v>4</v>
      </c>
      <c r="GY36" s="82">
        <v>3</v>
      </c>
      <c r="GZ36" s="82">
        <v>3</v>
      </c>
      <c r="HA36" s="82">
        <v>1</v>
      </c>
      <c r="HB36" s="84">
        <v>18</v>
      </c>
      <c r="HC36" s="85">
        <v>28</v>
      </c>
      <c r="HD36" s="70">
        <v>0</v>
      </c>
      <c r="HE36" s="71">
        <v>0</v>
      </c>
      <c r="HF36" s="72">
        <v>0</v>
      </c>
      <c r="HG36" s="244"/>
      <c r="HH36" s="71">
        <v>0</v>
      </c>
      <c r="HI36" s="71">
        <v>1</v>
      </c>
      <c r="HJ36" s="71">
        <v>1</v>
      </c>
      <c r="HK36" s="71">
        <v>0</v>
      </c>
      <c r="HL36" s="71">
        <v>0</v>
      </c>
      <c r="HM36" s="72">
        <v>2</v>
      </c>
      <c r="HN36" s="73">
        <v>2</v>
      </c>
      <c r="HO36" s="70">
        <v>1</v>
      </c>
      <c r="HP36" s="71">
        <v>0</v>
      </c>
      <c r="HQ36" s="72">
        <v>1</v>
      </c>
      <c r="HR36" s="244"/>
      <c r="HS36" s="71">
        <v>0</v>
      </c>
      <c r="HT36" s="71">
        <v>0</v>
      </c>
      <c r="HU36" s="71">
        <v>0</v>
      </c>
      <c r="HV36" s="71">
        <v>0</v>
      </c>
      <c r="HW36" s="71">
        <v>0</v>
      </c>
      <c r="HX36" s="72">
        <v>0</v>
      </c>
      <c r="HY36" s="73">
        <v>1</v>
      </c>
      <c r="HZ36" s="70">
        <v>3</v>
      </c>
      <c r="IA36" s="71">
        <v>0</v>
      </c>
      <c r="IB36" s="72">
        <v>3</v>
      </c>
      <c r="IC36" s="244"/>
      <c r="ID36" s="71">
        <v>1</v>
      </c>
      <c r="IE36" s="71">
        <v>0</v>
      </c>
      <c r="IF36" s="71">
        <v>0</v>
      </c>
      <c r="IG36" s="71">
        <v>1</v>
      </c>
      <c r="IH36" s="71">
        <v>0</v>
      </c>
      <c r="II36" s="72">
        <v>2</v>
      </c>
      <c r="IJ36" s="73">
        <v>5</v>
      </c>
      <c r="IK36" s="70">
        <v>0</v>
      </c>
      <c r="IL36" s="71">
        <v>1</v>
      </c>
      <c r="IM36" s="72">
        <v>1</v>
      </c>
      <c r="IN36" s="244"/>
      <c r="IO36" s="71">
        <v>1</v>
      </c>
      <c r="IP36" s="71">
        <v>1</v>
      </c>
      <c r="IQ36" s="71">
        <v>1</v>
      </c>
      <c r="IR36" s="71">
        <v>0</v>
      </c>
      <c r="IS36" s="71">
        <v>0</v>
      </c>
      <c r="IT36" s="72">
        <v>3</v>
      </c>
      <c r="IU36" s="73">
        <v>4</v>
      </c>
      <c r="IV36" s="70">
        <v>0</v>
      </c>
      <c r="IW36" s="71">
        <v>1</v>
      </c>
      <c r="IX36" s="72">
        <v>1</v>
      </c>
      <c r="IY36" s="244"/>
      <c r="IZ36" s="71">
        <v>0</v>
      </c>
      <c r="JA36" s="71">
        <v>1</v>
      </c>
      <c r="JB36" s="71">
        <v>1</v>
      </c>
      <c r="JC36" s="71">
        <v>0</v>
      </c>
      <c r="JD36" s="71">
        <v>1</v>
      </c>
      <c r="JE36" s="72">
        <v>3</v>
      </c>
      <c r="JF36" s="73">
        <v>4</v>
      </c>
      <c r="JG36" s="70">
        <v>3</v>
      </c>
      <c r="JH36" s="71">
        <v>1</v>
      </c>
      <c r="JI36" s="72">
        <v>4</v>
      </c>
      <c r="JJ36" s="244"/>
      <c r="JK36" s="71">
        <v>5</v>
      </c>
      <c r="JL36" s="71">
        <v>1</v>
      </c>
      <c r="JM36" s="71">
        <v>0</v>
      </c>
      <c r="JN36" s="71">
        <v>2</v>
      </c>
      <c r="JO36" s="71">
        <v>0</v>
      </c>
      <c r="JP36" s="72">
        <v>8</v>
      </c>
      <c r="JQ36" s="73">
        <v>12</v>
      </c>
      <c r="JR36" s="70">
        <v>0</v>
      </c>
      <c r="JS36" s="71">
        <v>0</v>
      </c>
      <c r="JT36" s="72">
        <v>0</v>
      </c>
      <c r="JU36" s="244"/>
      <c r="JV36" s="71">
        <v>0</v>
      </c>
      <c r="JW36" s="71">
        <v>0</v>
      </c>
      <c r="JX36" s="71">
        <v>0</v>
      </c>
      <c r="JY36" s="71">
        <v>0</v>
      </c>
      <c r="JZ36" s="71">
        <v>0</v>
      </c>
      <c r="KA36" s="72">
        <v>0</v>
      </c>
      <c r="KB36" s="73">
        <v>0</v>
      </c>
      <c r="KC36" s="70">
        <v>7</v>
      </c>
      <c r="KD36" s="71">
        <v>3</v>
      </c>
      <c r="KE36" s="72">
        <v>10</v>
      </c>
      <c r="KF36" s="244"/>
      <c r="KG36" s="71">
        <v>7</v>
      </c>
      <c r="KH36" s="71">
        <v>4</v>
      </c>
      <c r="KI36" s="71">
        <v>3</v>
      </c>
      <c r="KJ36" s="71">
        <v>3</v>
      </c>
      <c r="KK36" s="71">
        <v>1</v>
      </c>
      <c r="KL36" s="72">
        <v>18</v>
      </c>
      <c r="KM36" s="73">
        <v>28</v>
      </c>
    </row>
    <row r="37" spans="2:299" ht="19.5" customHeight="1" x14ac:dyDescent="0.2">
      <c r="B37" s="126" t="s">
        <v>34</v>
      </c>
      <c r="C37" s="315">
        <v>5</v>
      </c>
      <c r="D37" s="82">
        <v>1</v>
      </c>
      <c r="E37" s="83">
        <v>6</v>
      </c>
      <c r="F37" s="241"/>
      <c r="G37" s="82">
        <v>4</v>
      </c>
      <c r="H37" s="82">
        <v>2</v>
      </c>
      <c r="I37" s="82">
        <v>6</v>
      </c>
      <c r="J37" s="82">
        <v>1</v>
      </c>
      <c r="K37" s="82">
        <v>0</v>
      </c>
      <c r="L37" s="84">
        <v>13</v>
      </c>
      <c r="M37" s="85">
        <v>19</v>
      </c>
      <c r="N37" s="70">
        <v>0</v>
      </c>
      <c r="O37" s="71">
        <v>0</v>
      </c>
      <c r="P37" s="72">
        <v>0</v>
      </c>
      <c r="Q37" s="241"/>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2</v>
      </c>
      <c r="AV37" s="71">
        <v>0</v>
      </c>
      <c r="AW37" s="72">
        <v>2</v>
      </c>
      <c r="AX37" s="244"/>
      <c r="AY37" s="71">
        <v>1</v>
      </c>
      <c r="AZ37" s="71">
        <v>0</v>
      </c>
      <c r="BA37" s="71">
        <v>2</v>
      </c>
      <c r="BB37" s="71">
        <v>1</v>
      </c>
      <c r="BC37" s="71">
        <v>0</v>
      </c>
      <c r="BD37" s="72">
        <v>4</v>
      </c>
      <c r="BE37" s="73">
        <v>6</v>
      </c>
      <c r="BF37" s="70">
        <v>2</v>
      </c>
      <c r="BG37" s="71">
        <v>1</v>
      </c>
      <c r="BH37" s="72">
        <v>3</v>
      </c>
      <c r="BI37" s="244"/>
      <c r="BJ37" s="71">
        <v>1</v>
      </c>
      <c r="BK37" s="71">
        <v>0</v>
      </c>
      <c r="BL37" s="71">
        <v>3</v>
      </c>
      <c r="BM37" s="71">
        <v>0</v>
      </c>
      <c r="BN37" s="71">
        <v>0</v>
      </c>
      <c r="BO37" s="72">
        <v>4</v>
      </c>
      <c r="BP37" s="73">
        <v>7</v>
      </c>
      <c r="BQ37" s="70">
        <v>1</v>
      </c>
      <c r="BR37" s="71">
        <v>0</v>
      </c>
      <c r="BS37" s="72">
        <v>1</v>
      </c>
      <c r="BT37" s="244"/>
      <c r="BU37" s="71">
        <v>2</v>
      </c>
      <c r="BV37" s="71">
        <v>1</v>
      </c>
      <c r="BW37" s="71">
        <v>1</v>
      </c>
      <c r="BX37" s="71">
        <v>0</v>
      </c>
      <c r="BY37" s="71">
        <v>0</v>
      </c>
      <c r="BZ37" s="72">
        <v>4</v>
      </c>
      <c r="CA37" s="73">
        <v>5</v>
      </c>
      <c r="CB37" s="70">
        <v>0</v>
      </c>
      <c r="CC37" s="71">
        <v>0</v>
      </c>
      <c r="CD37" s="72">
        <v>0</v>
      </c>
      <c r="CE37" s="244"/>
      <c r="CF37" s="71">
        <v>0</v>
      </c>
      <c r="CG37" s="71">
        <v>0</v>
      </c>
      <c r="CH37" s="71">
        <v>0</v>
      </c>
      <c r="CI37" s="71">
        <v>0</v>
      </c>
      <c r="CJ37" s="71">
        <v>0</v>
      </c>
      <c r="CK37" s="72">
        <v>0</v>
      </c>
      <c r="CL37" s="73">
        <v>0</v>
      </c>
      <c r="CM37" s="70">
        <v>5</v>
      </c>
      <c r="CN37" s="71">
        <v>1</v>
      </c>
      <c r="CO37" s="72">
        <v>6</v>
      </c>
      <c r="CP37" s="244"/>
      <c r="CQ37" s="71">
        <v>4</v>
      </c>
      <c r="CR37" s="71">
        <v>2</v>
      </c>
      <c r="CS37" s="71">
        <v>6</v>
      </c>
      <c r="CT37" s="71">
        <v>1</v>
      </c>
      <c r="CU37" s="71">
        <v>0</v>
      </c>
      <c r="CV37" s="72">
        <v>13</v>
      </c>
      <c r="CW37" s="73">
        <v>19</v>
      </c>
      <c r="CX37" s="123">
        <v>0</v>
      </c>
      <c r="CY37" s="82">
        <v>0</v>
      </c>
      <c r="CZ37" s="83">
        <v>0</v>
      </c>
      <c r="DA37" s="241"/>
      <c r="DB37" s="82">
        <v>0</v>
      </c>
      <c r="DC37" s="82">
        <v>1</v>
      </c>
      <c r="DD37" s="82">
        <v>0</v>
      </c>
      <c r="DE37" s="82">
        <v>0</v>
      </c>
      <c r="DF37" s="82">
        <v>1</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1</v>
      </c>
      <c r="FR37" s="71">
        <v>0</v>
      </c>
      <c r="FS37" s="71">
        <v>0</v>
      </c>
      <c r="FT37" s="71">
        <v>1</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1</v>
      </c>
      <c r="GN37" s="71">
        <v>0</v>
      </c>
      <c r="GO37" s="71">
        <v>0</v>
      </c>
      <c r="GP37" s="71">
        <v>1</v>
      </c>
      <c r="GQ37" s="72">
        <v>2</v>
      </c>
      <c r="GR37" s="73">
        <v>2</v>
      </c>
      <c r="GS37" s="123">
        <v>5</v>
      </c>
      <c r="GT37" s="82">
        <v>1</v>
      </c>
      <c r="GU37" s="83">
        <v>6</v>
      </c>
      <c r="GV37" s="241"/>
      <c r="GW37" s="82">
        <v>4</v>
      </c>
      <c r="GX37" s="82">
        <v>3</v>
      </c>
      <c r="GY37" s="82">
        <v>6</v>
      </c>
      <c r="GZ37" s="82">
        <v>1</v>
      </c>
      <c r="HA37" s="82">
        <v>1</v>
      </c>
      <c r="HB37" s="84">
        <v>15</v>
      </c>
      <c r="HC37" s="85">
        <v>21</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2</v>
      </c>
      <c r="IL37" s="71">
        <v>0</v>
      </c>
      <c r="IM37" s="72">
        <v>2</v>
      </c>
      <c r="IN37" s="244"/>
      <c r="IO37" s="71">
        <v>1</v>
      </c>
      <c r="IP37" s="71">
        <v>0</v>
      </c>
      <c r="IQ37" s="71">
        <v>2</v>
      </c>
      <c r="IR37" s="71">
        <v>1</v>
      </c>
      <c r="IS37" s="71">
        <v>0</v>
      </c>
      <c r="IT37" s="72">
        <v>4</v>
      </c>
      <c r="IU37" s="73">
        <v>6</v>
      </c>
      <c r="IV37" s="70">
        <v>2</v>
      </c>
      <c r="IW37" s="71">
        <v>1</v>
      </c>
      <c r="IX37" s="72">
        <v>3</v>
      </c>
      <c r="IY37" s="244"/>
      <c r="IZ37" s="71">
        <v>1</v>
      </c>
      <c r="JA37" s="71">
        <v>0</v>
      </c>
      <c r="JB37" s="71">
        <v>3</v>
      </c>
      <c r="JC37" s="71">
        <v>0</v>
      </c>
      <c r="JD37" s="71">
        <v>0</v>
      </c>
      <c r="JE37" s="72">
        <v>4</v>
      </c>
      <c r="JF37" s="73">
        <v>7</v>
      </c>
      <c r="JG37" s="70">
        <v>1</v>
      </c>
      <c r="JH37" s="71">
        <v>0</v>
      </c>
      <c r="JI37" s="72">
        <v>1</v>
      </c>
      <c r="JJ37" s="244"/>
      <c r="JK37" s="71">
        <v>2</v>
      </c>
      <c r="JL37" s="71">
        <v>2</v>
      </c>
      <c r="JM37" s="71">
        <v>1</v>
      </c>
      <c r="JN37" s="71">
        <v>0</v>
      </c>
      <c r="JO37" s="71">
        <v>1</v>
      </c>
      <c r="JP37" s="72">
        <v>6</v>
      </c>
      <c r="JQ37" s="73">
        <v>7</v>
      </c>
      <c r="JR37" s="70">
        <v>0</v>
      </c>
      <c r="JS37" s="71">
        <v>0</v>
      </c>
      <c r="JT37" s="72">
        <v>0</v>
      </c>
      <c r="JU37" s="244"/>
      <c r="JV37" s="71">
        <v>0</v>
      </c>
      <c r="JW37" s="71">
        <v>0</v>
      </c>
      <c r="JX37" s="71">
        <v>0</v>
      </c>
      <c r="JY37" s="71">
        <v>0</v>
      </c>
      <c r="JZ37" s="71">
        <v>0</v>
      </c>
      <c r="KA37" s="72">
        <v>0</v>
      </c>
      <c r="KB37" s="73">
        <v>0</v>
      </c>
      <c r="KC37" s="70">
        <v>5</v>
      </c>
      <c r="KD37" s="71">
        <v>1</v>
      </c>
      <c r="KE37" s="72">
        <v>6</v>
      </c>
      <c r="KF37" s="244"/>
      <c r="KG37" s="71">
        <v>4</v>
      </c>
      <c r="KH37" s="71">
        <v>3</v>
      </c>
      <c r="KI37" s="71">
        <v>6</v>
      </c>
      <c r="KJ37" s="71">
        <v>1</v>
      </c>
      <c r="KK37" s="71">
        <v>1</v>
      </c>
      <c r="KL37" s="72">
        <v>15</v>
      </c>
      <c r="KM37" s="73">
        <v>21</v>
      </c>
    </row>
    <row r="38" spans="2:299" ht="19.5" customHeight="1" x14ac:dyDescent="0.2">
      <c r="B38" s="126" t="s">
        <v>35</v>
      </c>
      <c r="C38" s="315">
        <v>14</v>
      </c>
      <c r="D38" s="82">
        <v>6</v>
      </c>
      <c r="E38" s="83">
        <v>20</v>
      </c>
      <c r="F38" s="241"/>
      <c r="G38" s="82">
        <v>22</v>
      </c>
      <c r="H38" s="82">
        <v>10</v>
      </c>
      <c r="I38" s="82">
        <v>6</v>
      </c>
      <c r="J38" s="82">
        <v>2</v>
      </c>
      <c r="K38" s="82">
        <v>3</v>
      </c>
      <c r="L38" s="84">
        <v>43</v>
      </c>
      <c r="M38" s="85">
        <v>63</v>
      </c>
      <c r="N38" s="70">
        <v>0</v>
      </c>
      <c r="O38" s="71">
        <v>0</v>
      </c>
      <c r="P38" s="72">
        <v>0</v>
      </c>
      <c r="Q38" s="241"/>
      <c r="R38" s="71">
        <v>0</v>
      </c>
      <c r="S38" s="71">
        <v>0</v>
      </c>
      <c r="T38" s="71">
        <v>0</v>
      </c>
      <c r="U38" s="71">
        <v>0</v>
      </c>
      <c r="V38" s="71">
        <v>0</v>
      </c>
      <c r="W38" s="72">
        <v>0</v>
      </c>
      <c r="X38" s="73">
        <v>0</v>
      </c>
      <c r="Y38" s="70">
        <v>1</v>
      </c>
      <c r="Z38" s="71">
        <v>1</v>
      </c>
      <c r="AA38" s="72">
        <v>2</v>
      </c>
      <c r="AB38" s="244"/>
      <c r="AC38" s="71">
        <v>0</v>
      </c>
      <c r="AD38" s="71">
        <v>0</v>
      </c>
      <c r="AE38" s="71">
        <v>0</v>
      </c>
      <c r="AF38" s="71">
        <v>0</v>
      </c>
      <c r="AG38" s="71">
        <v>1</v>
      </c>
      <c r="AH38" s="72">
        <v>1</v>
      </c>
      <c r="AI38" s="73">
        <v>3</v>
      </c>
      <c r="AJ38" s="70">
        <v>1</v>
      </c>
      <c r="AK38" s="71">
        <v>0</v>
      </c>
      <c r="AL38" s="72">
        <v>1</v>
      </c>
      <c r="AM38" s="244"/>
      <c r="AN38" s="71">
        <v>4</v>
      </c>
      <c r="AO38" s="71">
        <v>1</v>
      </c>
      <c r="AP38" s="71">
        <v>0</v>
      </c>
      <c r="AQ38" s="71">
        <v>0</v>
      </c>
      <c r="AR38" s="71">
        <v>0</v>
      </c>
      <c r="AS38" s="72">
        <v>5</v>
      </c>
      <c r="AT38" s="73">
        <v>6</v>
      </c>
      <c r="AU38" s="70">
        <v>4</v>
      </c>
      <c r="AV38" s="71">
        <v>2</v>
      </c>
      <c r="AW38" s="72">
        <v>6</v>
      </c>
      <c r="AX38" s="244"/>
      <c r="AY38" s="71">
        <v>6</v>
      </c>
      <c r="AZ38" s="71">
        <v>3</v>
      </c>
      <c r="BA38" s="71">
        <v>3</v>
      </c>
      <c r="BB38" s="71">
        <v>0</v>
      </c>
      <c r="BC38" s="71">
        <v>0</v>
      </c>
      <c r="BD38" s="72">
        <v>12</v>
      </c>
      <c r="BE38" s="73">
        <v>18</v>
      </c>
      <c r="BF38" s="70">
        <v>4</v>
      </c>
      <c r="BG38" s="71">
        <v>2</v>
      </c>
      <c r="BH38" s="72">
        <v>6</v>
      </c>
      <c r="BI38" s="244"/>
      <c r="BJ38" s="71">
        <v>5</v>
      </c>
      <c r="BK38" s="71">
        <v>2</v>
      </c>
      <c r="BL38" s="71">
        <v>2</v>
      </c>
      <c r="BM38" s="71">
        <v>1</v>
      </c>
      <c r="BN38" s="71">
        <v>1</v>
      </c>
      <c r="BO38" s="72">
        <v>11</v>
      </c>
      <c r="BP38" s="73">
        <v>17</v>
      </c>
      <c r="BQ38" s="70">
        <v>4</v>
      </c>
      <c r="BR38" s="71">
        <v>1</v>
      </c>
      <c r="BS38" s="72">
        <v>5</v>
      </c>
      <c r="BT38" s="244"/>
      <c r="BU38" s="71">
        <v>7</v>
      </c>
      <c r="BV38" s="71">
        <v>4</v>
      </c>
      <c r="BW38" s="71">
        <v>1</v>
      </c>
      <c r="BX38" s="71">
        <v>1</v>
      </c>
      <c r="BY38" s="71">
        <v>1</v>
      </c>
      <c r="BZ38" s="72">
        <v>14</v>
      </c>
      <c r="CA38" s="73">
        <v>19</v>
      </c>
      <c r="CB38" s="70">
        <v>0</v>
      </c>
      <c r="CC38" s="71">
        <v>0</v>
      </c>
      <c r="CD38" s="72">
        <v>0</v>
      </c>
      <c r="CE38" s="244"/>
      <c r="CF38" s="71">
        <v>0</v>
      </c>
      <c r="CG38" s="71">
        <v>0</v>
      </c>
      <c r="CH38" s="71">
        <v>0</v>
      </c>
      <c r="CI38" s="71">
        <v>0</v>
      </c>
      <c r="CJ38" s="71">
        <v>0</v>
      </c>
      <c r="CK38" s="72">
        <v>0</v>
      </c>
      <c r="CL38" s="73">
        <v>0</v>
      </c>
      <c r="CM38" s="70">
        <v>14</v>
      </c>
      <c r="CN38" s="71">
        <v>6</v>
      </c>
      <c r="CO38" s="72">
        <v>20</v>
      </c>
      <c r="CP38" s="244"/>
      <c r="CQ38" s="71">
        <v>22</v>
      </c>
      <c r="CR38" s="71">
        <v>10</v>
      </c>
      <c r="CS38" s="71">
        <v>6</v>
      </c>
      <c r="CT38" s="71">
        <v>2</v>
      </c>
      <c r="CU38" s="71">
        <v>3</v>
      </c>
      <c r="CV38" s="72">
        <v>43</v>
      </c>
      <c r="CW38" s="73">
        <v>63</v>
      </c>
      <c r="CX38" s="123">
        <v>2</v>
      </c>
      <c r="CY38" s="82">
        <v>2</v>
      </c>
      <c r="CZ38" s="83">
        <v>4</v>
      </c>
      <c r="DA38" s="241"/>
      <c r="DB38" s="82">
        <v>3</v>
      </c>
      <c r="DC38" s="82">
        <v>3</v>
      </c>
      <c r="DD38" s="82">
        <v>3</v>
      </c>
      <c r="DE38" s="82">
        <v>5</v>
      </c>
      <c r="DF38" s="82">
        <v>1</v>
      </c>
      <c r="DG38" s="84">
        <v>15</v>
      </c>
      <c r="DH38" s="85">
        <v>19</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1</v>
      </c>
      <c r="EJ38" s="71">
        <v>0</v>
      </c>
      <c r="EK38" s="71">
        <v>0</v>
      </c>
      <c r="EL38" s="71">
        <v>0</v>
      </c>
      <c r="EM38" s="71">
        <v>0</v>
      </c>
      <c r="EN38" s="72">
        <v>1</v>
      </c>
      <c r="EO38" s="73">
        <v>1</v>
      </c>
      <c r="EP38" s="70">
        <v>0</v>
      </c>
      <c r="EQ38" s="71">
        <v>0</v>
      </c>
      <c r="ER38" s="72">
        <v>0</v>
      </c>
      <c r="ES38" s="244"/>
      <c r="ET38" s="71">
        <v>1</v>
      </c>
      <c r="EU38" s="71">
        <v>0</v>
      </c>
      <c r="EV38" s="71">
        <v>1</v>
      </c>
      <c r="EW38" s="71">
        <v>0</v>
      </c>
      <c r="EX38" s="71">
        <v>0</v>
      </c>
      <c r="EY38" s="72">
        <v>2</v>
      </c>
      <c r="EZ38" s="73">
        <v>2</v>
      </c>
      <c r="FA38" s="70">
        <v>0</v>
      </c>
      <c r="FB38" s="71">
        <v>0</v>
      </c>
      <c r="FC38" s="72">
        <v>0</v>
      </c>
      <c r="FD38" s="244"/>
      <c r="FE38" s="71">
        <v>1</v>
      </c>
      <c r="FF38" s="71">
        <v>1</v>
      </c>
      <c r="FG38" s="71">
        <v>0</v>
      </c>
      <c r="FH38" s="71">
        <v>0</v>
      </c>
      <c r="FI38" s="71">
        <v>1</v>
      </c>
      <c r="FJ38" s="72">
        <v>3</v>
      </c>
      <c r="FK38" s="73">
        <v>3</v>
      </c>
      <c r="FL38" s="70">
        <v>2</v>
      </c>
      <c r="FM38" s="71">
        <v>2</v>
      </c>
      <c r="FN38" s="72">
        <v>4</v>
      </c>
      <c r="FO38" s="244"/>
      <c r="FP38" s="71">
        <v>0</v>
      </c>
      <c r="FQ38" s="71">
        <v>2</v>
      </c>
      <c r="FR38" s="71">
        <v>1</v>
      </c>
      <c r="FS38" s="71">
        <v>5</v>
      </c>
      <c r="FT38" s="71">
        <v>0</v>
      </c>
      <c r="FU38" s="72">
        <v>8</v>
      </c>
      <c r="FV38" s="73">
        <v>12</v>
      </c>
      <c r="FW38" s="70">
        <v>0</v>
      </c>
      <c r="FX38" s="71">
        <v>0</v>
      </c>
      <c r="FY38" s="72">
        <v>0</v>
      </c>
      <c r="FZ38" s="244"/>
      <c r="GA38" s="71">
        <v>0</v>
      </c>
      <c r="GB38" s="71">
        <v>0</v>
      </c>
      <c r="GC38" s="71">
        <v>0</v>
      </c>
      <c r="GD38" s="71">
        <v>0</v>
      </c>
      <c r="GE38" s="71">
        <v>0</v>
      </c>
      <c r="GF38" s="72">
        <v>0</v>
      </c>
      <c r="GG38" s="73">
        <v>0</v>
      </c>
      <c r="GH38" s="70">
        <v>2</v>
      </c>
      <c r="GI38" s="71">
        <v>2</v>
      </c>
      <c r="GJ38" s="72">
        <v>4</v>
      </c>
      <c r="GK38" s="244"/>
      <c r="GL38" s="71">
        <v>3</v>
      </c>
      <c r="GM38" s="71">
        <v>3</v>
      </c>
      <c r="GN38" s="71">
        <v>3</v>
      </c>
      <c r="GO38" s="71">
        <v>5</v>
      </c>
      <c r="GP38" s="71">
        <v>1</v>
      </c>
      <c r="GQ38" s="72">
        <v>15</v>
      </c>
      <c r="GR38" s="73">
        <v>19</v>
      </c>
      <c r="GS38" s="123">
        <v>16</v>
      </c>
      <c r="GT38" s="82">
        <v>8</v>
      </c>
      <c r="GU38" s="83">
        <v>24</v>
      </c>
      <c r="GV38" s="241"/>
      <c r="GW38" s="82">
        <v>25</v>
      </c>
      <c r="GX38" s="82">
        <v>13</v>
      </c>
      <c r="GY38" s="82">
        <v>9</v>
      </c>
      <c r="GZ38" s="82">
        <v>7</v>
      </c>
      <c r="HA38" s="82">
        <v>4</v>
      </c>
      <c r="HB38" s="84">
        <v>58</v>
      </c>
      <c r="HC38" s="85">
        <v>82</v>
      </c>
      <c r="HD38" s="70">
        <v>0</v>
      </c>
      <c r="HE38" s="71">
        <v>0</v>
      </c>
      <c r="HF38" s="72">
        <v>0</v>
      </c>
      <c r="HG38" s="244"/>
      <c r="HH38" s="71">
        <v>0</v>
      </c>
      <c r="HI38" s="71">
        <v>0</v>
      </c>
      <c r="HJ38" s="71">
        <v>0</v>
      </c>
      <c r="HK38" s="71">
        <v>0</v>
      </c>
      <c r="HL38" s="71">
        <v>0</v>
      </c>
      <c r="HM38" s="72">
        <v>0</v>
      </c>
      <c r="HN38" s="73">
        <v>0</v>
      </c>
      <c r="HO38" s="70">
        <v>1</v>
      </c>
      <c r="HP38" s="71">
        <v>1</v>
      </c>
      <c r="HQ38" s="72">
        <v>2</v>
      </c>
      <c r="HR38" s="244"/>
      <c r="HS38" s="71">
        <v>0</v>
      </c>
      <c r="HT38" s="71">
        <v>0</v>
      </c>
      <c r="HU38" s="71">
        <v>1</v>
      </c>
      <c r="HV38" s="71">
        <v>0</v>
      </c>
      <c r="HW38" s="71">
        <v>1</v>
      </c>
      <c r="HX38" s="72">
        <v>2</v>
      </c>
      <c r="HY38" s="73">
        <v>4</v>
      </c>
      <c r="HZ38" s="70">
        <v>1</v>
      </c>
      <c r="IA38" s="71">
        <v>0</v>
      </c>
      <c r="IB38" s="72">
        <v>1</v>
      </c>
      <c r="IC38" s="244"/>
      <c r="ID38" s="71">
        <v>5</v>
      </c>
      <c r="IE38" s="71">
        <v>1</v>
      </c>
      <c r="IF38" s="71">
        <v>0</v>
      </c>
      <c r="IG38" s="71">
        <v>0</v>
      </c>
      <c r="IH38" s="71">
        <v>0</v>
      </c>
      <c r="II38" s="72">
        <v>6</v>
      </c>
      <c r="IJ38" s="73">
        <v>7</v>
      </c>
      <c r="IK38" s="70">
        <v>4</v>
      </c>
      <c r="IL38" s="71">
        <v>2</v>
      </c>
      <c r="IM38" s="72">
        <v>6</v>
      </c>
      <c r="IN38" s="244"/>
      <c r="IO38" s="71">
        <v>7</v>
      </c>
      <c r="IP38" s="71">
        <v>3</v>
      </c>
      <c r="IQ38" s="71">
        <v>4</v>
      </c>
      <c r="IR38" s="71">
        <v>0</v>
      </c>
      <c r="IS38" s="71">
        <v>0</v>
      </c>
      <c r="IT38" s="72">
        <v>14</v>
      </c>
      <c r="IU38" s="73">
        <v>20</v>
      </c>
      <c r="IV38" s="70">
        <v>4</v>
      </c>
      <c r="IW38" s="71">
        <v>2</v>
      </c>
      <c r="IX38" s="72">
        <v>6</v>
      </c>
      <c r="IY38" s="244"/>
      <c r="IZ38" s="71">
        <v>6</v>
      </c>
      <c r="JA38" s="71">
        <v>3</v>
      </c>
      <c r="JB38" s="71">
        <v>2</v>
      </c>
      <c r="JC38" s="71">
        <v>1</v>
      </c>
      <c r="JD38" s="71">
        <v>2</v>
      </c>
      <c r="JE38" s="72">
        <v>14</v>
      </c>
      <c r="JF38" s="73">
        <v>20</v>
      </c>
      <c r="JG38" s="70">
        <v>6</v>
      </c>
      <c r="JH38" s="71">
        <v>3</v>
      </c>
      <c r="JI38" s="72">
        <v>9</v>
      </c>
      <c r="JJ38" s="244"/>
      <c r="JK38" s="71">
        <v>7</v>
      </c>
      <c r="JL38" s="71">
        <v>6</v>
      </c>
      <c r="JM38" s="71">
        <v>2</v>
      </c>
      <c r="JN38" s="71">
        <v>6</v>
      </c>
      <c r="JO38" s="71">
        <v>1</v>
      </c>
      <c r="JP38" s="72">
        <v>22</v>
      </c>
      <c r="JQ38" s="73">
        <v>31</v>
      </c>
      <c r="JR38" s="70">
        <v>0</v>
      </c>
      <c r="JS38" s="71">
        <v>0</v>
      </c>
      <c r="JT38" s="72">
        <v>0</v>
      </c>
      <c r="JU38" s="244"/>
      <c r="JV38" s="71">
        <v>0</v>
      </c>
      <c r="JW38" s="71">
        <v>0</v>
      </c>
      <c r="JX38" s="71">
        <v>0</v>
      </c>
      <c r="JY38" s="71">
        <v>0</v>
      </c>
      <c r="JZ38" s="71">
        <v>0</v>
      </c>
      <c r="KA38" s="72">
        <v>0</v>
      </c>
      <c r="KB38" s="73">
        <v>0</v>
      </c>
      <c r="KC38" s="70">
        <v>16</v>
      </c>
      <c r="KD38" s="71">
        <v>8</v>
      </c>
      <c r="KE38" s="72">
        <v>24</v>
      </c>
      <c r="KF38" s="244"/>
      <c r="KG38" s="71">
        <v>25</v>
      </c>
      <c r="KH38" s="71">
        <v>13</v>
      </c>
      <c r="KI38" s="71">
        <v>9</v>
      </c>
      <c r="KJ38" s="71">
        <v>7</v>
      </c>
      <c r="KK38" s="71">
        <v>4</v>
      </c>
      <c r="KL38" s="72">
        <v>58</v>
      </c>
      <c r="KM38" s="73">
        <v>82</v>
      </c>
    </row>
    <row r="39" spans="2:299" ht="19.5" customHeight="1" x14ac:dyDescent="0.2">
      <c r="B39" s="126" t="s">
        <v>36</v>
      </c>
      <c r="C39" s="315">
        <v>2</v>
      </c>
      <c r="D39" s="82">
        <v>8</v>
      </c>
      <c r="E39" s="83">
        <v>10</v>
      </c>
      <c r="F39" s="241"/>
      <c r="G39" s="82">
        <v>12</v>
      </c>
      <c r="H39" s="82">
        <v>15</v>
      </c>
      <c r="I39" s="82">
        <v>5</v>
      </c>
      <c r="J39" s="82">
        <v>5</v>
      </c>
      <c r="K39" s="82">
        <v>3</v>
      </c>
      <c r="L39" s="84">
        <v>40</v>
      </c>
      <c r="M39" s="85">
        <v>50</v>
      </c>
      <c r="N39" s="70">
        <v>0</v>
      </c>
      <c r="O39" s="71">
        <v>0</v>
      </c>
      <c r="P39" s="72">
        <v>0</v>
      </c>
      <c r="Q39" s="241"/>
      <c r="R39" s="71">
        <v>1</v>
      </c>
      <c r="S39" s="71">
        <v>2</v>
      </c>
      <c r="T39" s="71">
        <v>0</v>
      </c>
      <c r="U39" s="71">
        <v>1</v>
      </c>
      <c r="V39" s="71">
        <v>1</v>
      </c>
      <c r="W39" s="72">
        <v>5</v>
      </c>
      <c r="X39" s="73">
        <v>5</v>
      </c>
      <c r="Y39" s="70">
        <v>1</v>
      </c>
      <c r="Z39" s="71">
        <v>0</v>
      </c>
      <c r="AA39" s="72">
        <v>1</v>
      </c>
      <c r="AB39" s="244"/>
      <c r="AC39" s="71">
        <v>1</v>
      </c>
      <c r="AD39" s="71">
        <v>1</v>
      </c>
      <c r="AE39" s="71">
        <v>1</v>
      </c>
      <c r="AF39" s="71">
        <v>0</v>
      </c>
      <c r="AG39" s="71">
        <v>0</v>
      </c>
      <c r="AH39" s="72">
        <v>3</v>
      </c>
      <c r="AI39" s="73">
        <v>4</v>
      </c>
      <c r="AJ39" s="70">
        <v>0</v>
      </c>
      <c r="AK39" s="71">
        <v>1</v>
      </c>
      <c r="AL39" s="72">
        <v>1</v>
      </c>
      <c r="AM39" s="244"/>
      <c r="AN39" s="71">
        <v>0</v>
      </c>
      <c r="AO39" s="71">
        <v>3</v>
      </c>
      <c r="AP39" s="71">
        <v>0</v>
      </c>
      <c r="AQ39" s="71">
        <v>0</v>
      </c>
      <c r="AR39" s="71">
        <v>0</v>
      </c>
      <c r="AS39" s="72">
        <v>3</v>
      </c>
      <c r="AT39" s="73">
        <v>4</v>
      </c>
      <c r="AU39" s="70">
        <v>0</v>
      </c>
      <c r="AV39" s="71">
        <v>3</v>
      </c>
      <c r="AW39" s="72">
        <v>3</v>
      </c>
      <c r="AX39" s="244"/>
      <c r="AY39" s="71">
        <v>1</v>
      </c>
      <c r="AZ39" s="71">
        <v>2</v>
      </c>
      <c r="BA39" s="71">
        <v>0</v>
      </c>
      <c r="BB39" s="71">
        <v>0</v>
      </c>
      <c r="BC39" s="71">
        <v>0</v>
      </c>
      <c r="BD39" s="72">
        <v>3</v>
      </c>
      <c r="BE39" s="73">
        <v>6</v>
      </c>
      <c r="BF39" s="70">
        <v>1</v>
      </c>
      <c r="BG39" s="71">
        <v>3</v>
      </c>
      <c r="BH39" s="72">
        <v>4</v>
      </c>
      <c r="BI39" s="244"/>
      <c r="BJ39" s="71">
        <v>5</v>
      </c>
      <c r="BK39" s="71">
        <v>4</v>
      </c>
      <c r="BL39" s="71">
        <v>1</v>
      </c>
      <c r="BM39" s="71">
        <v>3</v>
      </c>
      <c r="BN39" s="71">
        <v>2</v>
      </c>
      <c r="BO39" s="72">
        <v>15</v>
      </c>
      <c r="BP39" s="73">
        <v>19</v>
      </c>
      <c r="BQ39" s="70">
        <v>0</v>
      </c>
      <c r="BR39" s="71">
        <v>1</v>
      </c>
      <c r="BS39" s="72">
        <v>1</v>
      </c>
      <c r="BT39" s="244"/>
      <c r="BU39" s="71">
        <v>4</v>
      </c>
      <c r="BV39" s="71">
        <v>3</v>
      </c>
      <c r="BW39" s="71">
        <v>3</v>
      </c>
      <c r="BX39" s="71">
        <v>1</v>
      </c>
      <c r="BY39" s="71">
        <v>0</v>
      </c>
      <c r="BZ39" s="72">
        <v>11</v>
      </c>
      <c r="CA39" s="73">
        <v>12</v>
      </c>
      <c r="CB39" s="70">
        <v>0</v>
      </c>
      <c r="CC39" s="71">
        <v>0</v>
      </c>
      <c r="CD39" s="72">
        <v>0</v>
      </c>
      <c r="CE39" s="244"/>
      <c r="CF39" s="71">
        <v>0</v>
      </c>
      <c r="CG39" s="71">
        <v>0</v>
      </c>
      <c r="CH39" s="71">
        <v>0</v>
      </c>
      <c r="CI39" s="71">
        <v>0</v>
      </c>
      <c r="CJ39" s="71">
        <v>0</v>
      </c>
      <c r="CK39" s="72">
        <v>0</v>
      </c>
      <c r="CL39" s="73">
        <v>0</v>
      </c>
      <c r="CM39" s="70">
        <v>2</v>
      </c>
      <c r="CN39" s="71">
        <v>8</v>
      </c>
      <c r="CO39" s="72">
        <v>10</v>
      </c>
      <c r="CP39" s="244"/>
      <c r="CQ39" s="71">
        <v>12</v>
      </c>
      <c r="CR39" s="71">
        <v>15</v>
      </c>
      <c r="CS39" s="71">
        <v>5</v>
      </c>
      <c r="CT39" s="71">
        <v>5</v>
      </c>
      <c r="CU39" s="71">
        <v>3</v>
      </c>
      <c r="CV39" s="72">
        <v>40</v>
      </c>
      <c r="CW39" s="73">
        <v>50</v>
      </c>
      <c r="CX39" s="123">
        <v>2</v>
      </c>
      <c r="CY39" s="82">
        <v>3</v>
      </c>
      <c r="CZ39" s="83">
        <v>5</v>
      </c>
      <c r="DA39" s="241"/>
      <c r="DB39" s="82">
        <v>2</v>
      </c>
      <c r="DC39" s="82">
        <v>1</v>
      </c>
      <c r="DD39" s="82">
        <v>0</v>
      </c>
      <c r="DE39" s="82">
        <v>0</v>
      </c>
      <c r="DF39" s="82">
        <v>3</v>
      </c>
      <c r="DG39" s="84">
        <v>6</v>
      </c>
      <c r="DH39" s="85">
        <v>11</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2</v>
      </c>
      <c r="ER39" s="72">
        <v>2</v>
      </c>
      <c r="ES39" s="244"/>
      <c r="ET39" s="71">
        <v>0</v>
      </c>
      <c r="EU39" s="71">
        <v>1</v>
      </c>
      <c r="EV39" s="71">
        <v>0</v>
      </c>
      <c r="EW39" s="71">
        <v>0</v>
      </c>
      <c r="EX39" s="71">
        <v>0</v>
      </c>
      <c r="EY39" s="72">
        <v>1</v>
      </c>
      <c r="EZ39" s="73">
        <v>3</v>
      </c>
      <c r="FA39" s="70">
        <v>1</v>
      </c>
      <c r="FB39" s="71">
        <v>1</v>
      </c>
      <c r="FC39" s="72">
        <v>2</v>
      </c>
      <c r="FD39" s="244"/>
      <c r="FE39" s="71">
        <v>2</v>
      </c>
      <c r="FF39" s="71">
        <v>0</v>
      </c>
      <c r="FG39" s="71">
        <v>0</v>
      </c>
      <c r="FH39" s="71">
        <v>0</v>
      </c>
      <c r="FI39" s="71">
        <v>0</v>
      </c>
      <c r="FJ39" s="72">
        <v>2</v>
      </c>
      <c r="FK39" s="73">
        <v>4</v>
      </c>
      <c r="FL39" s="70">
        <v>1</v>
      </c>
      <c r="FM39" s="71">
        <v>0</v>
      </c>
      <c r="FN39" s="72">
        <v>1</v>
      </c>
      <c r="FO39" s="244"/>
      <c r="FP39" s="71">
        <v>0</v>
      </c>
      <c r="FQ39" s="71">
        <v>0</v>
      </c>
      <c r="FR39" s="71">
        <v>0</v>
      </c>
      <c r="FS39" s="71">
        <v>0</v>
      </c>
      <c r="FT39" s="71">
        <v>3</v>
      </c>
      <c r="FU39" s="72">
        <v>3</v>
      </c>
      <c r="FV39" s="73">
        <v>4</v>
      </c>
      <c r="FW39" s="70">
        <v>0</v>
      </c>
      <c r="FX39" s="71">
        <v>0</v>
      </c>
      <c r="FY39" s="72">
        <v>0</v>
      </c>
      <c r="FZ39" s="244"/>
      <c r="GA39" s="71">
        <v>0</v>
      </c>
      <c r="GB39" s="71">
        <v>0</v>
      </c>
      <c r="GC39" s="71">
        <v>0</v>
      </c>
      <c r="GD39" s="71">
        <v>0</v>
      </c>
      <c r="GE39" s="71">
        <v>0</v>
      </c>
      <c r="GF39" s="72">
        <v>0</v>
      </c>
      <c r="GG39" s="73">
        <v>0</v>
      </c>
      <c r="GH39" s="70">
        <v>2</v>
      </c>
      <c r="GI39" s="71">
        <v>3</v>
      </c>
      <c r="GJ39" s="72">
        <v>5</v>
      </c>
      <c r="GK39" s="244"/>
      <c r="GL39" s="71">
        <v>2</v>
      </c>
      <c r="GM39" s="71">
        <v>1</v>
      </c>
      <c r="GN39" s="71">
        <v>0</v>
      </c>
      <c r="GO39" s="71">
        <v>0</v>
      </c>
      <c r="GP39" s="71">
        <v>3</v>
      </c>
      <c r="GQ39" s="72">
        <v>6</v>
      </c>
      <c r="GR39" s="73">
        <v>11</v>
      </c>
      <c r="GS39" s="123">
        <v>4</v>
      </c>
      <c r="GT39" s="82">
        <v>11</v>
      </c>
      <c r="GU39" s="83">
        <v>15</v>
      </c>
      <c r="GV39" s="241"/>
      <c r="GW39" s="82">
        <v>14</v>
      </c>
      <c r="GX39" s="82">
        <v>16</v>
      </c>
      <c r="GY39" s="82">
        <v>5</v>
      </c>
      <c r="GZ39" s="82">
        <v>5</v>
      </c>
      <c r="HA39" s="82">
        <v>6</v>
      </c>
      <c r="HB39" s="84">
        <v>46</v>
      </c>
      <c r="HC39" s="85">
        <v>61</v>
      </c>
      <c r="HD39" s="70">
        <v>0</v>
      </c>
      <c r="HE39" s="71">
        <v>0</v>
      </c>
      <c r="HF39" s="72">
        <v>0</v>
      </c>
      <c r="HG39" s="244"/>
      <c r="HH39" s="71">
        <v>1</v>
      </c>
      <c r="HI39" s="71">
        <v>2</v>
      </c>
      <c r="HJ39" s="71">
        <v>0</v>
      </c>
      <c r="HK39" s="71">
        <v>1</v>
      </c>
      <c r="HL39" s="71">
        <v>1</v>
      </c>
      <c r="HM39" s="72">
        <v>5</v>
      </c>
      <c r="HN39" s="73">
        <v>5</v>
      </c>
      <c r="HO39" s="70">
        <v>1</v>
      </c>
      <c r="HP39" s="71">
        <v>0</v>
      </c>
      <c r="HQ39" s="72">
        <v>1</v>
      </c>
      <c r="HR39" s="244"/>
      <c r="HS39" s="71">
        <v>1</v>
      </c>
      <c r="HT39" s="71">
        <v>1</v>
      </c>
      <c r="HU39" s="71">
        <v>1</v>
      </c>
      <c r="HV39" s="71">
        <v>0</v>
      </c>
      <c r="HW39" s="71">
        <v>0</v>
      </c>
      <c r="HX39" s="72">
        <v>3</v>
      </c>
      <c r="HY39" s="73">
        <v>4</v>
      </c>
      <c r="HZ39" s="70">
        <v>0</v>
      </c>
      <c r="IA39" s="71">
        <v>1</v>
      </c>
      <c r="IB39" s="72">
        <v>1</v>
      </c>
      <c r="IC39" s="244"/>
      <c r="ID39" s="71">
        <v>0</v>
      </c>
      <c r="IE39" s="71">
        <v>3</v>
      </c>
      <c r="IF39" s="71">
        <v>0</v>
      </c>
      <c r="IG39" s="71">
        <v>0</v>
      </c>
      <c r="IH39" s="71">
        <v>0</v>
      </c>
      <c r="II39" s="72">
        <v>3</v>
      </c>
      <c r="IJ39" s="73">
        <v>4</v>
      </c>
      <c r="IK39" s="70">
        <v>0</v>
      </c>
      <c r="IL39" s="71">
        <v>5</v>
      </c>
      <c r="IM39" s="72">
        <v>5</v>
      </c>
      <c r="IN39" s="244"/>
      <c r="IO39" s="71">
        <v>1</v>
      </c>
      <c r="IP39" s="71">
        <v>3</v>
      </c>
      <c r="IQ39" s="71">
        <v>0</v>
      </c>
      <c r="IR39" s="71">
        <v>0</v>
      </c>
      <c r="IS39" s="71">
        <v>0</v>
      </c>
      <c r="IT39" s="72">
        <v>4</v>
      </c>
      <c r="IU39" s="73">
        <v>9</v>
      </c>
      <c r="IV39" s="70">
        <v>2</v>
      </c>
      <c r="IW39" s="71">
        <v>4</v>
      </c>
      <c r="IX39" s="72">
        <v>6</v>
      </c>
      <c r="IY39" s="244"/>
      <c r="IZ39" s="71">
        <v>7</v>
      </c>
      <c r="JA39" s="71">
        <v>4</v>
      </c>
      <c r="JB39" s="71">
        <v>1</v>
      </c>
      <c r="JC39" s="71">
        <v>3</v>
      </c>
      <c r="JD39" s="71">
        <v>2</v>
      </c>
      <c r="JE39" s="72">
        <v>17</v>
      </c>
      <c r="JF39" s="73">
        <v>23</v>
      </c>
      <c r="JG39" s="70">
        <v>1</v>
      </c>
      <c r="JH39" s="71">
        <v>1</v>
      </c>
      <c r="JI39" s="72">
        <v>2</v>
      </c>
      <c r="JJ39" s="244"/>
      <c r="JK39" s="71">
        <v>4</v>
      </c>
      <c r="JL39" s="71">
        <v>3</v>
      </c>
      <c r="JM39" s="71">
        <v>3</v>
      </c>
      <c r="JN39" s="71">
        <v>1</v>
      </c>
      <c r="JO39" s="71">
        <v>3</v>
      </c>
      <c r="JP39" s="72">
        <v>14</v>
      </c>
      <c r="JQ39" s="73">
        <v>16</v>
      </c>
      <c r="JR39" s="70">
        <v>0</v>
      </c>
      <c r="JS39" s="71">
        <v>0</v>
      </c>
      <c r="JT39" s="72">
        <v>0</v>
      </c>
      <c r="JU39" s="244"/>
      <c r="JV39" s="71">
        <v>0</v>
      </c>
      <c r="JW39" s="71">
        <v>0</v>
      </c>
      <c r="JX39" s="71">
        <v>0</v>
      </c>
      <c r="JY39" s="71">
        <v>0</v>
      </c>
      <c r="JZ39" s="71">
        <v>0</v>
      </c>
      <c r="KA39" s="72">
        <v>0</v>
      </c>
      <c r="KB39" s="73">
        <v>0</v>
      </c>
      <c r="KC39" s="70">
        <v>4</v>
      </c>
      <c r="KD39" s="71">
        <v>11</v>
      </c>
      <c r="KE39" s="72">
        <v>15</v>
      </c>
      <c r="KF39" s="244"/>
      <c r="KG39" s="71">
        <v>14</v>
      </c>
      <c r="KH39" s="71">
        <v>16</v>
      </c>
      <c r="KI39" s="71">
        <v>5</v>
      </c>
      <c r="KJ39" s="71">
        <v>5</v>
      </c>
      <c r="KK39" s="71">
        <v>6</v>
      </c>
      <c r="KL39" s="72">
        <v>46</v>
      </c>
      <c r="KM39" s="73">
        <v>61</v>
      </c>
    </row>
    <row r="40" spans="2:299" ht="19.5" customHeight="1" thickBot="1" x14ac:dyDescent="0.25">
      <c r="B40" s="127" t="s">
        <v>37</v>
      </c>
      <c r="C40" s="316">
        <v>0</v>
      </c>
      <c r="D40" s="87">
        <v>1</v>
      </c>
      <c r="E40" s="88">
        <v>1</v>
      </c>
      <c r="F40" s="242"/>
      <c r="G40" s="87">
        <v>0</v>
      </c>
      <c r="H40" s="87">
        <v>2</v>
      </c>
      <c r="I40" s="87">
        <v>1</v>
      </c>
      <c r="J40" s="87">
        <v>0</v>
      </c>
      <c r="K40" s="87">
        <v>1</v>
      </c>
      <c r="L40" s="89">
        <v>4</v>
      </c>
      <c r="M40" s="90">
        <v>5</v>
      </c>
      <c r="N40" s="74">
        <v>0</v>
      </c>
      <c r="O40" s="75">
        <v>0</v>
      </c>
      <c r="P40" s="76">
        <v>0</v>
      </c>
      <c r="Q40" s="242"/>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1</v>
      </c>
      <c r="AL40" s="76">
        <v>1</v>
      </c>
      <c r="AM40" s="245"/>
      <c r="AN40" s="75">
        <v>0</v>
      </c>
      <c r="AO40" s="75">
        <v>0</v>
      </c>
      <c r="AP40" s="75">
        <v>0</v>
      </c>
      <c r="AQ40" s="75">
        <v>0</v>
      </c>
      <c r="AR40" s="75">
        <v>0</v>
      </c>
      <c r="AS40" s="76">
        <v>0</v>
      </c>
      <c r="AT40" s="77">
        <v>1</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2</v>
      </c>
      <c r="BL40" s="75">
        <v>0</v>
      </c>
      <c r="BM40" s="75">
        <v>0</v>
      </c>
      <c r="BN40" s="75">
        <v>1</v>
      </c>
      <c r="BO40" s="76">
        <v>3</v>
      </c>
      <c r="BP40" s="77">
        <v>3</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2</v>
      </c>
      <c r="CS40" s="75">
        <v>1</v>
      </c>
      <c r="CT40" s="75">
        <v>0</v>
      </c>
      <c r="CU40" s="75">
        <v>1</v>
      </c>
      <c r="CV40" s="76">
        <v>4</v>
      </c>
      <c r="CW40" s="77">
        <v>5</v>
      </c>
      <c r="CX40" s="124">
        <v>0</v>
      </c>
      <c r="CY40" s="87">
        <v>0</v>
      </c>
      <c r="CZ40" s="88">
        <v>0</v>
      </c>
      <c r="DA40" s="242"/>
      <c r="DB40" s="87">
        <v>0</v>
      </c>
      <c r="DC40" s="87">
        <v>0</v>
      </c>
      <c r="DD40" s="87">
        <v>0</v>
      </c>
      <c r="DE40" s="87">
        <v>1</v>
      </c>
      <c r="DF40" s="87">
        <v>0</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1</v>
      </c>
      <c r="FT40" s="75">
        <v>0</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1</v>
      </c>
      <c r="GP40" s="75">
        <v>0</v>
      </c>
      <c r="GQ40" s="76">
        <v>1</v>
      </c>
      <c r="GR40" s="77">
        <v>1</v>
      </c>
      <c r="GS40" s="124">
        <v>0</v>
      </c>
      <c r="GT40" s="87">
        <v>1</v>
      </c>
      <c r="GU40" s="88">
        <v>1</v>
      </c>
      <c r="GV40" s="242"/>
      <c r="GW40" s="87">
        <v>0</v>
      </c>
      <c r="GX40" s="87">
        <v>2</v>
      </c>
      <c r="GY40" s="87">
        <v>1</v>
      </c>
      <c r="GZ40" s="87">
        <v>1</v>
      </c>
      <c r="HA40" s="87">
        <v>1</v>
      </c>
      <c r="HB40" s="89">
        <v>5</v>
      </c>
      <c r="HC40" s="90">
        <v>6</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1</v>
      </c>
      <c r="IB40" s="76">
        <v>1</v>
      </c>
      <c r="IC40" s="245"/>
      <c r="ID40" s="75">
        <v>0</v>
      </c>
      <c r="IE40" s="75">
        <v>0</v>
      </c>
      <c r="IF40" s="75">
        <v>0</v>
      </c>
      <c r="IG40" s="75">
        <v>0</v>
      </c>
      <c r="IH40" s="75">
        <v>0</v>
      </c>
      <c r="II40" s="76">
        <v>0</v>
      </c>
      <c r="IJ40" s="77">
        <v>1</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2</v>
      </c>
      <c r="JB40" s="75">
        <v>0</v>
      </c>
      <c r="JC40" s="75">
        <v>0</v>
      </c>
      <c r="JD40" s="75">
        <v>1</v>
      </c>
      <c r="JE40" s="76">
        <v>3</v>
      </c>
      <c r="JF40" s="77">
        <v>3</v>
      </c>
      <c r="JG40" s="74">
        <v>0</v>
      </c>
      <c r="JH40" s="75">
        <v>0</v>
      </c>
      <c r="JI40" s="76">
        <v>0</v>
      </c>
      <c r="JJ40" s="245"/>
      <c r="JK40" s="75">
        <v>0</v>
      </c>
      <c r="JL40" s="75">
        <v>0</v>
      </c>
      <c r="JM40" s="75">
        <v>0</v>
      </c>
      <c r="JN40" s="75">
        <v>1</v>
      </c>
      <c r="JO40" s="75">
        <v>0</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2</v>
      </c>
      <c r="KI40" s="75">
        <v>1</v>
      </c>
      <c r="KJ40" s="75">
        <v>1</v>
      </c>
      <c r="KK40" s="75">
        <v>1</v>
      </c>
      <c r="KL40" s="76">
        <v>5</v>
      </c>
      <c r="KM40" s="77">
        <v>6</v>
      </c>
    </row>
    <row r="41" spans="2:299" ht="32.25" customHeight="1" x14ac:dyDescent="0.2">
      <c r="C41" s="310"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6">
        <f>第１表!F2</f>
        <v>4</v>
      </c>
      <c r="G1" s="526"/>
      <c r="H1" s="248">
        <f>第１表!G2</f>
        <v>10</v>
      </c>
      <c r="I1" s="508">
        <f>H1</f>
        <v>10</v>
      </c>
      <c r="J1" s="508"/>
    </row>
    <row r="2" spans="2:299" ht="24" customHeight="1" thickBot="1" x14ac:dyDescent="0.25">
      <c r="B2" s="20" t="s">
        <v>153</v>
      </c>
    </row>
    <row r="3" spans="2:299" ht="22.5" customHeight="1" thickBot="1" x14ac:dyDescent="0.25">
      <c r="B3" s="509" t="s">
        <v>38</v>
      </c>
      <c r="C3" s="521" t="s">
        <v>96</v>
      </c>
      <c r="D3" s="521"/>
      <c r="E3" s="521"/>
      <c r="F3" s="521"/>
      <c r="G3" s="521"/>
      <c r="H3" s="521"/>
      <c r="I3" s="521"/>
      <c r="J3" s="521"/>
      <c r="K3" s="521"/>
      <c r="L3" s="521"/>
      <c r="M3" s="521"/>
      <c r="N3" s="521"/>
      <c r="O3" s="521"/>
      <c r="P3" s="521"/>
      <c r="Q3" s="521"/>
      <c r="R3" s="521"/>
      <c r="S3" s="521"/>
      <c r="T3" s="521"/>
      <c r="U3" s="521"/>
      <c r="V3" s="521"/>
      <c r="W3" s="521"/>
      <c r="X3" s="521"/>
      <c r="Y3" s="521"/>
      <c r="Z3" s="521"/>
      <c r="AA3" s="521"/>
      <c r="AB3" s="521"/>
      <c r="AC3" s="521"/>
      <c r="AD3" s="521"/>
      <c r="AE3" s="521"/>
      <c r="AF3" s="521"/>
      <c r="AG3" s="521"/>
      <c r="AH3" s="521"/>
      <c r="AI3" s="521"/>
      <c r="AJ3" s="521"/>
      <c r="AK3" s="521"/>
      <c r="AL3" s="521"/>
      <c r="AM3" s="521"/>
      <c r="AN3" s="521"/>
      <c r="AO3" s="521"/>
      <c r="AP3" s="521"/>
      <c r="AQ3" s="521"/>
      <c r="AR3" s="521"/>
      <c r="AS3" s="521"/>
      <c r="AT3" s="521"/>
      <c r="AU3" s="521"/>
      <c r="AV3" s="521"/>
      <c r="AW3" s="521"/>
      <c r="AX3" s="521"/>
      <c r="AY3" s="521"/>
      <c r="AZ3" s="521"/>
      <c r="BA3" s="521"/>
      <c r="BB3" s="521"/>
      <c r="BC3" s="521"/>
      <c r="BD3" s="521"/>
      <c r="BE3" s="521"/>
      <c r="BF3" s="521"/>
      <c r="BG3" s="521"/>
      <c r="BH3" s="521"/>
      <c r="BI3" s="521"/>
      <c r="BJ3" s="521"/>
      <c r="BK3" s="521"/>
      <c r="BL3" s="521"/>
      <c r="BM3" s="521"/>
      <c r="BN3" s="521"/>
      <c r="BO3" s="521"/>
      <c r="BP3" s="521"/>
      <c r="BQ3" s="521"/>
      <c r="BR3" s="521"/>
      <c r="BS3" s="521"/>
      <c r="BT3" s="521"/>
      <c r="BU3" s="521"/>
      <c r="BV3" s="521"/>
      <c r="BW3" s="521"/>
      <c r="BX3" s="521"/>
      <c r="BY3" s="521"/>
      <c r="BZ3" s="521"/>
      <c r="CA3" s="521"/>
      <c r="CB3" s="521"/>
      <c r="CC3" s="521"/>
      <c r="CD3" s="521"/>
      <c r="CE3" s="521"/>
      <c r="CF3" s="521"/>
      <c r="CG3" s="521"/>
      <c r="CH3" s="521"/>
      <c r="CI3" s="521"/>
      <c r="CJ3" s="521"/>
      <c r="CK3" s="521"/>
      <c r="CL3" s="521"/>
      <c r="CM3" s="521"/>
      <c r="CN3" s="521"/>
      <c r="CO3" s="521"/>
      <c r="CP3" s="521"/>
      <c r="CQ3" s="521"/>
      <c r="CR3" s="521"/>
      <c r="CS3" s="521"/>
      <c r="CT3" s="521"/>
      <c r="CU3" s="521"/>
      <c r="CV3" s="521"/>
      <c r="CW3" s="522"/>
      <c r="CX3" s="521" t="s">
        <v>103</v>
      </c>
      <c r="CY3" s="521"/>
      <c r="CZ3" s="521"/>
      <c r="DA3" s="521"/>
      <c r="DB3" s="521"/>
      <c r="DC3" s="521"/>
      <c r="DD3" s="521"/>
      <c r="DE3" s="521"/>
      <c r="DF3" s="521"/>
      <c r="DG3" s="521"/>
      <c r="DH3" s="521"/>
      <c r="DI3" s="521"/>
      <c r="DJ3" s="521"/>
      <c r="DK3" s="521"/>
      <c r="DL3" s="521"/>
      <c r="DM3" s="521"/>
      <c r="DN3" s="521"/>
      <c r="DO3" s="521"/>
      <c r="DP3" s="521"/>
      <c r="DQ3" s="521"/>
      <c r="DR3" s="521"/>
      <c r="DS3" s="521"/>
      <c r="DT3" s="521"/>
      <c r="DU3" s="521"/>
      <c r="DV3" s="521"/>
      <c r="DW3" s="521"/>
      <c r="DX3" s="521"/>
      <c r="DY3" s="521"/>
      <c r="DZ3" s="521"/>
      <c r="EA3" s="521"/>
      <c r="EB3" s="521"/>
      <c r="EC3" s="521"/>
      <c r="ED3" s="521"/>
      <c r="EE3" s="521"/>
      <c r="EF3" s="521"/>
      <c r="EG3" s="521"/>
      <c r="EH3" s="521"/>
      <c r="EI3" s="521"/>
      <c r="EJ3" s="521"/>
      <c r="EK3" s="521"/>
      <c r="EL3" s="521"/>
      <c r="EM3" s="521"/>
      <c r="EN3" s="521"/>
      <c r="EO3" s="521"/>
      <c r="EP3" s="521"/>
      <c r="EQ3" s="521"/>
      <c r="ER3" s="521"/>
      <c r="ES3" s="521"/>
      <c r="ET3" s="521"/>
      <c r="EU3" s="521"/>
      <c r="EV3" s="521"/>
      <c r="EW3" s="521"/>
      <c r="EX3" s="521"/>
      <c r="EY3" s="521"/>
      <c r="EZ3" s="521"/>
      <c r="FA3" s="521"/>
      <c r="FB3" s="521"/>
      <c r="FC3" s="521"/>
      <c r="FD3" s="521"/>
      <c r="FE3" s="521"/>
      <c r="FF3" s="521"/>
      <c r="FG3" s="521"/>
      <c r="FH3" s="521"/>
      <c r="FI3" s="521"/>
      <c r="FJ3" s="521"/>
      <c r="FK3" s="521"/>
      <c r="FL3" s="521"/>
      <c r="FM3" s="521"/>
      <c r="FN3" s="521"/>
      <c r="FO3" s="521"/>
      <c r="FP3" s="521"/>
      <c r="FQ3" s="521"/>
      <c r="FR3" s="521"/>
      <c r="FS3" s="521"/>
      <c r="FT3" s="521"/>
      <c r="FU3" s="521"/>
      <c r="FV3" s="521"/>
      <c r="FW3" s="521"/>
      <c r="FX3" s="521"/>
      <c r="FY3" s="521"/>
      <c r="FZ3" s="521"/>
      <c r="GA3" s="521"/>
      <c r="GB3" s="521"/>
      <c r="GC3" s="521"/>
      <c r="GD3" s="521"/>
      <c r="GE3" s="521"/>
      <c r="GF3" s="521"/>
      <c r="GG3" s="521"/>
      <c r="GH3" s="521"/>
      <c r="GI3" s="521"/>
      <c r="GJ3" s="521"/>
      <c r="GK3" s="521"/>
      <c r="GL3" s="521"/>
      <c r="GM3" s="521"/>
      <c r="GN3" s="521"/>
      <c r="GO3" s="521"/>
      <c r="GP3" s="521"/>
      <c r="GQ3" s="521"/>
      <c r="GR3" s="522"/>
      <c r="GS3" s="521" t="s">
        <v>104</v>
      </c>
      <c r="GT3" s="521"/>
      <c r="GU3" s="521"/>
      <c r="GV3" s="521"/>
      <c r="GW3" s="521"/>
      <c r="GX3" s="521"/>
      <c r="GY3" s="521"/>
      <c r="GZ3" s="521"/>
      <c r="HA3" s="521"/>
      <c r="HB3" s="521"/>
      <c r="HC3" s="521"/>
      <c r="HD3" s="521"/>
      <c r="HE3" s="521"/>
      <c r="HF3" s="521"/>
      <c r="HG3" s="521"/>
      <c r="HH3" s="521"/>
      <c r="HI3" s="521"/>
      <c r="HJ3" s="521"/>
      <c r="HK3" s="521"/>
      <c r="HL3" s="521"/>
      <c r="HM3" s="521"/>
      <c r="HN3" s="521"/>
      <c r="HO3" s="521"/>
      <c r="HP3" s="521"/>
      <c r="HQ3" s="521"/>
      <c r="HR3" s="521"/>
      <c r="HS3" s="521"/>
      <c r="HT3" s="521"/>
      <c r="HU3" s="521"/>
      <c r="HV3" s="521"/>
      <c r="HW3" s="521"/>
      <c r="HX3" s="521"/>
      <c r="HY3" s="521"/>
      <c r="HZ3" s="521"/>
      <c r="IA3" s="521"/>
      <c r="IB3" s="521"/>
      <c r="IC3" s="521"/>
      <c r="ID3" s="521"/>
      <c r="IE3" s="521"/>
      <c r="IF3" s="521"/>
      <c r="IG3" s="521"/>
      <c r="IH3" s="521"/>
      <c r="II3" s="521"/>
      <c r="IJ3" s="521"/>
      <c r="IK3" s="521"/>
      <c r="IL3" s="521"/>
      <c r="IM3" s="521"/>
      <c r="IN3" s="521"/>
      <c r="IO3" s="521"/>
      <c r="IP3" s="521"/>
      <c r="IQ3" s="521"/>
      <c r="IR3" s="521"/>
      <c r="IS3" s="521"/>
      <c r="IT3" s="521"/>
      <c r="IU3" s="521"/>
      <c r="IV3" s="521"/>
      <c r="IW3" s="521"/>
      <c r="IX3" s="521"/>
      <c r="IY3" s="521"/>
      <c r="IZ3" s="521"/>
      <c r="JA3" s="521"/>
      <c r="JB3" s="521"/>
      <c r="JC3" s="521"/>
      <c r="JD3" s="521"/>
      <c r="JE3" s="521"/>
      <c r="JF3" s="521"/>
      <c r="JG3" s="521"/>
      <c r="JH3" s="521"/>
      <c r="JI3" s="521"/>
      <c r="JJ3" s="521"/>
      <c r="JK3" s="521"/>
      <c r="JL3" s="521"/>
      <c r="JM3" s="521"/>
      <c r="JN3" s="521"/>
      <c r="JO3" s="521"/>
      <c r="JP3" s="521"/>
      <c r="JQ3" s="521"/>
      <c r="JR3" s="521"/>
      <c r="JS3" s="521"/>
      <c r="JT3" s="521"/>
      <c r="JU3" s="521"/>
      <c r="JV3" s="521"/>
      <c r="JW3" s="521"/>
      <c r="JX3" s="521"/>
      <c r="JY3" s="521"/>
      <c r="JZ3" s="521"/>
      <c r="KA3" s="521"/>
      <c r="KB3" s="521"/>
      <c r="KC3" s="521"/>
      <c r="KD3" s="521"/>
      <c r="KE3" s="521"/>
      <c r="KF3" s="521"/>
      <c r="KG3" s="521"/>
      <c r="KH3" s="521"/>
      <c r="KI3" s="521"/>
      <c r="KJ3" s="521"/>
      <c r="KK3" s="521"/>
      <c r="KL3" s="521"/>
      <c r="KM3" s="522"/>
    </row>
    <row r="4" spans="2:299" ht="27.75" customHeight="1" thickBot="1" x14ac:dyDescent="0.25">
      <c r="B4" s="527"/>
      <c r="C4" s="523" t="s">
        <v>39</v>
      </c>
      <c r="D4" s="524"/>
      <c r="E4" s="524"/>
      <c r="F4" s="524"/>
      <c r="G4" s="524"/>
      <c r="H4" s="524"/>
      <c r="I4" s="524"/>
      <c r="J4" s="524"/>
      <c r="K4" s="524"/>
      <c r="L4" s="524"/>
      <c r="M4" s="524"/>
      <c r="N4" s="524"/>
      <c r="O4" s="524"/>
      <c r="P4" s="524"/>
      <c r="Q4" s="524"/>
      <c r="R4" s="524"/>
      <c r="S4" s="524"/>
      <c r="T4" s="524"/>
      <c r="U4" s="524"/>
      <c r="V4" s="524"/>
      <c r="W4" s="524"/>
      <c r="X4" s="524"/>
      <c r="Y4" s="524"/>
      <c r="Z4" s="524"/>
      <c r="AA4" s="524"/>
      <c r="AB4" s="524"/>
      <c r="AC4" s="524"/>
      <c r="AD4" s="524"/>
      <c r="AE4" s="524"/>
      <c r="AF4" s="524"/>
      <c r="AG4" s="524"/>
      <c r="AH4" s="524"/>
      <c r="AI4" s="524"/>
      <c r="AJ4" s="524"/>
      <c r="AK4" s="524"/>
      <c r="AL4" s="524"/>
      <c r="AM4" s="524"/>
      <c r="AN4" s="524"/>
      <c r="AO4" s="524"/>
      <c r="AP4" s="524"/>
      <c r="AQ4" s="524"/>
      <c r="AR4" s="524"/>
      <c r="AS4" s="524"/>
      <c r="AT4" s="524"/>
      <c r="AU4" s="524"/>
      <c r="AV4" s="524"/>
      <c r="AW4" s="524"/>
      <c r="AX4" s="524"/>
      <c r="AY4" s="524"/>
      <c r="AZ4" s="524"/>
      <c r="BA4" s="524"/>
      <c r="BB4" s="524"/>
      <c r="BC4" s="524"/>
      <c r="BD4" s="524"/>
      <c r="BE4" s="524"/>
      <c r="BF4" s="524"/>
      <c r="BG4" s="524"/>
      <c r="BH4" s="524"/>
      <c r="BI4" s="524"/>
      <c r="BJ4" s="524"/>
      <c r="BK4" s="524"/>
      <c r="BL4" s="524"/>
      <c r="BM4" s="524"/>
      <c r="BN4" s="524"/>
      <c r="BO4" s="524"/>
      <c r="BP4" s="524"/>
      <c r="BQ4" s="524"/>
      <c r="BR4" s="524"/>
      <c r="BS4" s="524"/>
      <c r="BT4" s="524"/>
      <c r="BU4" s="524"/>
      <c r="BV4" s="524"/>
      <c r="BW4" s="524"/>
      <c r="BX4" s="524"/>
      <c r="BY4" s="524"/>
      <c r="BZ4" s="524"/>
      <c r="CA4" s="525"/>
      <c r="CB4" s="509" t="s">
        <v>40</v>
      </c>
      <c r="CC4" s="510"/>
      <c r="CD4" s="510"/>
      <c r="CE4" s="510"/>
      <c r="CF4" s="510"/>
      <c r="CG4" s="510"/>
      <c r="CH4" s="510"/>
      <c r="CI4" s="510"/>
      <c r="CJ4" s="510"/>
      <c r="CK4" s="510"/>
      <c r="CL4" s="511"/>
      <c r="CM4" s="509" t="s">
        <v>41</v>
      </c>
      <c r="CN4" s="510"/>
      <c r="CO4" s="510"/>
      <c r="CP4" s="510"/>
      <c r="CQ4" s="510"/>
      <c r="CR4" s="510"/>
      <c r="CS4" s="510"/>
      <c r="CT4" s="510"/>
      <c r="CU4" s="510"/>
      <c r="CV4" s="510"/>
      <c r="CW4" s="511"/>
      <c r="CX4" s="523" t="s">
        <v>39</v>
      </c>
      <c r="CY4" s="524"/>
      <c r="CZ4" s="524"/>
      <c r="DA4" s="524"/>
      <c r="DB4" s="524"/>
      <c r="DC4" s="524"/>
      <c r="DD4" s="524"/>
      <c r="DE4" s="524"/>
      <c r="DF4" s="524"/>
      <c r="DG4" s="524"/>
      <c r="DH4" s="524"/>
      <c r="DI4" s="524"/>
      <c r="DJ4" s="524"/>
      <c r="DK4" s="524"/>
      <c r="DL4" s="524"/>
      <c r="DM4" s="524"/>
      <c r="DN4" s="524"/>
      <c r="DO4" s="524"/>
      <c r="DP4" s="524"/>
      <c r="DQ4" s="524"/>
      <c r="DR4" s="524"/>
      <c r="DS4" s="524"/>
      <c r="DT4" s="524"/>
      <c r="DU4" s="524"/>
      <c r="DV4" s="524"/>
      <c r="DW4" s="524"/>
      <c r="DX4" s="524"/>
      <c r="DY4" s="524"/>
      <c r="DZ4" s="524"/>
      <c r="EA4" s="524"/>
      <c r="EB4" s="524"/>
      <c r="EC4" s="524"/>
      <c r="ED4" s="524"/>
      <c r="EE4" s="524"/>
      <c r="EF4" s="524"/>
      <c r="EG4" s="524"/>
      <c r="EH4" s="524"/>
      <c r="EI4" s="524"/>
      <c r="EJ4" s="524"/>
      <c r="EK4" s="524"/>
      <c r="EL4" s="524"/>
      <c r="EM4" s="524"/>
      <c r="EN4" s="524"/>
      <c r="EO4" s="524"/>
      <c r="EP4" s="524"/>
      <c r="EQ4" s="524"/>
      <c r="ER4" s="524"/>
      <c r="ES4" s="524"/>
      <c r="ET4" s="524"/>
      <c r="EU4" s="524"/>
      <c r="EV4" s="524"/>
      <c r="EW4" s="524"/>
      <c r="EX4" s="524"/>
      <c r="EY4" s="524"/>
      <c r="EZ4" s="524"/>
      <c r="FA4" s="524"/>
      <c r="FB4" s="524"/>
      <c r="FC4" s="524"/>
      <c r="FD4" s="524"/>
      <c r="FE4" s="524"/>
      <c r="FF4" s="524"/>
      <c r="FG4" s="524"/>
      <c r="FH4" s="524"/>
      <c r="FI4" s="524"/>
      <c r="FJ4" s="524"/>
      <c r="FK4" s="524"/>
      <c r="FL4" s="524"/>
      <c r="FM4" s="524"/>
      <c r="FN4" s="524"/>
      <c r="FO4" s="524"/>
      <c r="FP4" s="524"/>
      <c r="FQ4" s="524"/>
      <c r="FR4" s="524"/>
      <c r="FS4" s="524"/>
      <c r="FT4" s="524"/>
      <c r="FU4" s="524"/>
      <c r="FV4" s="525"/>
      <c r="FW4" s="509" t="s">
        <v>40</v>
      </c>
      <c r="FX4" s="510"/>
      <c r="FY4" s="510"/>
      <c r="FZ4" s="510"/>
      <c r="GA4" s="510"/>
      <c r="GB4" s="510"/>
      <c r="GC4" s="510"/>
      <c r="GD4" s="510"/>
      <c r="GE4" s="510"/>
      <c r="GF4" s="510"/>
      <c r="GG4" s="511"/>
      <c r="GH4" s="509" t="s">
        <v>41</v>
      </c>
      <c r="GI4" s="510"/>
      <c r="GJ4" s="510"/>
      <c r="GK4" s="510"/>
      <c r="GL4" s="510"/>
      <c r="GM4" s="510"/>
      <c r="GN4" s="510"/>
      <c r="GO4" s="510"/>
      <c r="GP4" s="510"/>
      <c r="GQ4" s="510"/>
      <c r="GR4" s="511"/>
      <c r="GS4" s="523" t="s">
        <v>39</v>
      </c>
      <c r="GT4" s="524"/>
      <c r="GU4" s="524"/>
      <c r="GV4" s="524"/>
      <c r="GW4" s="524"/>
      <c r="GX4" s="524"/>
      <c r="GY4" s="524"/>
      <c r="GZ4" s="524"/>
      <c r="HA4" s="524"/>
      <c r="HB4" s="524"/>
      <c r="HC4" s="524"/>
      <c r="HD4" s="524"/>
      <c r="HE4" s="524"/>
      <c r="HF4" s="524"/>
      <c r="HG4" s="524"/>
      <c r="HH4" s="524"/>
      <c r="HI4" s="524"/>
      <c r="HJ4" s="524"/>
      <c r="HK4" s="524"/>
      <c r="HL4" s="524"/>
      <c r="HM4" s="524"/>
      <c r="HN4" s="524"/>
      <c r="HO4" s="524"/>
      <c r="HP4" s="524"/>
      <c r="HQ4" s="524"/>
      <c r="HR4" s="524"/>
      <c r="HS4" s="524"/>
      <c r="HT4" s="524"/>
      <c r="HU4" s="524"/>
      <c r="HV4" s="524"/>
      <c r="HW4" s="524"/>
      <c r="HX4" s="524"/>
      <c r="HY4" s="524"/>
      <c r="HZ4" s="524"/>
      <c r="IA4" s="524"/>
      <c r="IB4" s="524"/>
      <c r="IC4" s="524"/>
      <c r="ID4" s="524"/>
      <c r="IE4" s="524"/>
      <c r="IF4" s="524"/>
      <c r="IG4" s="524"/>
      <c r="IH4" s="524"/>
      <c r="II4" s="524"/>
      <c r="IJ4" s="524"/>
      <c r="IK4" s="524"/>
      <c r="IL4" s="524"/>
      <c r="IM4" s="524"/>
      <c r="IN4" s="524"/>
      <c r="IO4" s="524"/>
      <c r="IP4" s="524"/>
      <c r="IQ4" s="524"/>
      <c r="IR4" s="524"/>
      <c r="IS4" s="524"/>
      <c r="IT4" s="524"/>
      <c r="IU4" s="524"/>
      <c r="IV4" s="524"/>
      <c r="IW4" s="524"/>
      <c r="IX4" s="524"/>
      <c r="IY4" s="524"/>
      <c r="IZ4" s="524"/>
      <c r="JA4" s="524"/>
      <c r="JB4" s="524"/>
      <c r="JC4" s="524"/>
      <c r="JD4" s="524"/>
      <c r="JE4" s="524"/>
      <c r="JF4" s="524"/>
      <c r="JG4" s="524"/>
      <c r="JH4" s="524"/>
      <c r="JI4" s="524"/>
      <c r="JJ4" s="524"/>
      <c r="JK4" s="524"/>
      <c r="JL4" s="524"/>
      <c r="JM4" s="524"/>
      <c r="JN4" s="524"/>
      <c r="JO4" s="524"/>
      <c r="JP4" s="524"/>
      <c r="JQ4" s="525"/>
      <c r="JR4" s="509" t="s">
        <v>40</v>
      </c>
      <c r="JS4" s="510"/>
      <c r="JT4" s="510"/>
      <c r="JU4" s="510"/>
      <c r="JV4" s="510"/>
      <c r="JW4" s="510"/>
      <c r="JX4" s="510"/>
      <c r="JY4" s="510"/>
      <c r="JZ4" s="510"/>
      <c r="KA4" s="510"/>
      <c r="KB4" s="511"/>
      <c r="KC4" s="509" t="s">
        <v>41</v>
      </c>
      <c r="KD4" s="510"/>
      <c r="KE4" s="510"/>
      <c r="KF4" s="510"/>
      <c r="KG4" s="510"/>
      <c r="KH4" s="510"/>
      <c r="KI4" s="510"/>
      <c r="KJ4" s="510"/>
      <c r="KK4" s="510"/>
      <c r="KL4" s="510"/>
      <c r="KM4" s="511"/>
    </row>
    <row r="5" spans="2:299" ht="27.75" customHeight="1" thickBot="1" x14ac:dyDescent="0.25">
      <c r="B5" s="515"/>
      <c r="C5" s="515"/>
      <c r="D5" s="516"/>
      <c r="E5" s="516"/>
      <c r="F5" s="516"/>
      <c r="G5" s="516"/>
      <c r="H5" s="516"/>
      <c r="I5" s="516"/>
      <c r="J5" s="516"/>
      <c r="K5" s="516"/>
      <c r="L5" s="516"/>
      <c r="M5" s="517"/>
      <c r="N5" s="518" t="s">
        <v>97</v>
      </c>
      <c r="O5" s="519"/>
      <c r="P5" s="519"/>
      <c r="Q5" s="519"/>
      <c r="R5" s="519"/>
      <c r="S5" s="519"/>
      <c r="T5" s="519"/>
      <c r="U5" s="519"/>
      <c r="V5" s="519"/>
      <c r="W5" s="519"/>
      <c r="X5" s="520"/>
      <c r="Y5" s="518" t="s">
        <v>98</v>
      </c>
      <c r="Z5" s="519"/>
      <c r="AA5" s="519"/>
      <c r="AB5" s="519"/>
      <c r="AC5" s="519"/>
      <c r="AD5" s="519"/>
      <c r="AE5" s="519"/>
      <c r="AF5" s="519"/>
      <c r="AG5" s="519"/>
      <c r="AH5" s="519"/>
      <c r="AI5" s="520"/>
      <c r="AJ5" s="518" t="s">
        <v>99</v>
      </c>
      <c r="AK5" s="519"/>
      <c r="AL5" s="519"/>
      <c r="AM5" s="519"/>
      <c r="AN5" s="519"/>
      <c r="AO5" s="519"/>
      <c r="AP5" s="519"/>
      <c r="AQ5" s="519"/>
      <c r="AR5" s="519"/>
      <c r="AS5" s="519"/>
      <c r="AT5" s="520"/>
      <c r="AU5" s="518" t="s">
        <v>100</v>
      </c>
      <c r="AV5" s="519"/>
      <c r="AW5" s="519"/>
      <c r="AX5" s="519"/>
      <c r="AY5" s="519"/>
      <c r="AZ5" s="519"/>
      <c r="BA5" s="519"/>
      <c r="BB5" s="519"/>
      <c r="BC5" s="519"/>
      <c r="BD5" s="519"/>
      <c r="BE5" s="520"/>
      <c r="BF5" s="518" t="s">
        <v>101</v>
      </c>
      <c r="BG5" s="519"/>
      <c r="BH5" s="519"/>
      <c r="BI5" s="519"/>
      <c r="BJ5" s="519"/>
      <c r="BK5" s="519"/>
      <c r="BL5" s="519"/>
      <c r="BM5" s="519"/>
      <c r="BN5" s="519"/>
      <c r="BO5" s="519"/>
      <c r="BP5" s="520"/>
      <c r="BQ5" s="518" t="s">
        <v>102</v>
      </c>
      <c r="BR5" s="519"/>
      <c r="BS5" s="519"/>
      <c r="BT5" s="519"/>
      <c r="BU5" s="519"/>
      <c r="BV5" s="519"/>
      <c r="BW5" s="519"/>
      <c r="BX5" s="519"/>
      <c r="BY5" s="519"/>
      <c r="BZ5" s="519"/>
      <c r="CA5" s="520"/>
      <c r="CB5" s="512"/>
      <c r="CC5" s="513"/>
      <c r="CD5" s="513"/>
      <c r="CE5" s="513"/>
      <c r="CF5" s="513"/>
      <c r="CG5" s="513"/>
      <c r="CH5" s="513"/>
      <c r="CI5" s="513"/>
      <c r="CJ5" s="513"/>
      <c r="CK5" s="513"/>
      <c r="CL5" s="514"/>
      <c r="CM5" s="512"/>
      <c r="CN5" s="513"/>
      <c r="CO5" s="513"/>
      <c r="CP5" s="513"/>
      <c r="CQ5" s="513"/>
      <c r="CR5" s="513"/>
      <c r="CS5" s="513"/>
      <c r="CT5" s="513"/>
      <c r="CU5" s="513"/>
      <c r="CV5" s="513"/>
      <c r="CW5" s="514"/>
      <c r="CX5" s="515"/>
      <c r="CY5" s="516"/>
      <c r="CZ5" s="516"/>
      <c r="DA5" s="516"/>
      <c r="DB5" s="516"/>
      <c r="DC5" s="516"/>
      <c r="DD5" s="516"/>
      <c r="DE5" s="516"/>
      <c r="DF5" s="516"/>
      <c r="DG5" s="516"/>
      <c r="DH5" s="517"/>
      <c r="DI5" s="518" t="s">
        <v>97</v>
      </c>
      <c r="DJ5" s="519"/>
      <c r="DK5" s="519"/>
      <c r="DL5" s="519"/>
      <c r="DM5" s="519"/>
      <c r="DN5" s="519"/>
      <c r="DO5" s="519"/>
      <c r="DP5" s="519"/>
      <c r="DQ5" s="519"/>
      <c r="DR5" s="519"/>
      <c r="DS5" s="520"/>
      <c r="DT5" s="518" t="s">
        <v>98</v>
      </c>
      <c r="DU5" s="519"/>
      <c r="DV5" s="519"/>
      <c r="DW5" s="519"/>
      <c r="DX5" s="519"/>
      <c r="DY5" s="519"/>
      <c r="DZ5" s="519"/>
      <c r="EA5" s="519"/>
      <c r="EB5" s="519"/>
      <c r="EC5" s="519"/>
      <c r="ED5" s="520"/>
      <c r="EE5" s="518" t="s">
        <v>99</v>
      </c>
      <c r="EF5" s="519"/>
      <c r="EG5" s="519"/>
      <c r="EH5" s="519"/>
      <c r="EI5" s="519"/>
      <c r="EJ5" s="519"/>
      <c r="EK5" s="519"/>
      <c r="EL5" s="519"/>
      <c r="EM5" s="519"/>
      <c r="EN5" s="519"/>
      <c r="EO5" s="520"/>
      <c r="EP5" s="518" t="s">
        <v>100</v>
      </c>
      <c r="EQ5" s="519"/>
      <c r="ER5" s="519"/>
      <c r="ES5" s="519"/>
      <c r="ET5" s="519"/>
      <c r="EU5" s="519"/>
      <c r="EV5" s="519"/>
      <c r="EW5" s="519"/>
      <c r="EX5" s="519"/>
      <c r="EY5" s="519"/>
      <c r="EZ5" s="520"/>
      <c r="FA5" s="518" t="s">
        <v>101</v>
      </c>
      <c r="FB5" s="519"/>
      <c r="FC5" s="519"/>
      <c r="FD5" s="519"/>
      <c r="FE5" s="519"/>
      <c r="FF5" s="519"/>
      <c r="FG5" s="519"/>
      <c r="FH5" s="519"/>
      <c r="FI5" s="519"/>
      <c r="FJ5" s="519"/>
      <c r="FK5" s="520"/>
      <c r="FL5" s="518" t="s">
        <v>102</v>
      </c>
      <c r="FM5" s="519"/>
      <c r="FN5" s="519"/>
      <c r="FO5" s="519"/>
      <c r="FP5" s="519"/>
      <c r="FQ5" s="519"/>
      <c r="FR5" s="519"/>
      <c r="FS5" s="519"/>
      <c r="FT5" s="519"/>
      <c r="FU5" s="519"/>
      <c r="FV5" s="520"/>
      <c r="FW5" s="512"/>
      <c r="FX5" s="513"/>
      <c r="FY5" s="513"/>
      <c r="FZ5" s="513"/>
      <c r="GA5" s="513"/>
      <c r="GB5" s="513"/>
      <c r="GC5" s="513"/>
      <c r="GD5" s="513"/>
      <c r="GE5" s="513"/>
      <c r="GF5" s="513"/>
      <c r="GG5" s="514"/>
      <c r="GH5" s="512"/>
      <c r="GI5" s="513"/>
      <c r="GJ5" s="513"/>
      <c r="GK5" s="513"/>
      <c r="GL5" s="513"/>
      <c r="GM5" s="513"/>
      <c r="GN5" s="513"/>
      <c r="GO5" s="513"/>
      <c r="GP5" s="513"/>
      <c r="GQ5" s="513"/>
      <c r="GR5" s="514"/>
      <c r="GS5" s="515"/>
      <c r="GT5" s="516"/>
      <c r="GU5" s="516"/>
      <c r="GV5" s="516"/>
      <c r="GW5" s="516"/>
      <c r="GX5" s="516"/>
      <c r="GY5" s="516"/>
      <c r="GZ5" s="516"/>
      <c r="HA5" s="516"/>
      <c r="HB5" s="516"/>
      <c r="HC5" s="517"/>
      <c r="HD5" s="518" t="s">
        <v>97</v>
      </c>
      <c r="HE5" s="519"/>
      <c r="HF5" s="519"/>
      <c r="HG5" s="519"/>
      <c r="HH5" s="519"/>
      <c r="HI5" s="519"/>
      <c r="HJ5" s="519"/>
      <c r="HK5" s="519"/>
      <c r="HL5" s="519"/>
      <c r="HM5" s="519"/>
      <c r="HN5" s="520"/>
      <c r="HO5" s="518" t="s">
        <v>98</v>
      </c>
      <c r="HP5" s="519"/>
      <c r="HQ5" s="519"/>
      <c r="HR5" s="519"/>
      <c r="HS5" s="519"/>
      <c r="HT5" s="519"/>
      <c r="HU5" s="519"/>
      <c r="HV5" s="519"/>
      <c r="HW5" s="519"/>
      <c r="HX5" s="519"/>
      <c r="HY5" s="520"/>
      <c r="HZ5" s="518" t="s">
        <v>99</v>
      </c>
      <c r="IA5" s="519"/>
      <c r="IB5" s="519"/>
      <c r="IC5" s="519"/>
      <c r="ID5" s="519"/>
      <c r="IE5" s="519"/>
      <c r="IF5" s="519"/>
      <c r="IG5" s="519"/>
      <c r="IH5" s="519"/>
      <c r="II5" s="519"/>
      <c r="IJ5" s="520"/>
      <c r="IK5" s="518" t="s">
        <v>100</v>
      </c>
      <c r="IL5" s="519"/>
      <c r="IM5" s="519"/>
      <c r="IN5" s="519"/>
      <c r="IO5" s="519"/>
      <c r="IP5" s="519"/>
      <c r="IQ5" s="519"/>
      <c r="IR5" s="519"/>
      <c r="IS5" s="519"/>
      <c r="IT5" s="519"/>
      <c r="IU5" s="520"/>
      <c r="IV5" s="518" t="s">
        <v>101</v>
      </c>
      <c r="IW5" s="519"/>
      <c r="IX5" s="519"/>
      <c r="IY5" s="519"/>
      <c r="IZ5" s="519"/>
      <c r="JA5" s="519"/>
      <c r="JB5" s="519"/>
      <c r="JC5" s="519"/>
      <c r="JD5" s="519"/>
      <c r="JE5" s="519"/>
      <c r="JF5" s="520"/>
      <c r="JG5" s="518" t="s">
        <v>102</v>
      </c>
      <c r="JH5" s="519"/>
      <c r="JI5" s="519"/>
      <c r="JJ5" s="519"/>
      <c r="JK5" s="519"/>
      <c r="JL5" s="519"/>
      <c r="JM5" s="519"/>
      <c r="JN5" s="519"/>
      <c r="JO5" s="519"/>
      <c r="JP5" s="519"/>
      <c r="JQ5" s="520"/>
      <c r="JR5" s="512"/>
      <c r="JS5" s="513"/>
      <c r="JT5" s="513"/>
      <c r="JU5" s="513"/>
      <c r="JV5" s="513"/>
      <c r="JW5" s="513"/>
      <c r="JX5" s="513"/>
      <c r="JY5" s="513"/>
      <c r="JZ5" s="513"/>
      <c r="KA5" s="513"/>
      <c r="KB5" s="514"/>
      <c r="KC5" s="512"/>
      <c r="KD5" s="513"/>
      <c r="KE5" s="513"/>
      <c r="KF5" s="513"/>
      <c r="KG5" s="513"/>
      <c r="KH5" s="513"/>
      <c r="KI5" s="513"/>
      <c r="KJ5" s="513"/>
      <c r="KK5" s="513"/>
      <c r="KL5" s="513"/>
      <c r="KM5" s="514"/>
    </row>
    <row r="6" spans="2:299" ht="44.25" customHeight="1" thickBot="1" x14ac:dyDescent="0.25">
      <c r="B6" s="353" t="s">
        <v>42</v>
      </c>
      <c r="C6" s="51" t="s">
        <v>43</v>
      </c>
      <c r="D6" s="47" t="s">
        <v>44</v>
      </c>
      <c r="E6" s="48" t="s">
        <v>45</v>
      </c>
      <c r="F6" s="52" t="s">
        <v>46</v>
      </c>
      <c r="G6" s="47" t="s">
        <v>47</v>
      </c>
      <c r="H6" s="47" t="s">
        <v>48</v>
      </c>
      <c r="I6" s="47" t="s">
        <v>49</v>
      </c>
      <c r="J6" s="47" t="s">
        <v>50</v>
      </c>
      <c r="K6" s="47" t="s">
        <v>51</v>
      </c>
      <c r="L6" s="48" t="s">
        <v>45</v>
      </c>
      <c r="M6" s="351"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351"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351"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19.5" customHeight="1" x14ac:dyDescent="0.2">
      <c r="B7" s="352" t="s">
        <v>4</v>
      </c>
      <c r="C7" s="314">
        <v>3264</v>
      </c>
      <c r="D7" s="78">
        <v>2995</v>
      </c>
      <c r="E7" s="79">
        <v>6259</v>
      </c>
      <c r="F7" s="240"/>
      <c r="G7" s="78">
        <v>4231</v>
      </c>
      <c r="H7" s="78">
        <v>3739</v>
      </c>
      <c r="I7" s="78">
        <v>2400</v>
      </c>
      <c r="J7" s="78">
        <v>2018</v>
      </c>
      <c r="K7" s="78">
        <v>1321</v>
      </c>
      <c r="L7" s="80">
        <v>13709</v>
      </c>
      <c r="M7" s="81">
        <v>19968</v>
      </c>
      <c r="N7" s="66">
        <v>105</v>
      </c>
      <c r="O7" s="67">
        <v>114</v>
      </c>
      <c r="P7" s="68">
        <v>219</v>
      </c>
      <c r="Q7" s="243"/>
      <c r="R7" s="67">
        <v>102</v>
      </c>
      <c r="S7" s="67">
        <v>126</v>
      </c>
      <c r="T7" s="67">
        <v>71</v>
      </c>
      <c r="U7" s="67">
        <v>76</v>
      </c>
      <c r="V7" s="67">
        <v>68</v>
      </c>
      <c r="W7" s="68">
        <v>443</v>
      </c>
      <c r="X7" s="69">
        <v>662</v>
      </c>
      <c r="Y7" s="66">
        <v>232</v>
      </c>
      <c r="Z7" s="67">
        <v>253</v>
      </c>
      <c r="AA7" s="68">
        <v>485</v>
      </c>
      <c r="AB7" s="243"/>
      <c r="AC7" s="67">
        <v>289</v>
      </c>
      <c r="AD7" s="67">
        <v>288</v>
      </c>
      <c r="AE7" s="67">
        <v>205</v>
      </c>
      <c r="AF7" s="67">
        <v>165</v>
      </c>
      <c r="AG7" s="67">
        <v>145</v>
      </c>
      <c r="AH7" s="68">
        <v>1092</v>
      </c>
      <c r="AI7" s="69">
        <v>1577</v>
      </c>
      <c r="AJ7" s="66">
        <v>361</v>
      </c>
      <c r="AK7" s="67">
        <v>365</v>
      </c>
      <c r="AL7" s="68">
        <v>726</v>
      </c>
      <c r="AM7" s="243"/>
      <c r="AN7" s="67">
        <v>473</v>
      </c>
      <c r="AO7" s="67">
        <v>419</v>
      </c>
      <c r="AP7" s="67">
        <v>276</v>
      </c>
      <c r="AQ7" s="67">
        <v>244</v>
      </c>
      <c r="AR7" s="67">
        <v>195</v>
      </c>
      <c r="AS7" s="68">
        <v>1607</v>
      </c>
      <c r="AT7" s="69">
        <v>2333</v>
      </c>
      <c r="AU7" s="66">
        <v>740</v>
      </c>
      <c r="AV7" s="67">
        <v>690</v>
      </c>
      <c r="AW7" s="68">
        <v>1430</v>
      </c>
      <c r="AX7" s="243"/>
      <c r="AY7" s="67">
        <v>978</v>
      </c>
      <c r="AZ7" s="67">
        <v>796</v>
      </c>
      <c r="BA7" s="67">
        <v>509</v>
      </c>
      <c r="BB7" s="67">
        <v>382</v>
      </c>
      <c r="BC7" s="67">
        <v>263</v>
      </c>
      <c r="BD7" s="68">
        <v>2928</v>
      </c>
      <c r="BE7" s="69">
        <v>4358</v>
      </c>
      <c r="BF7" s="66">
        <v>1024</v>
      </c>
      <c r="BG7" s="67">
        <v>865</v>
      </c>
      <c r="BH7" s="68">
        <v>1889</v>
      </c>
      <c r="BI7" s="243"/>
      <c r="BJ7" s="67">
        <v>1222</v>
      </c>
      <c r="BK7" s="67">
        <v>993</v>
      </c>
      <c r="BL7" s="67">
        <v>641</v>
      </c>
      <c r="BM7" s="67">
        <v>543</v>
      </c>
      <c r="BN7" s="67">
        <v>312</v>
      </c>
      <c r="BO7" s="68">
        <v>3711</v>
      </c>
      <c r="BP7" s="69">
        <v>5600</v>
      </c>
      <c r="BQ7" s="66">
        <v>802</v>
      </c>
      <c r="BR7" s="67">
        <v>708</v>
      </c>
      <c r="BS7" s="68">
        <v>1510</v>
      </c>
      <c r="BT7" s="243"/>
      <c r="BU7" s="67">
        <v>1167</v>
      </c>
      <c r="BV7" s="67">
        <v>1117</v>
      </c>
      <c r="BW7" s="67">
        <v>698</v>
      </c>
      <c r="BX7" s="67">
        <v>608</v>
      </c>
      <c r="BY7" s="67">
        <v>338</v>
      </c>
      <c r="BZ7" s="68">
        <v>3928</v>
      </c>
      <c r="CA7" s="69">
        <v>5438</v>
      </c>
      <c r="CB7" s="66">
        <v>0</v>
      </c>
      <c r="CC7" s="67">
        <v>0</v>
      </c>
      <c r="CD7" s="68">
        <v>0</v>
      </c>
      <c r="CE7" s="243"/>
      <c r="CF7" s="67">
        <v>0</v>
      </c>
      <c r="CG7" s="67">
        <v>0</v>
      </c>
      <c r="CH7" s="67">
        <v>0</v>
      </c>
      <c r="CI7" s="67">
        <v>0</v>
      </c>
      <c r="CJ7" s="67">
        <v>0</v>
      </c>
      <c r="CK7" s="68">
        <v>0</v>
      </c>
      <c r="CL7" s="69">
        <v>0</v>
      </c>
      <c r="CM7" s="66">
        <v>3264</v>
      </c>
      <c r="CN7" s="67">
        <v>2995</v>
      </c>
      <c r="CO7" s="68">
        <v>6259</v>
      </c>
      <c r="CP7" s="243"/>
      <c r="CQ7" s="67">
        <v>4231</v>
      </c>
      <c r="CR7" s="67">
        <v>3739</v>
      </c>
      <c r="CS7" s="67">
        <v>2400</v>
      </c>
      <c r="CT7" s="67">
        <v>2018</v>
      </c>
      <c r="CU7" s="67">
        <v>1321</v>
      </c>
      <c r="CV7" s="68">
        <v>13709</v>
      </c>
      <c r="CW7" s="69">
        <v>19968</v>
      </c>
      <c r="CX7" s="122">
        <v>1207</v>
      </c>
      <c r="CY7" s="78">
        <v>1335</v>
      </c>
      <c r="CZ7" s="79">
        <v>2542</v>
      </c>
      <c r="DA7" s="240"/>
      <c r="DB7" s="78">
        <v>1751</v>
      </c>
      <c r="DC7" s="78">
        <v>1626</v>
      </c>
      <c r="DD7" s="78">
        <v>1086</v>
      </c>
      <c r="DE7" s="78">
        <v>1133</v>
      </c>
      <c r="DF7" s="78">
        <v>759</v>
      </c>
      <c r="DG7" s="80">
        <v>6355</v>
      </c>
      <c r="DH7" s="81">
        <v>8897</v>
      </c>
      <c r="DI7" s="66">
        <v>37</v>
      </c>
      <c r="DJ7" s="67">
        <v>32</v>
      </c>
      <c r="DK7" s="68">
        <v>69</v>
      </c>
      <c r="DL7" s="243"/>
      <c r="DM7" s="67">
        <v>26</v>
      </c>
      <c r="DN7" s="67">
        <v>32</v>
      </c>
      <c r="DO7" s="67">
        <v>25</v>
      </c>
      <c r="DP7" s="67">
        <v>14</v>
      </c>
      <c r="DQ7" s="67">
        <v>14</v>
      </c>
      <c r="DR7" s="68">
        <v>111</v>
      </c>
      <c r="DS7" s="69">
        <v>180</v>
      </c>
      <c r="DT7" s="66">
        <v>89</v>
      </c>
      <c r="DU7" s="67">
        <v>88</v>
      </c>
      <c r="DV7" s="68">
        <v>177</v>
      </c>
      <c r="DW7" s="243"/>
      <c r="DX7" s="67">
        <v>93</v>
      </c>
      <c r="DY7" s="67">
        <v>91</v>
      </c>
      <c r="DZ7" s="67">
        <v>49</v>
      </c>
      <c r="EA7" s="67">
        <v>51</v>
      </c>
      <c r="EB7" s="67">
        <v>23</v>
      </c>
      <c r="EC7" s="68">
        <v>307</v>
      </c>
      <c r="ED7" s="69">
        <v>484</v>
      </c>
      <c r="EE7" s="66">
        <v>191</v>
      </c>
      <c r="EF7" s="67">
        <v>187</v>
      </c>
      <c r="EG7" s="68">
        <v>378</v>
      </c>
      <c r="EH7" s="243"/>
      <c r="EI7" s="67">
        <v>194</v>
      </c>
      <c r="EJ7" s="67">
        <v>159</v>
      </c>
      <c r="EK7" s="67">
        <v>105</v>
      </c>
      <c r="EL7" s="67">
        <v>79</v>
      </c>
      <c r="EM7" s="67">
        <v>65</v>
      </c>
      <c r="EN7" s="68">
        <v>602</v>
      </c>
      <c r="EO7" s="69">
        <v>980</v>
      </c>
      <c r="EP7" s="66">
        <v>332</v>
      </c>
      <c r="EQ7" s="67">
        <v>318</v>
      </c>
      <c r="ER7" s="68">
        <v>650</v>
      </c>
      <c r="ES7" s="243"/>
      <c r="ET7" s="67">
        <v>369</v>
      </c>
      <c r="EU7" s="67">
        <v>290</v>
      </c>
      <c r="EV7" s="67">
        <v>143</v>
      </c>
      <c r="EW7" s="67">
        <v>141</v>
      </c>
      <c r="EX7" s="67">
        <v>100</v>
      </c>
      <c r="EY7" s="68">
        <v>1043</v>
      </c>
      <c r="EZ7" s="69">
        <v>1693</v>
      </c>
      <c r="FA7" s="66">
        <v>327</v>
      </c>
      <c r="FB7" s="67">
        <v>404</v>
      </c>
      <c r="FC7" s="68">
        <v>731</v>
      </c>
      <c r="FD7" s="243"/>
      <c r="FE7" s="67">
        <v>521</v>
      </c>
      <c r="FF7" s="67">
        <v>477</v>
      </c>
      <c r="FG7" s="67">
        <v>294</v>
      </c>
      <c r="FH7" s="67">
        <v>281</v>
      </c>
      <c r="FI7" s="67">
        <v>179</v>
      </c>
      <c r="FJ7" s="68">
        <v>1752</v>
      </c>
      <c r="FK7" s="69">
        <v>2483</v>
      </c>
      <c r="FL7" s="66">
        <v>231</v>
      </c>
      <c r="FM7" s="67">
        <v>306</v>
      </c>
      <c r="FN7" s="68">
        <v>537</v>
      </c>
      <c r="FO7" s="243"/>
      <c r="FP7" s="67">
        <v>548</v>
      </c>
      <c r="FQ7" s="67">
        <v>577</v>
      </c>
      <c r="FR7" s="67">
        <v>470</v>
      </c>
      <c r="FS7" s="67">
        <v>567</v>
      </c>
      <c r="FT7" s="67">
        <v>378</v>
      </c>
      <c r="FU7" s="68">
        <v>2540</v>
      </c>
      <c r="FV7" s="69">
        <v>3077</v>
      </c>
      <c r="FW7" s="66">
        <v>0</v>
      </c>
      <c r="FX7" s="67">
        <v>0</v>
      </c>
      <c r="FY7" s="68">
        <v>0</v>
      </c>
      <c r="FZ7" s="243"/>
      <c r="GA7" s="67">
        <v>0</v>
      </c>
      <c r="GB7" s="67">
        <v>0</v>
      </c>
      <c r="GC7" s="67">
        <v>0</v>
      </c>
      <c r="GD7" s="67">
        <v>0</v>
      </c>
      <c r="GE7" s="67">
        <v>0</v>
      </c>
      <c r="GF7" s="68">
        <v>0</v>
      </c>
      <c r="GG7" s="69">
        <v>0</v>
      </c>
      <c r="GH7" s="66">
        <v>1207</v>
      </c>
      <c r="GI7" s="67">
        <v>1335</v>
      </c>
      <c r="GJ7" s="68">
        <v>2542</v>
      </c>
      <c r="GK7" s="243"/>
      <c r="GL7" s="67">
        <v>1751</v>
      </c>
      <c r="GM7" s="67">
        <v>1626</v>
      </c>
      <c r="GN7" s="67">
        <v>1086</v>
      </c>
      <c r="GO7" s="67">
        <v>1133</v>
      </c>
      <c r="GP7" s="67">
        <v>759</v>
      </c>
      <c r="GQ7" s="68">
        <v>6355</v>
      </c>
      <c r="GR7" s="69">
        <v>8897</v>
      </c>
      <c r="GS7" s="122">
        <v>4471</v>
      </c>
      <c r="GT7" s="78">
        <v>4330</v>
      </c>
      <c r="GU7" s="79">
        <v>8801</v>
      </c>
      <c r="GV7" s="240"/>
      <c r="GW7" s="78">
        <v>5982</v>
      </c>
      <c r="GX7" s="78">
        <v>5365</v>
      </c>
      <c r="GY7" s="78">
        <v>3486</v>
      </c>
      <c r="GZ7" s="78">
        <v>3151</v>
      </c>
      <c r="HA7" s="78">
        <v>2080</v>
      </c>
      <c r="HB7" s="80">
        <v>20064</v>
      </c>
      <c r="HC7" s="81">
        <v>28865</v>
      </c>
      <c r="HD7" s="66">
        <v>142</v>
      </c>
      <c r="HE7" s="67">
        <v>146</v>
      </c>
      <c r="HF7" s="68">
        <v>288</v>
      </c>
      <c r="HG7" s="243"/>
      <c r="HH7" s="67">
        <v>128</v>
      </c>
      <c r="HI7" s="67">
        <v>158</v>
      </c>
      <c r="HJ7" s="67">
        <v>96</v>
      </c>
      <c r="HK7" s="67">
        <v>90</v>
      </c>
      <c r="HL7" s="67">
        <v>82</v>
      </c>
      <c r="HM7" s="68">
        <v>554</v>
      </c>
      <c r="HN7" s="69">
        <v>842</v>
      </c>
      <c r="HO7" s="66">
        <v>321</v>
      </c>
      <c r="HP7" s="67">
        <v>341</v>
      </c>
      <c r="HQ7" s="68">
        <v>662</v>
      </c>
      <c r="HR7" s="243"/>
      <c r="HS7" s="67">
        <v>382</v>
      </c>
      <c r="HT7" s="67">
        <v>379</v>
      </c>
      <c r="HU7" s="67">
        <v>254</v>
      </c>
      <c r="HV7" s="67">
        <v>216</v>
      </c>
      <c r="HW7" s="67">
        <v>168</v>
      </c>
      <c r="HX7" s="68">
        <v>1399</v>
      </c>
      <c r="HY7" s="69">
        <v>2061</v>
      </c>
      <c r="HZ7" s="66">
        <v>552</v>
      </c>
      <c r="IA7" s="67">
        <v>552</v>
      </c>
      <c r="IB7" s="68">
        <v>1104</v>
      </c>
      <c r="IC7" s="243"/>
      <c r="ID7" s="67">
        <v>667</v>
      </c>
      <c r="IE7" s="67">
        <v>578</v>
      </c>
      <c r="IF7" s="67">
        <v>381</v>
      </c>
      <c r="IG7" s="67">
        <v>323</v>
      </c>
      <c r="IH7" s="67">
        <v>260</v>
      </c>
      <c r="II7" s="68">
        <v>2209</v>
      </c>
      <c r="IJ7" s="69">
        <v>3313</v>
      </c>
      <c r="IK7" s="66">
        <v>1072</v>
      </c>
      <c r="IL7" s="67">
        <v>1008</v>
      </c>
      <c r="IM7" s="68">
        <v>2080</v>
      </c>
      <c r="IN7" s="243"/>
      <c r="IO7" s="67">
        <v>1347</v>
      </c>
      <c r="IP7" s="67">
        <v>1086</v>
      </c>
      <c r="IQ7" s="67">
        <v>652</v>
      </c>
      <c r="IR7" s="67">
        <v>523</v>
      </c>
      <c r="IS7" s="67">
        <v>363</v>
      </c>
      <c r="IT7" s="68">
        <v>3971</v>
      </c>
      <c r="IU7" s="69">
        <v>6051</v>
      </c>
      <c r="IV7" s="66">
        <v>1351</v>
      </c>
      <c r="IW7" s="67">
        <v>1269</v>
      </c>
      <c r="IX7" s="68">
        <v>2620</v>
      </c>
      <c r="IY7" s="243"/>
      <c r="IZ7" s="67">
        <v>1743</v>
      </c>
      <c r="JA7" s="67">
        <v>1470</v>
      </c>
      <c r="JB7" s="67">
        <v>935</v>
      </c>
      <c r="JC7" s="67">
        <v>824</v>
      </c>
      <c r="JD7" s="67">
        <v>491</v>
      </c>
      <c r="JE7" s="68">
        <v>5463</v>
      </c>
      <c r="JF7" s="69">
        <v>8083</v>
      </c>
      <c r="JG7" s="66">
        <v>1033</v>
      </c>
      <c r="JH7" s="67">
        <v>1014</v>
      </c>
      <c r="JI7" s="68">
        <v>2047</v>
      </c>
      <c r="JJ7" s="243"/>
      <c r="JK7" s="67">
        <v>1715</v>
      </c>
      <c r="JL7" s="67">
        <v>1694</v>
      </c>
      <c r="JM7" s="67">
        <v>1168</v>
      </c>
      <c r="JN7" s="67">
        <v>1175</v>
      </c>
      <c r="JO7" s="67">
        <v>716</v>
      </c>
      <c r="JP7" s="68">
        <v>6468</v>
      </c>
      <c r="JQ7" s="69">
        <v>8515</v>
      </c>
      <c r="JR7" s="66">
        <v>0</v>
      </c>
      <c r="JS7" s="67">
        <v>0</v>
      </c>
      <c r="JT7" s="68">
        <v>0</v>
      </c>
      <c r="JU7" s="243"/>
      <c r="JV7" s="67">
        <v>0</v>
      </c>
      <c r="JW7" s="67">
        <v>0</v>
      </c>
      <c r="JX7" s="67">
        <v>0</v>
      </c>
      <c r="JY7" s="67">
        <v>0</v>
      </c>
      <c r="JZ7" s="67">
        <v>0</v>
      </c>
      <c r="KA7" s="68">
        <v>0</v>
      </c>
      <c r="KB7" s="69">
        <v>0</v>
      </c>
      <c r="KC7" s="66">
        <v>4471</v>
      </c>
      <c r="KD7" s="67">
        <v>4330</v>
      </c>
      <c r="KE7" s="68">
        <v>8801</v>
      </c>
      <c r="KF7" s="243"/>
      <c r="KG7" s="67">
        <v>5982</v>
      </c>
      <c r="KH7" s="67">
        <v>5365</v>
      </c>
      <c r="KI7" s="67">
        <v>3486</v>
      </c>
      <c r="KJ7" s="67">
        <v>3151</v>
      </c>
      <c r="KK7" s="67">
        <v>2080</v>
      </c>
      <c r="KL7" s="68">
        <v>20064</v>
      </c>
      <c r="KM7" s="69">
        <v>28865</v>
      </c>
    </row>
    <row r="8" spans="2:299" ht="19.5" customHeight="1" x14ac:dyDescent="0.2">
      <c r="B8" s="126" t="s">
        <v>5</v>
      </c>
      <c r="C8" s="315">
        <v>1431</v>
      </c>
      <c r="D8" s="82">
        <v>1555</v>
      </c>
      <c r="E8" s="83">
        <v>2986</v>
      </c>
      <c r="F8" s="241"/>
      <c r="G8" s="82">
        <v>1566</v>
      </c>
      <c r="H8" s="82">
        <v>1848</v>
      </c>
      <c r="I8" s="82">
        <v>1098</v>
      </c>
      <c r="J8" s="82">
        <v>887</v>
      </c>
      <c r="K8" s="82">
        <v>567</v>
      </c>
      <c r="L8" s="84">
        <v>5966</v>
      </c>
      <c r="M8" s="85">
        <v>8952</v>
      </c>
      <c r="N8" s="70">
        <v>44</v>
      </c>
      <c r="O8" s="71">
        <v>53</v>
      </c>
      <c r="P8" s="72">
        <v>97</v>
      </c>
      <c r="Q8" s="244"/>
      <c r="R8" s="71">
        <v>31</v>
      </c>
      <c r="S8" s="71">
        <v>60</v>
      </c>
      <c r="T8" s="71">
        <v>32</v>
      </c>
      <c r="U8" s="71">
        <v>29</v>
      </c>
      <c r="V8" s="71">
        <v>27</v>
      </c>
      <c r="W8" s="72">
        <v>179</v>
      </c>
      <c r="X8" s="73">
        <v>276</v>
      </c>
      <c r="Y8" s="70">
        <v>84</v>
      </c>
      <c r="Z8" s="71">
        <v>129</v>
      </c>
      <c r="AA8" s="72">
        <v>213</v>
      </c>
      <c r="AB8" s="244"/>
      <c r="AC8" s="71">
        <v>80</v>
      </c>
      <c r="AD8" s="71">
        <v>114</v>
      </c>
      <c r="AE8" s="71">
        <v>91</v>
      </c>
      <c r="AF8" s="71">
        <v>82</v>
      </c>
      <c r="AG8" s="71">
        <v>62</v>
      </c>
      <c r="AH8" s="72">
        <v>429</v>
      </c>
      <c r="AI8" s="73">
        <v>642</v>
      </c>
      <c r="AJ8" s="70">
        <v>151</v>
      </c>
      <c r="AK8" s="71">
        <v>190</v>
      </c>
      <c r="AL8" s="72">
        <v>341</v>
      </c>
      <c r="AM8" s="244"/>
      <c r="AN8" s="71">
        <v>169</v>
      </c>
      <c r="AO8" s="71">
        <v>177</v>
      </c>
      <c r="AP8" s="71">
        <v>113</v>
      </c>
      <c r="AQ8" s="71">
        <v>98</v>
      </c>
      <c r="AR8" s="71">
        <v>79</v>
      </c>
      <c r="AS8" s="72">
        <v>636</v>
      </c>
      <c r="AT8" s="73">
        <v>977</v>
      </c>
      <c r="AU8" s="70">
        <v>345</v>
      </c>
      <c r="AV8" s="71">
        <v>364</v>
      </c>
      <c r="AW8" s="72">
        <v>709</v>
      </c>
      <c r="AX8" s="244"/>
      <c r="AY8" s="71">
        <v>340</v>
      </c>
      <c r="AZ8" s="71">
        <v>393</v>
      </c>
      <c r="BA8" s="71">
        <v>227</v>
      </c>
      <c r="BB8" s="71">
        <v>175</v>
      </c>
      <c r="BC8" s="71">
        <v>112</v>
      </c>
      <c r="BD8" s="72">
        <v>1247</v>
      </c>
      <c r="BE8" s="73">
        <v>1956</v>
      </c>
      <c r="BF8" s="70">
        <v>452</v>
      </c>
      <c r="BG8" s="71">
        <v>455</v>
      </c>
      <c r="BH8" s="72">
        <v>907</v>
      </c>
      <c r="BI8" s="244"/>
      <c r="BJ8" s="71">
        <v>483</v>
      </c>
      <c r="BK8" s="71">
        <v>510</v>
      </c>
      <c r="BL8" s="71">
        <v>297</v>
      </c>
      <c r="BM8" s="71">
        <v>228</v>
      </c>
      <c r="BN8" s="71">
        <v>132</v>
      </c>
      <c r="BO8" s="72">
        <v>1650</v>
      </c>
      <c r="BP8" s="73">
        <v>2557</v>
      </c>
      <c r="BQ8" s="70">
        <v>355</v>
      </c>
      <c r="BR8" s="71">
        <v>364</v>
      </c>
      <c r="BS8" s="72">
        <v>719</v>
      </c>
      <c r="BT8" s="244"/>
      <c r="BU8" s="71">
        <v>463</v>
      </c>
      <c r="BV8" s="71">
        <v>594</v>
      </c>
      <c r="BW8" s="71">
        <v>338</v>
      </c>
      <c r="BX8" s="71">
        <v>275</v>
      </c>
      <c r="BY8" s="71">
        <v>155</v>
      </c>
      <c r="BZ8" s="72">
        <v>1825</v>
      </c>
      <c r="CA8" s="73">
        <v>2544</v>
      </c>
      <c r="CB8" s="70">
        <v>0</v>
      </c>
      <c r="CC8" s="71">
        <v>0</v>
      </c>
      <c r="CD8" s="72">
        <v>0</v>
      </c>
      <c r="CE8" s="244"/>
      <c r="CF8" s="71">
        <v>0</v>
      </c>
      <c r="CG8" s="71">
        <v>0</v>
      </c>
      <c r="CH8" s="71">
        <v>0</v>
      </c>
      <c r="CI8" s="71">
        <v>0</v>
      </c>
      <c r="CJ8" s="71">
        <v>0</v>
      </c>
      <c r="CK8" s="72">
        <v>0</v>
      </c>
      <c r="CL8" s="73">
        <v>0</v>
      </c>
      <c r="CM8" s="70">
        <v>1431</v>
      </c>
      <c r="CN8" s="71">
        <v>1555</v>
      </c>
      <c r="CO8" s="72">
        <v>2986</v>
      </c>
      <c r="CP8" s="244"/>
      <c r="CQ8" s="71">
        <v>1566</v>
      </c>
      <c r="CR8" s="71">
        <v>1848</v>
      </c>
      <c r="CS8" s="71">
        <v>1098</v>
      </c>
      <c r="CT8" s="71">
        <v>887</v>
      </c>
      <c r="CU8" s="71">
        <v>567</v>
      </c>
      <c r="CV8" s="72">
        <v>5966</v>
      </c>
      <c r="CW8" s="73">
        <v>8952</v>
      </c>
      <c r="CX8" s="123">
        <v>479</v>
      </c>
      <c r="CY8" s="82">
        <v>629</v>
      </c>
      <c r="CZ8" s="83">
        <v>1108</v>
      </c>
      <c r="DA8" s="241"/>
      <c r="DB8" s="82">
        <v>626</v>
      </c>
      <c r="DC8" s="82">
        <v>820</v>
      </c>
      <c r="DD8" s="82">
        <v>451</v>
      </c>
      <c r="DE8" s="82">
        <v>501</v>
      </c>
      <c r="DF8" s="82">
        <v>327</v>
      </c>
      <c r="DG8" s="84">
        <v>2725</v>
      </c>
      <c r="DH8" s="85">
        <v>3833</v>
      </c>
      <c r="DI8" s="70">
        <v>17</v>
      </c>
      <c r="DJ8" s="71">
        <v>13</v>
      </c>
      <c r="DK8" s="72">
        <v>30</v>
      </c>
      <c r="DL8" s="244"/>
      <c r="DM8" s="71">
        <v>9</v>
      </c>
      <c r="DN8" s="71">
        <v>20</v>
      </c>
      <c r="DO8" s="71">
        <v>9</v>
      </c>
      <c r="DP8" s="71">
        <v>7</v>
      </c>
      <c r="DQ8" s="71">
        <v>2</v>
      </c>
      <c r="DR8" s="72">
        <v>47</v>
      </c>
      <c r="DS8" s="73">
        <v>77</v>
      </c>
      <c r="DT8" s="70">
        <v>35</v>
      </c>
      <c r="DU8" s="71">
        <v>44</v>
      </c>
      <c r="DV8" s="72">
        <v>79</v>
      </c>
      <c r="DW8" s="244"/>
      <c r="DX8" s="71">
        <v>28</v>
      </c>
      <c r="DY8" s="71">
        <v>42</v>
      </c>
      <c r="DZ8" s="71">
        <v>17</v>
      </c>
      <c r="EA8" s="71">
        <v>26</v>
      </c>
      <c r="EB8" s="71">
        <v>11</v>
      </c>
      <c r="EC8" s="72">
        <v>124</v>
      </c>
      <c r="ED8" s="73">
        <v>203</v>
      </c>
      <c r="EE8" s="70">
        <v>71</v>
      </c>
      <c r="EF8" s="71">
        <v>92</v>
      </c>
      <c r="EG8" s="72">
        <v>163</v>
      </c>
      <c r="EH8" s="244"/>
      <c r="EI8" s="71">
        <v>65</v>
      </c>
      <c r="EJ8" s="71">
        <v>82</v>
      </c>
      <c r="EK8" s="71">
        <v>45</v>
      </c>
      <c r="EL8" s="71">
        <v>34</v>
      </c>
      <c r="EM8" s="71">
        <v>29</v>
      </c>
      <c r="EN8" s="72">
        <v>255</v>
      </c>
      <c r="EO8" s="73">
        <v>418</v>
      </c>
      <c r="EP8" s="70">
        <v>135</v>
      </c>
      <c r="EQ8" s="71">
        <v>145</v>
      </c>
      <c r="ER8" s="72">
        <v>280</v>
      </c>
      <c r="ES8" s="244"/>
      <c r="ET8" s="71">
        <v>135</v>
      </c>
      <c r="EU8" s="71">
        <v>142</v>
      </c>
      <c r="EV8" s="71">
        <v>65</v>
      </c>
      <c r="EW8" s="71">
        <v>68</v>
      </c>
      <c r="EX8" s="71">
        <v>34</v>
      </c>
      <c r="EY8" s="72">
        <v>444</v>
      </c>
      <c r="EZ8" s="73">
        <v>724</v>
      </c>
      <c r="FA8" s="70">
        <v>131</v>
      </c>
      <c r="FB8" s="71">
        <v>193</v>
      </c>
      <c r="FC8" s="72">
        <v>324</v>
      </c>
      <c r="FD8" s="244"/>
      <c r="FE8" s="71">
        <v>197</v>
      </c>
      <c r="FF8" s="71">
        <v>257</v>
      </c>
      <c r="FG8" s="71">
        <v>119</v>
      </c>
      <c r="FH8" s="71">
        <v>141</v>
      </c>
      <c r="FI8" s="71">
        <v>91</v>
      </c>
      <c r="FJ8" s="72">
        <v>805</v>
      </c>
      <c r="FK8" s="73">
        <v>1129</v>
      </c>
      <c r="FL8" s="70">
        <v>90</v>
      </c>
      <c r="FM8" s="71">
        <v>142</v>
      </c>
      <c r="FN8" s="72">
        <v>232</v>
      </c>
      <c r="FO8" s="244"/>
      <c r="FP8" s="71">
        <v>192</v>
      </c>
      <c r="FQ8" s="71">
        <v>277</v>
      </c>
      <c r="FR8" s="71">
        <v>196</v>
      </c>
      <c r="FS8" s="71">
        <v>225</v>
      </c>
      <c r="FT8" s="71">
        <v>160</v>
      </c>
      <c r="FU8" s="72">
        <v>1050</v>
      </c>
      <c r="FV8" s="73">
        <v>1282</v>
      </c>
      <c r="FW8" s="70">
        <v>0</v>
      </c>
      <c r="FX8" s="71">
        <v>0</v>
      </c>
      <c r="FY8" s="72">
        <v>0</v>
      </c>
      <c r="FZ8" s="244"/>
      <c r="GA8" s="71">
        <v>0</v>
      </c>
      <c r="GB8" s="71">
        <v>0</v>
      </c>
      <c r="GC8" s="71">
        <v>0</v>
      </c>
      <c r="GD8" s="71">
        <v>0</v>
      </c>
      <c r="GE8" s="71">
        <v>0</v>
      </c>
      <c r="GF8" s="72">
        <v>0</v>
      </c>
      <c r="GG8" s="73">
        <v>0</v>
      </c>
      <c r="GH8" s="70">
        <v>479</v>
      </c>
      <c r="GI8" s="71">
        <v>629</v>
      </c>
      <c r="GJ8" s="72">
        <v>1108</v>
      </c>
      <c r="GK8" s="244"/>
      <c r="GL8" s="71">
        <v>626</v>
      </c>
      <c r="GM8" s="71">
        <v>820</v>
      </c>
      <c r="GN8" s="71">
        <v>451</v>
      </c>
      <c r="GO8" s="71">
        <v>501</v>
      </c>
      <c r="GP8" s="71">
        <v>327</v>
      </c>
      <c r="GQ8" s="72">
        <v>2725</v>
      </c>
      <c r="GR8" s="73">
        <v>3833</v>
      </c>
      <c r="GS8" s="123">
        <v>1910</v>
      </c>
      <c r="GT8" s="82">
        <v>2184</v>
      </c>
      <c r="GU8" s="83">
        <v>4094</v>
      </c>
      <c r="GV8" s="241"/>
      <c r="GW8" s="82">
        <v>2192</v>
      </c>
      <c r="GX8" s="82">
        <v>2668</v>
      </c>
      <c r="GY8" s="82">
        <v>1549</v>
      </c>
      <c r="GZ8" s="82">
        <v>1388</v>
      </c>
      <c r="HA8" s="82">
        <v>894</v>
      </c>
      <c r="HB8" s="84">
        <v>8691</v>
      </c>
      <c r="HC8" s="85">
        <v>12785</v>
      </c>
      <c r="HD8" s="70">
        <v>61</v>
      </c>
      <c r="HE8" s="71">
        <v>66</v>
      </c>
      <c r="HF8" s="72">
        <v>127</v>
      </c>
      <c r="HG8" s="244"/>
      <c r="HH8" s="71">
        <v>40</v>
      </c>
      <c r="HI8" s="71">
        <v>80</v>
      </c>
      <c r="HJ8" s="71">
        <v>41</v>
      </c>
      <c r="HK8" s="71">
        <v>36</v>
      </c>
      <c r="HL8" s="71">
        <v>29</v>
      </c>
      <c r="HM8" s="72">
        <v>226</v>
      </c>
      <c r="HN8" s="73">
        <v>353</v>
      </c>
      <c r="HO8" s="70">
        <v>119</v>
      </c>
      <c r="HP8" s="71">
        <v>173</v>
      </c>
      <c r="HQ8" s="72">
        <v>292</v>
      </c>
      <c r="HR8" s="244"/>
      <c r="HS8" s="71">
        <v>108</v>
      </c>
      <c r="HT8" s="71">
        <v>156</v>
      </c>
      <c r="HU8" s="71">
        <v>108</v>
      </c>
      <c r="HV8" s="71">
        <v>108</v>
      </c>
      <c r="HW8" s="71">
        <v>73</v>
      </c>
      <c r="HX8" s="72">
        <v>553</v>
      </c>
      <c r="HY8" s="73">
        <v>845</v>
      </c>
      <c r="HZ8" s="70">
        <v>222</v>
      </c>
      <c r="IA8" s="71">
        <v>282</v>
      </c>
      <c r="IB8" s="72">
        <v>504</v>
      </c>
      <c r="IC8" s="244"/>
      <c r="ID8" s="71">
        <v>234</v>
      </c>
      <c r="IE8" s="71">
        <v>259</v>
      </c>
      <c r="IF8" s="71">
        <v>158</v>
      </c>
      <c r="IG8" s="71">
        <v>132</v>
      </c>
      <c r="IH8" s="71">
        <v>108</v>
      </c>
      <c r="II8" s="72">
        <v>891</v>
      </c>
      <c r="IJ8" s="73">
        <v>1395</v>
      </c>
      <c r="IK8" s="70">
        <v>480</v>
      </c>
      <c r="IL8" s="71">
        <v>509</v>
      </c>
      <c r="IM8" s="72">
        <v>989</v>
      </c>
      <c r="IN8" s="244"/>
      <c r="IO8" s="71">
        <v>475</v>
      </c>
      <c r="IP8" s="71">
        <v>535</v>
      </c>
      <c r="IQ8" s="71">
        <v>292</v>
      </c>
      <c r="IR8" s="71">
        <v>243</v>
      </c>
      <c r="IS8" s="71">
        <v>146</v>
      </c>
      <c r="IT8" s="72">
        <v>1691</v>
      </c>
      <c r="IU8" s="73">
        <v>2680</v>
      </c>
      <c r="IV8" s="70">
        <v>583</v>
      </c>
      <c r="IW8" s="71">
        <v>648</v>
      </c>
      <c r="IX8" s="72">
        <v>1231</v>
      </c>
      <c r="IY8" s="244"/>
      <c r="IZ8" s="71">
        <v>680</v>
      </c>
      <c r="JA8" s="71">
        <v>767</v>
      </c>
      <c r="JB8" s="71">
        <v>416</v>
      </c>
      <c r="JC8" s="71">
        <v>369</v>
      </c>
      <c r="JD8" s="71">
        <v>223</v>
      </c>
      <c r="JE8" s="72">
        <v>2455</v>
      </c>
      <c r="JF8" s="73">
        <v>3686</v>
      </c>
      <c r="JG8" s="70">
        <v>445</v>
      </c>
      <c r="JH8" s="71">
        <v>506</v>
      </c>
      <c r="JI8" s="72">
        <v>951</v>
      </c>
      <c r="JJ8" s="244"/>
      <c r="JK8" s="71">
        <v>655</v>
      </c>
      <c r="JL8" s="71">
        <v>871</v>
      </c>
      <c r="JM8" s="71">
        <v>534</v>
      </c>
      <c r="JN8" s="71">
        <v>500</v>
      </c>
      <c r="JO8" s="71">
        <v>315</v>
      </c>
      <c r="JP8" s="72">
        <v>2875</v>
      </c>
      <c r="JQ8" s="73">
        <v>3826</v>
      </c>
      <c r="JR8" s="70">
        <v>0</v>
      </c>
      <c r="JS8" s="71">
        <v>0</v>
      </c>
      <c r="JT8" s="72">
        <v>0</v>
      </c>
      <c r="JU8" s="244"/>
      <c r="JV8" s="71">
        <v>0</v>
      </c>
      <c r="JW8" s="71">
        <v>0</v>
      </c>
      <c r="JX8" s="71">
        <v>0</v>
      </c>
      <c r="JY8" s="71">
        <v>0</v>
      </c>
      <c r="JZ8" s="71">
        <v>0</v>
      </c>
      <c r="KA8" s="72">
        <v>0</v>
      </c>
      <c r="KB8" s="73">
        <v>0</v>
      </c>
      <c r="KC8" s="70">
        <v>1910</v>
      </c>
      <c r="KD8" s="71">
        <v>2184</v>
      </c>
      <c r="KE8" s="72">
        <v>4094</v>
      </c>
      <c r="KF8" s="244"/>
      <c r="KG8" s="71">
        <v>2192</v>
      </c>
      <c r="KH8" s="71">
        <v>2668</v>
      </c>
      <c r="KI8" s="71">
        <v>1549</v>
      </c>
      <c r="KJ8" s="71">
        <v>1388</v>
      </c>
      <c r="KK8" s="71">
        <v>894</v>
      </c>
      <c r="KL8" s="72">
        <v>8691</v>
      </c>
      <c r="KM8" s="73">
        <v>12785</v>
      </c>
    </row>
    <row r="9" spans="2:299" ht="19.5" customHeight="1" x14ac:dyDescent="0.2">
      <c r="B9" s="126" t="s">
        <v>6</v>
      </c>
      <c r="C9" s="315">
        <v>440</v>
      </c>
      <c r="D9" s="82">
        <v>365</v>
      </c>
      <c r="E9" s="83">
        <v>805</v>
      </c>
      <c r="F9" s="241"/>
      <c r="G9" s="82">
        <v>756</v>
      </c>
      <c r="H9" s="82">
        <v>497</v>
      </c>
      <c r="I9" s="82">
        <v>368</v>
      </c>
      <c r="J9" s="82">
        <v>336</v>
      </c>
      <c r="K9" s="82">
        <v>220</v>
      </c>
      <c r="L9" s="84">
        <v>2177</v>
      </c>
      <c r="M9" s="85">
        <v>2982</v>
      </c>
      <c r="N9" s="70">
        <v>12</v>
      </c>
      <c r="O9" s="71">
        <v>20</v>
      </c>
      <c r="P9" s="72">
        <v>32</v>
      </c>
      <c r="Q9" s="244"/>
      <c r="R9" s="71">
        <v>21</v>
      </c>
      <c r="S9" s="71">
        <v>16</v>
      </c>
      <c r="T9" s="71">
        <v>7</v>
      </c>
      <c r="U9" s="71">
        <v>15</v>
      </c>
      <c r="V9" s="71">
        <v>13</v>
      </c>
      <c r="W9" s="72">
        <v>72</v>
      </c>
      <c r="X9" s="73">
        <v>104</v>
      </c>
      <c r="Y9" s="70">
        <v>36</v>
      </c>
      <c r="Z9" s="71">
        <v>31</v>
      </c>
      <c r="AA9" s="72">
        <v>67</v>
      </c>
      <c r="AB9" s="244"/>
      <c r="AC9" s="71">
        <v>58</v>
      </c>
      <c r="AD9" s="71">
        <v>43</v>
      </c>
      <c r="AE9" s="71">
        <v>31</v>
      </c>
      <c r="AF9" s="71">
        <v>23</v>
      </c>
      <c r="AG9" s="71">
        <v>23</v>
      </c>
      <c r="AH9" s="72">
        <v>178</v>
      </c>
      <c r="AI9" s="73">
        <v>245</v>
      </c>
      <c r="AJ9" s="70">
        <v>49</v>
      </c>
      <c r="AK9" s="71">
        <v>48</v>
      </c>
      <c r="AL9" s="72">
        <v>97</v>
      </c>
      <c r="AM9" s="244"/>
      <c r="AN9" s="71">
        <v>86</v>
      </c>
      <c r="AO9" s="71">
        <v>60</v>
      </c>
      <c r="AP9" s="71">
        <v>53</v>
      </c>
      <c r="AQ9" s="71">
        <v>38</v>
      </c>
      <c r="AR9" s="71">
        <v>41</v>
      </c>
      <c r="AS9" s="72">
        <v>278</v>
      </c>
      <c r="AT9" s="73">
        <v>375</v>
      </c>
      <c r="AU9" s="70">
        <v>88</v>
      </c>
      <c r="AV9" s="71">
        <v>78</v>
      </c>
      <c r="AW9" s="72">
        <v>166</v>
      </c>
      <c r="AX9" s="244"/>
      <c r="AY9" s="71">
        <v>177</v>
      </c>
      <c r="AZ9" s="71">
        <v>92</v>
      </c>
      <c r="BA9" s="71">
        <v>74</v>
      </c>
      <c r="BB9" s="71">
        <v>64</v>
      </c>
      <c r="BC9" s="71">
        <v>32</v>
      </c>
      <c r="BD9" s="72">
        <v>439</v>
      </c>
      <c r="BE9" s="73">
        <v>605</v>
      </c>
      <c r="BF9" s="70">
        <v>141</v>
      </c>
      <c r="BG9" s="71">
        <v>104</v>
      </c>
      <c r="BH9" s="72">
        <v>245</v>
      </c>
      <c r="BI9" s="244"/>
      <c r="BJ9" s="71">
        <v>204</v>
      </c>
      <c r="BK9" s="71">
        <v>128</v>
      </c>
      <c r="BL9" s="71">
        <v>97</v>
      </c>
      <c r="BM9" s="71">
        <v>98</v>
      </c>
      <c r="BN9" s="71">
        <v>56</v>
      </c>
      <c r="BO9" s="72">
        <v>583</v>
      </c>
      <c r="BP9" s="73">
        <v>828</v>
      </c>
      <c r="BQ9" s="70">
        <v>114</v>
      </c>
      <c r="BR9" s="71">
        <v>84</v>
      </c>
      <c r="BS9" s="72">
        <v>198</v>
      </c>
      <c r="BT9" s="244"/>
      <c r="BU9" s="71">
        <v>210</v>
      </c>
      <c r="BV9" s="71">
        <v>158</v>
      </c>
      <c r="BW9" s="71">
        <v>106</v>
      </c>
      <c r="BX9" s="71">
        <v>98</v>
      </c>
      <c r="BY9" s="71">
        <v>55</v>
      </c>
      <c r="BZ9" s="72">
        <v>627</v>
      </c>
      <c r="CA9" s="73">
        <v>825</v>
      </c>
      <c r="CB9" s="70">
        <v>0</v>
      </c>
      <c r="CC9" s="71">
        <v>0</v>
      </c>
      <c r="CD9" s="72">
        <v>0</v>
      </c>
      <c r="CE9" s="244"/>
      <c r="CF9" s="71">
        <v>0</v>
      </c>
      <c r="CG9" s="71">
        <v>0</v>
      </c>
      <c r="CH9" s="71">
        <v>0</v>
      </c>
      <c r="CI9" s="71">
        <v>0</v>
      </c>
      <c r="CJ9" s="71">
        <v>0</v>
      </c>
      <c r="CK9" s="72">
        <v>0</v>
      </c>
      <c r="CL9" s="73">
        <v>0</v>
      </c>
      <c r="CM9" s="70">
        <v>440</v>
      </c>
      <c r="CN9" s="71">
        <v>365</v>
      </c>
      <c r="CO9" s="72">
        <v>805</v>
      </c>
      <c r="CP9" s="244"/>
      <c r="CQ9" s="71">
        <v>756</v>
      </c>
      <c r="CR9" s="71">
        <v>497</v>
      </c>
      <c r="CS9" s="71">
        <v>368</v>
      </c>
      <c r="CT9" s="71">
        <v>336</v>
      </c>
      <c r="CU9" s="71">
        <v>220</v>
      </c>
      <c r="CV9" s="72">
        <v>2177</v>
      </c>
      <c r="CW9" s="73">
        <v>2982</v>
      </c>
      <c r="CX9" s="123">
        <v>215</v>
      </c>
      <c r="CY9" s="82">
        <v>208</v>
      </c>
      <c r="CZ9" s="83">
        <v>423</v>
      </c>
      <c r="DA9" s="241"/>
      <c r="DB9" s="82">
        <v>396</v>
      </c>
      <c r="DC9" s="82">
        <v>255</v>
      </c>
      <c r="DD9" s="82">
        <v>206</v>
      </c>
      <c r="DE9" s="82">
        <v>196</v>
      </c>
      <c r="DF9" s="82">
        <v>135</v>
      </c>
      <c r="DG9" s="84">
        <v>1188</v>
      </c>
      <c r="DH9" s="85">
        <v>1611</v>
      </c>
      <c r="DI9" s="70">
        <v>3</v>
      </c>
      <c r="DJ9" s="71">
        <v>7</v>
      </c>
      <c r="DK9" s="72">
        <v>10</v>
      </c>
      <c r="DL9" s="244"/>
      <c r="DM9" s="71">
        <v>4</v>
      </c>
      <c r="DN9" s="71">
        <v>8</v>
      </c>
      <c r="DO9" s="71">
        <v>3</v>
      </c>
      <c r="DP9" s="71">
        <v>4</v>
      </c>
      <c r="DQ9" s="71">
        <v>2</v>
      </c>
      <c r="DR9" s="72">
        <v>21</v>
      </c>
      <c r="DS9" s="73">
        <v>31</v>
      </c>
      <c r="DT9" s="70">
        <v>8</v>
      </c>
      <c r="DU9" s="71">
        <v>11</v>
      </c>
      <c r="DV9" s="72">
        <v>19</v>
      </c>
      <c r="DW9" s="244"/>
      <c r="DX9" s="71">
        <v>25</v>
      </c>
      <c r="DY9" s="71">
        <v>15</v>
      </c>
      <c r="DZ9" s="71">
        <v>11</v>
      </c>
      <c r="EA9" s="71">
        <v>9</v>
      </c>
      <c r="EB9" s="71">
        <v>3</v>
      </c>
      <c r="EC9" s="72">
        <v>63</v>
      </c>
      <c r="ED9" s="73">
        <v>82</v>
      </c>
      <c r="EE9" s="70">
        <v>37</v>
      </c>
      <c r="EF9" s="71">
        <v>23</v>
      </c>
      <c r="EG9" s="72">
        <v>60</v>
      </c>
      <c r="EH9" s="244"/>
      <c r="EI9" s="71">
        <v>57</v>
      </c>
      <c r="EJ9" s="71">
        <v>24</v>
      </c>
      <c r="EK9" s="71">
        <v>17</v>
      </c>
      <c r="EL9" s="71">
        <v>17</v>
      </c>
      <c r="EM9" s="71">
        <v>14</v>
      </c>
      <c r="EN9" s="72">
        <v>129</v>
      </c>
      <c r="EO9" s="73">
        <v>189</v>
      </c>
      <c r="EP9" s="70">
        <v>54</v>
      </c>
      <c r="EQ9" s="71">
        <v>48</v>
      </c>
      <c r="ER9" s="72">
        <v>102</v>
      </c>
      <c r="ES9" s="244"/>
      <c r="ET9" s="71">
        <v>76</v>
      </c>
      <c r="EU9" s="71">
        <v>58</v>
      </c>
      <c r="EV9" s="71">
        <v>26</v>
      </c>
      <c r="EW9" s="71">
        <v>18</v>
      </c>
      <c r="EX9" s="71">
        <v>25</v>
      </c>
      <c r="EY9" s="72">
        <v>203</v>
      </c>
      <c r="EZ9" s="73">
        <v>305</v>
      </c>
      <c r="FA9" s="70">
        <v>70</v>
      </c>
      <c r="FB9" s="71">
        <v>68</v>
      </c>
      <c r="FC9" s="72">
        <v>138</v>
      </c>
      <c r="FD9" s="244"/>
      <c r="FE9" s="71">
        <v>113</v>
      </c>
      <c r="FF9" s="71">
        <v>68</v>
      </c>
      <c r="FG9" s="71">
        <v>61</v>
      </c>
      <c r="FH9" s="71">
        <v>41</v>
      </c>
      <c r="FI9" s="71">
        <v>27</v>
      </c>
      <c r="FJ9" s="72">
        <v>310</v>
      </c>
      <c r="FK9" s="73">
        <v>448</v>
      </c>
      <c r="FL9" s="70">
        <v>43</v>
      </c>
      <c r="FM9" s="71">
        <v>51</v>
      </c>
      <c r="FN9" s="72">
        <v>94</v>
      </c>
      <c r="FO9" s="244"/>
      <c r="FP9" s="71">
        <v>121</v>
      </c>
      <c r="FQ9" s="71">
        <v>82</v>
      </c>
      <c r="FR9" s="71">
        <v>88</v>
      </c>
      <c r="FS9" s="71">
        <v>107</v>
      </c>
      <c r="FT9" s="71">
        <v>64</v>
      </c>
      <c r="FU9" s="72">
        <v>462</v>
      </c>
      <c r="FV9" s="73">
        <v>556</v>
      </c>
      <c r="FW9" s="70">
        <v>0</v>
      </c>
      <c r="FX9" s="71">
        <v>0</v>
      </c>
      <c r="FY9" s="72">
        <v>0</v>
      </c>
      <c r="FZ9" s="244"/>
      <c r="GA9" s="71">
        <v>0</v>
      </c>
      <c r="GB9" s="71">
        <v>0</v>
      </c>
      <c r="GC9" s="71">
        <v>0</v>
      </c>
      <c r="GD9" s="71">
        <v>0</v>
      </c>
      <c r="GE9" s="71">
        <v>0</v>
      </c>
      <c r="GF9" s="72">
        <v>0</v>
      </c>
      <c r="GG9" s="73">
        <v>0</v>
      </c>
      <c r="GH9" s="70">
        <v>215</v>
      </c>
      <c r="GI9" s="71">
        <v>208</v>
      </c>
      <c r="GJ9" s="72">
        <v>423</v>
      </c>
      <c r="GK9" s="244"/>
      <c r="GL9" s="71">
        <v>396</v>
      </c>
      <c r="GM9" s="71">
        <v>255</v>
      </c>
      <c r="GN9" s="71">
        <v>206</v>
      </c>
      <c r="GO9" s="71">
        <v>196</v>
      </c>
      <c r="GP9" s="71">
        <v>135</v>
      </c>
      <c r="GQ9" s="72">
        <v>1188</v>
      </c>
      <c r="GR9" s="73">
        <v>1611</v>
      </c>
      <c r="GS9" s="123">
        <v>655</v>
      </c>
      <c r="GT9" s="82">
        <v>573</v>
      </c>
      <c r="GU9" s="83">
        <v>1228</v>
      </c>
      <c r="GV9" s="241"/>
      <c r="GW9" s="82">
        <v>1152</v>
      </c>
      <c r="GX9" s="82">
        <v>752</v>
      </c>
      <c r="GY9" s="82">
        <v>574</v>
      </c>
      <c r="GZ9" s="82">
        <v>532</v>
      </c>
      <c r="HA9" s="82">
        <v>355</v>
      </c>
      <c r="HB9" s="84">
        <v>3365</v>
      </c>
      <c r="HC9" s="85">
        <v>4593</v>
      </c>
      <c r="HD9" s="70">
        <v>15</v>
      </c>
      <c r="HE9" s="71">
        <v>27</v>
      </c>
      <c r="HF9" s="72">
        <v>42</v>
      </c>
      <c r="HG9" s="244"/>
      <c r="HH9" s="71">
        <v>25</v>
      </c>
      <c r="HI9" s="71">
        <v>24</v>
      </c>
      <c r="HJ9" s="71">
        <v>10</v>
      </c>
      <c r="HK9" s="71">
        <v>19</v>
      </c>
      <c r="HL9" s="71">
        <v>15</v>
      </c>
      <c r="HM9" s="72">
        <v>93</v>
      </c>
      <c r="HN9" s="73">
        <v>135</v>
      </c>
      <c r="HO9" s="70">
        <v>44</v>
      </c>
      <c r="HP9" s="71">
        <v>42</v>
      </c>
      <c r="HQ9" s="72">
        <v>86</v>
      </c>
      <c r="HR9" s="244"/>
      <c r="HS9" s="71">
        <v>83</v>
      </c>
      <c r="HT9" s="71">
        <v>58</v>
      </c>
      <c r="HU9" s="71">
        <v>42</v>
      </c>
      <c r="HV9" s="71">
        <v>32</v>
      </c>
      <c r="HW9" s="71">
        <v>26</v>
      </c>
      <c r="HX9" s="72">
        <v>241</v>
      </c>
      <c r="HY9" s="73">
        <v>327</v>
      </c>
      <c r="HZ9" s="70">
        <v>86</v>
      </c>
      <c r="IA9" s="71">
        <v>71</v>
      </c>
      <c r="IB9" s="72">
        <v>157</v>
      </c>
      <c r="IC9" s="244"/>
      <c r="ID9" s="71">
        <v>143</v>
      </c>
      <c r="IE9" s="71">
        <v>84</v>
      </c>
      <c r="IF9" s="71">
        <v>70</v>
      </c>
      <c r="IG9" s="71">
        <v>55</v>
      </c>
      <c r="IH9" s="71">
        <v>55</v>
      </c>
      <c r="II9" s="72">
        <v>407</v>
      </c>
      <c r="IJ9" s="73">
        <v>564</v>
      </c>
      <c r="IK9" s="70">
        <v>142</v>
      </c>
      <c r="IL9" s="71">
        <v>126</v>
      </c>
      <c r="IM9" s="72">
        <v>268</v>
      </c>
      <c r="IN9" s="244"/>
      <c r="IO9" s="71">
        <v>253</v>
      </c>
      <c r="IP9" s="71">
        <v>150</v>
      </c>
      <c r="IQ9" s="71">
        <v>100</v>
      </c>
      <c r="IR9" s="71">
        <v>82</v>
      </c>
      <c r="IS9" s="71">
        <v>57</v>
      </c>
      <c r="IT9" s="72">
        <v>642</v>
      </c>
      <c r="IU9" s="73">
        <v>910</v>
      </c>
      <c r="IV9" s="70">
        <v>211</v>
      </c>
      <c r="IW9" s="71">
        <v>172</v>
      </c>
      <c r="IX9" s="72">
        <v>383</v>
      </c>
      <c r="IY9" s="244"/>
      <c r="IZ9" s="71">
        <v>317</v>
      </c>
      <c r="JA9" s="71">
        <v>196</v>
      </c>
      <c r="JB9" s="71">
        <v>158</v>
      </c>
      <c r="JC9" s="71">
        <v>139</v>
      </c>
      <c r="JD9" s="71">
        <v>83</v>
      </c>
      <c r="JE9" s="72">
        <v>893</v>
      </c>
      <c r="JF9" s="73">
        <v>1276</v>
      </c>
      <c r="JG9" s="70">
        <v>157</v>
      </c>
      <c r="JH9" s="71">
        <v>135</v>
      </c>
      <c r="JI9" s="72">
        <v>292</v>
      </c>
      <c r="JJ9" s="244"/>
      <c r="JK9" s="71">
        <v>331</v>
      </c>
      <c r="JL9" s="71">
        <v>240</v>
      </c>
      <c r="JM9" s="71">
        <v>194</v>
      </c>
      <c r="JN9" s="71">
        <v>205</v>
      </c>
      <c r="JO9" s="71">
        <v>119</v>
      </c>
      <c r="JP9" s="72">
        <v>1089</v>
      </c>
      <c r="JQ9" s="73">
        <v>1381</v>
      </c>
      <c r="JR9" s="70">
        <v>0</v>
      </c>
      <c r="JS9" s="71">
        <v>0</v>
      </c>
      <c r="JT9" s="72">
        <v>0</v>
      </c>
      <c r="JU9" s="244"/>
      <c r="JV9" s="71">
        <v>0</v>
      </c>
      <c r="JW9" s="71">
        <v>0</v>
      </c>
      <c r="JX9" s="71">
        <v>0</v>
      </c>
      <c r="JY9" s="71">
        <v>0</v>
      </c>
      <c r="JZ9" s="71">
        <v>0</v>
      </c>
      <c r="KA9" s="72">
        <v>0</v>
      </c>
      <c r="KB9" s="73">
        <v>0</v>
      </c>
      <c r="KC9" s="70">
        <v>655</v>
      </c>
      <c r="KD9" s="71">
        <v>573</v>
      </c>
      <c r="KE9" s="72">
        <v>1228</v>
      </c>
      <c r="KF9" s="244"/>
      <c r="KG9" s="71">
        <v>1152</v>
      </c>
      <c r="KH9" s="71">
        <v>752</v>
      </c>
      <c r="KI9" s="71">
        <v>574</v>
      </c>
      <c r="KJ9" s="71">
        <v>532</v>
      </c>
      <c r="KK9" s="71">
        <v>355</v>
      </c>
      <c r="KL9" s="72">
        <v>3365</v>
      </c>
      <c r="KM9" s="73">
        <v>4593</v>
      </c>
    </row>
    <row r="10" spans="2:299" ht="19.5" customHeight="1" x14ac:dyDescent="0.2">
      <c r="B10" s="126" t="s">
        <v>14</v>
      </c>
      <c r="C10" s="315">
        <v>180</v>
      </c>
      <c r="D10" s="82">
        <v>193</v>
      </c>
      <c r="E10" s="83">
        <v>373</v>
      </c>
      <c r="F10" s="241"/>
      <c r="G10" s="82">
        <v>237</v>
      </c>
      <c r="H10" s="82">
        <v>255</v>
      </c>
      <c r="I10" s="82">
        <v>149</v>
      </c>
      <c r="J10" s="82">
        <v>132</v>
      </c>
      <c r="K10" s="82">
        <v>88</v>
      </c>
      <c r="L10" s="84">
        <v>861</v>
      </c>
      <c r="M10" s="85">
        <v>1234</v>
      </c>
      <c r="N10" s="70">
        <v>11</v>
      </c>
      <c r="O10" s="71">
        <v>6</v>
      </c>
      <c r="P10" s="72">
        <v>17</v>
      </c>
      <c r="Q10" s="244"/>
      <c r="R10" s="71">
        <v>5</v>
      </c>
      <c r="S10" s="71">
        <v>8</v>
      </c>
      <c r="T10" s="71">
        <v>5</v>
      </c>
      <c r="U10" s="71">
        <v>7</v>
      </c>
      <c r="V10" s="71">
        <v>8</v>
      </c>
      <c r="W10" s="72">
        <v>33</v>
      </c>
      <c r="X10" s="73">
        <v>50</v>
      </c>
      <c r="Y10" s="70">
        <v>12</v>
      </c>
      <c r="Z10" s="71">
        <v>24</v>
      </c>
      <c r="AA10" s="72">
        <v>36</v>
      </c>
      <c r="AB10" s="244"/>
      <c r="AC10" s="71">
        <v>16</v>
      </c>
      <c r="AD10" s="71">
        <v>24</v>
      </c>
      <c r="AE10" s="71">
        <v>17</v>
      </c>
      <c r="AF10" s="71">
        <v>13</v>
      </c>
      <c r="AG10" s="71">
        <v>9</v>
      </c>
      <c r="AH10" s="72">
        <v>79</v>
      </c>
      <c r="AI10" s="73">
        <v>115</v>
      </c>
      <c r="AJ10" s="70">
        <v>23</v>
      </c>
      <c r="AK10" s="71">
        <v>30</v>
      </c>
      <c r="AL10" s="72">
        <v>53</v>
      </c>
      <c r="AM10" s="244"/>
      <c r="AN10" s="71">
        <v>23</v>
      </c>
      <c r="AO10" s="71">
        <v>40</v>
      </c>
      <c r="AP10" s="71">
        <v>13</v>
      </c>
      <c r="AQ10" s="71">
        <v>19</v>
      </c>
      <c r="AR10" s="71">
        <v>20</v>
      </c>
      <c r="AS10" s="72">
        <v>115</v>
      </c>
      <c r="AT10" s="73">
        <v>168</v>
      </c>
      <c r="AU10" s="70">
        <v>40</v>
      </c>
      <c r="AV10" s="71">
        <v>41</v>
      </c>
      <c r="AW10" s="72">
        <v>81</v>
      </c>
      <c r="AX10" s="244"/>
      <c r="AY10" s="71">
        <v>64</v>
      </c>
      <c r="AZ10" s="71">
        <v>59</v>
      </c>
      <c r="BA10" s="71">
        <v>41</v>
      </c>
      <c r="BB10" s="71">
        <v>28</v>
      </c>
      <c r="BC10" s="71">
        <v>20</v>
      </c>
      <c r="BD10" s="72">
        <v>212</v>
      </c>
      <c r="BE10" s="73">
        <v>293</v>
      </c>
      <c r="BF10" s="70">
        <v>59</v>
      </c>
      <c r="BG10" s="71">
        <v>46</v>
      </c>
      <c r="BH10" s="72">
        <v>105</v>
      </c>
      <c r="BI10" s="244"/>
      <c r="BJ10" s="71">
        <v>69</v>
      </c>
      <c r="BK10" s="71">
        <v>69</v>
      </c>
      <c r="BL10" s="71">
        <v>43</v>
      </c>
      <c r="BM10" s="71">
        <v>35</v>
      </c>
      <c r="BN10" s="71">
        <v>14</v>
      </c>
      <c r="BO10" s="72">
        <v>230</v>
      </c>
      <c r="BP10" s="73">
        <v>335</v>
      </c>
      <c r="BQ10" s="70">
        <v>35</v>
      </c>
      <c r="BR10" s="71">
        <v>46</v>
      </c>
      <c r="BS10" s="72">
        <v>81</v>
      </c>
      <c r="BT10" s="244"/>
      <c r="BU10" s="71">
        <v>60</v>
      </c>
      <c r="BV10" s="71">
        <v>55</v>
      </c>
      <c r="BW10" s="71">
        <v>30</v>
      </c>
      <c r="BX10" s="71">
        <v>30</v>
      </c>
      <c r="BY10" s="71">
        <v>17</v>
      </c>
      <c r="BZ10" s="72">
        <v>192</v>
      </c>
      <c r="CA10" s="73">
        <v>273</v>
      </c>
      <c r="CB10" s="70">
        <v>0</v>
      </c>
      <c r="CC10" s="71">
        <v>0</v>
      </c>
      <c r="CD10" s="72">
        <v>0</v>
      </c>
      <c r="CE10" s="244"/>
      <c r="CF10" s="71">
        <v>0</v>
      </c>
      <c r="CG10" s="71">
        <v>0</v>
      </c>
      <c r="CH10" s="71">
        <v>0</v>
      </c>
      <c r="CI10" s="71">
        <v>0</v>
      </c>
      <c r="CJ10" s="71">
        <v>0</v>
      </c>
      <c r="CK10" s="72">
        <v>0</v>
      </c>
      <c r="CL10" s="73">
        <v>0</v>
      </c>
      <c r="CM10" s="70">
        <v>180</v>
      </c>
      <c r="CN10" s="71">
        <v>193</v>
      </c>
      <c r="CO10" s="72">
        <v>373</v>
      </c>
      <c r="CP10" s="244"/>
      <c r="CQ10" s="71">
        <v>237</v>
      </c>
      <c r="CR10" s="71">
        <v>255</v>
      </c>
      <c r="CS10" s="71">
        <v>149</v>
      </c>
      <c r="CT10" s="71">
        <v>132</v>
      </c>
      <c r="CU10" s="71">
        <v>88</v>
      </c>
      <c r="CV10" s="72">
        <v>861</v>
      </c>
      <c r="CW10" s="73">
        <v>1234</v>
      </c>
      <c r="CX10" s="123">
        <v>59</v>
      </c>
      <c r="CY10" s="82">
        <v>92</v>
      </c>
      <c r="CZ10" s="83">
        <v>151</v>
      </c>
      <c r="DA10" s="241"/>
      <c r="DB10" s="82">
        <v>96</v>
      </c>
      <c r="DC10" s="82">
        <v>108</v>
      </c>
      <c r="DD10" s="82">
        <v>74</v>
      </c>
      <c r="DE10" s="82">
        <v>67</v>
      </c>
      <c r="DF10" s="82">
        <v>50</v>
      </c>
      <c r="DG10" s="84">
        <v>395</v>
      </c>
      <c r="DH10" s="85">
        <v>546</v>
      </c>
      <c r="DI10" s="70">
        <v>1</v>
      </c>
      <c r="DJ10" s="71">
        <v>2</v>
      </c>
      <c r="DK10" s="72">
        <v>3</v>
      </c>
      <c r="DL10" s="244"/>
      <c r="DM10" s="71">
        <v>0</v>
      </c>
      <c r="DN10" s="71">
        <v>2</v>
      </c>
      <c r="DO10" s="71">
        <v>2</v>
      </c>
      <c r="DP10" s="71">
        <v>0</v>
      </c>
      <c r="DQ10" s="71">
        <v>2</v>
      </c>
      <c r="DR10" s="72">
        <v>6</v>
      </c>
      <c r="DS10" s="73">
        <v>9</v>
      </c>
      <c r="DT10" s="70">
        <v>9</v>
      </c>
      <c r="DU10" s="71">
        <v>6</v>
      </c>
      <c r="DV10" s="72">
        <v>15</v>
      </c>
      <c r="DW10" s="244"/>
      <c r="DX10" s="71">
        <v>6</v>
      </c>
      <c r="DY10" s="71">
        <v>6</v>
      </c>
      <c r="DZ10" s="71">
        <v>5</v>
      </c>
      <c r="EA10" s="71">
        <v>2</v>
      </c>
      <c r="EB10" s="71">
        <v>0</v>
      </c>
      <c r="EC10" s="72">
        <v>19</v>
      </c>
      <c r="ED10" s="73">
        <v>34</v>
      </c>
      <c r="EE10" s="70">
        <v>14</v>
      </c>
      <c r="EF10" s="71">
        <v>10</v>
      </c>
      <c r="EG10" s="72">
        <v>24</v>
      </c>
      <c r="EH10" s="244"/>
      <c r="EI10" s="71">
        <v>8</v>
      </c>
      <c r="EJ10" s="71">
        <v>10</v>
      </c>
      <c r="EK10" s="71">
        <v>7</v>
      </c>
      <c r="EL10" s="71">
        <v>5</v>
      </c>
      <c r="EM10" s="71">
        <v>6</v>
      </c>
      <c r="EN10" s="72">
        <v>36</v>
      </c>
      <c r="EO10" s="73">
        <v>60</v>
      </c>
      <c r="EP10" s="70">
        <v>15</v>
      </c>
      <c r="EQ10" s="71">
        <v>25</v>
      </c>
      <c r="ER10" s="72">
        <v>40</v>
      </c>
      <c r="ES10" s="244"/>
      <c r="ET10" s="71">
        <v>20</v>
      </c>
      <c r="EU10" s="71">
        <v>21</v>
      </c>
      <c r="EV10" s="71">
        <v>10</v>
      </c>
      <c r="EW10" s="71">
        <v>10</v>
      </c>
      <c r="EX10" s="71">
        <v>8</v>
      </c>
      <c r="EY10" s="72">
        <v>69</v>
      </c>
      <c r="EZ10" s="73">
        <v>109</v>
      </c>
      <c r="FA10" s="70">
        <v>9</v>
      </c>
      <c r="FB10" s="71">
        <v>33</v>
      </c>
      <c r="FC10" s="72">
        <v>42</v>
      </c>
      <c r="FD10" s="244"/>
      <c r="FE10" s="71">
        <v>27</v>
      </c>
      <c r="FF10" s="71">
        <v>28</v>
      </c>
      <c r="FG10" s="71">
        <v>17</v>
      </c>
      <c r="FH10" s="71">
        <v>16</v>
      </c>
      <c r="FI10" s="71">
        <v>8</v>
      </c>
      <c r="FJ10" s="72">
        <v>96</v>
      </c>
      <c r="FK10" s="73">
        <v>138</v>
      </c>
      <c r="FL10" s="70">
        <v>11</v>
      </c>
      <c r="FM10" s="71">
        <v>16</v>
      </c>
      <c r="FN10" s="72">
        <v>27</v>
      </c>
      <c r="FO10" s="244"/>
      <c r="FP10" s="71">
        <v>35</v>
      </c>
      <c r="FQ10" s="71">
        <v>41</v>
      </c>
      <c r="FR10" s="71">
        <v>33</v>
      </c>
      <c r="FS10" s="71">
        <v>34</v>
      </c>
      <c r="FT10" s="71">
        <v>26</v>
      </c>
      <c r="FU10" s="72">
        <v>169</v>
      </c>
      <c r="FV10" s="73">
        <v>196</v>
      </c>
      <c r="FW10" s="70">
        <v>0</v>
      </c>
      <c r="FX10" s="71">
        <v>0</v>
      </c>
      <c r="FY10" s="72">
        <v>0</v>
      </c>
      <c r="FZ10" s="244"/>
      <c r="GA10" s="71">
        <v>0</v>
      </c>
      <c r="GB10" s="71">
        <v>0</v>
      </c>
      <c r="GC10" s="71">
        <v>0</v>
      </c>
      <c r="GD10" s="71">
        <v>0</v>
      </c>
      <c r="GE10" s="71">
        <v>0</v>
      </c>
      <c r="GF10" s="72">
        <v>0</v>
      </c>
      <c r="GG10" s="73">
        <v>0</v>
      </c>
      <c r="GH10" s="70">
        <v>59</v>
      </c>
      <c r="GI10" s="71">
        <v>92</v>
      </c>
      <c r="GJ10" s="72">
        <v>151</v>
      </c>
      <c r="GK10" s="244"/>
      <c r="GL10" s="71">
        <v>96</v>
      </c>
      <c r="GM10" s="71">
        <v>108</v>
      </c>
      <c r="GN10" s="71">
        <v>74</v>
      </c>
      <c r="GO10" s="71">
        <v>67</v>
      </c>
      <c r="GP10" s="71">
        <v>50</v>
      </c>
      <c r="GQ10" s="72">
        <v>395</v>
      </c>
      <c r="GR10" s="73">
        <v>546</v>
      </c>
      <c r="GS10" s="123">
        <v>239</v>
      </c>
      <c r="GT10" s="82">
        <v>285</v>
      </c>
      <c r="GU10" s="83">
        <v>524</v>
      </c>
      <c r="GV10" s="241"/>
      <c r="GW10" s="82">
        <v>333</v>
      </c>
      <c r="GX10" s="82">
        <v>363</v>
      </c>
      <c r="GY10" s="82">
        <v>223</v>
      </c>
      <c r="GZ10" s="82">
        <v>199</v>
      </c>
      <c r="HA10" s="82">
        <v>138</v>
      </c>
      <c r="HB10" s="84">
        <v>1256</v>
      </c>
      <c r="HC10" s="85">
        <v>1780</v>
      </c>
      <c r="HD10" s="70">
        <v>12</v>
      </c>
      <c r="HE10" s="71">
        <v>8</v>
      </c>
      <c r="HF10" s="72">
        <v>20</v>
      </c>
      <c r="HG10" s="244"/>
      <c r="HH10" s="71">
        <v>5</v>
      </c>
      <c r="HI10" s="71">
        <v>10</v>
      </c>
      <c r="HJ10" s="71">
        <v>7</v>
      </c>
      <c r="HK10" s="71">
        <v>7</v>
      </c>
      <c r="HL10" s="71">
        <v>10</v>
      </c>
      <c r="HM10" s="72">
        <v>39</v>
      </c>
      <c r="HN10" s="73">
        <v>59</v>
      </c>
      <c r="HO10" s="70">
        <v>21</v>
      </c>
      <c r="HP10" s="71">
        <v>30</v>
      </c>
      <c r="HQ10" s="72">
        <v>51</v>
      </c>
      <c r="HR10" s="244"/>
      <c r="HS10" s="71">
        <v>22</v>
      </c>
      <c r="HT10" s="71">
        <v>30</v>
      </c>
      <c r="HU10" s="71">
        <v>22</v>
      </c>
      <c r="HV10" s="71">
        <v>15</v>
      </c>
      <c r="HW10" s="71">
        <v>9</v>
      </c>
      <c r="HX10" s="72">
        <v>98</v>
      </c>
      <c r="HY10" s="73">
        <v>149</v>
      </c>
      <c r="HZ10" s="70">
        <v>37</v>
      </c>
      <c r="IA10" s="71">
        <v>40</v>
      </c>
      <c r="IB10" s="72">
        <v>77</v>
      </c>
      <c r="IC10" s="244"/>
      <c r="ID10" s="71">
        <v>31</v>
      </c>
      <c r="IE10" s="71">
        <v>50</v>
      </c>
      <c r="IF10" s="71">
        <v>20</v>
      </c>
      <c r="IG10" s="71">
        <v>24</v>
      </c>
      <c r="IH10" s="71">
        <v>26</v>
      </c>
      <c r="II10" s="72">
        <v>151</v>
      </c>
      <c r="IJ10" s="73">
        <v>228</v>
      </c>
      <c r="IK10" s="70">
        <v>55</v>
      </c>
      <c r="IL10" s="71">
        <v>66</v>
      </c>
      <c r="IM10" s="72">
        <v>121</v>
      </c>
      <c r="IN10" s="244"/>
      <c r="IO10" s="71">
        <v>84</v>
      </c>
      <c r="IP10" s="71">
        <v>80</v>
      </c>
      <c r="IQ10" s="71">
        <v>51</v>
      </c>
      <c r="IR10" s="71">
        <v>38</v>
      </c>
      <c r="IS10" s="71">
        <v>28</v>
      </c>
      <c r="IT10" s="72">
        <v>281</v>
      </c>
      <c r="IU10" s="73">
        <v>402</v>
      </c>
      <c r="IV10" s="70">
        <v>68</v>
      </c>
      <c r="IW10" s="71">
        <v>79</v>
      </c>
      <c r="IX10" s="72">
        <v>147</v>
      </c>
      <c r="IY10" s="244"/>
      <c r="IZ10" s="71">
        <v>96</v>
      </c>
      <c r="JA10" s="71">
        <v>97</v>
      </c>
      <c r="JB10" s="71">
        <v>60</v>
      </c>
      <c r="JC10" s="71">
        <v>51</v>
      </c>
      <c r="JD10" s="71">
        <v>22</v>
      </c>
      <c r="JE10" s="72">
        <v>326</v>
      </c>
      <c r="JF10" s="73">
        <v>473</v>
      </c>
      <c r="JG10" s="70">
        <v>46</v>
      </c>
      <c r="JH10" s="71">
        <v>62</v>
      </c>
      <c r="JI10" s="72">
        <v>108</v>
      </c>
      <c r="JJ10" s="244"/>
      <c r="JK10" s="71">
        <v>95</v>
      </c>
      <c r="JL10" s="71">
        <v>96</v>
      </c>
      <c r="JM10" s="71">
        <v>63</v>
      </c>
      <c r="JN10" s="71">
        <v>64</v>
      </c>
      <c r="JO10" s="71">
        <v>43</v>
      </c>
      <c r="JP10" s="72">
        <v>361</v>
      </c>
      <c r="JQ10" s="73">
        <v>469</v>
      </c>
      <c r="JR10" s="70">
        <v>0</v>
      </c>
      <c r="JS10" s="71">
        <v>0</v>
      </c>
      <c r="JT10" s="72">
        <v>0</v>
      </c>
      <c r="JU10" s="244"/>
      <c r="JV10" s="71">
        <v>0</v>
      </c>
      <c r="JW10" s="71">
        <v>0</v>
      </c>
      <c r="JX10" s="71">
        <v>0</v>
      </c>
      <c r="JY10" s="71">
        <v>0</v>
      </c>
      <c r="JZ10" s="71">
        <v>0</v>
      </c>
      <c r="KA10" s="72">
        <v>0</v>
      </c>
      <c r="KB10" s="73">
        <v>0</v>
      </c>
      <c r="KC10" s="70">
        <v>239</v>
      </c>
      <c r="KD10" s="71">
        <v>285</v>
      </c>
      <c r="KE10" s="72">
        <v>524</v>
      </c>
      <c r="KF10" s="244"/>
      <c r="KG10" s="71">
        <v>333</v>
      </c>
      <c r="KH10" s="71">
        <v>363</v>
      </c>
      <c r="KI10" s="71">
        <v>223</v>
      </c>
      <c r="KJ10" s="71">
        <v>199</v>
      </c>
      <c r="KK10" s="71">
        <v>138</v>
      </c>
      <c r="KL10" s="72">
        <v>1256</v>
      </c>
      <c r="KM10" s="73">
        <v>1780</v>
      </c>
    </row>
    <row r="11" spans="2:299" ht="19.5" customHeight="1" x14ac:dyDescent="0.2">
      <c r="B11" s="126" t="s">
        <v>7</v>
      </c>
      <c r="C11" s="315">
        <v>110</v>
      </c>
      <c r="D11" s="82">
        <v>82</v>
      </c>
      <c r="E11" s="83">
        <v>192</v>
      </c>
      <c r="F11" s="241"/>
      <c r="G11" s="82">
        <v>240</v>
      </c>
      <c r="H11" s="82">
        <v>139</v>
      </c>
      <c r="I11" s="82">
        <v>81</v>
      </c>
      <c r="J11" s="82">
        <v>69</v>
      </c>
      <c r="K11" s="82">
        <v>41</v>
      </c>
      <c r="L11" s="84">
        <v>570</v>
      </c>
      <c r="M11" s="85">
        <v>762</v>
      </c>
      <c r="N11" s="70">
        <v>7</v>
      </c>
      <c r="O11" s="71">
        <v>1</v>
      </c>
      <c r="P11" s="72">
        <v>8</v>
      </c>
      <c r="Q11" s="244"/>
      <c r="R11" s="71">
        <v>2</v>
      </c>
      <c r="S11" s="71">
        <v>4</v>
      </c>
      <c r="T11" s="71">
        <v>5</v>
      </c>
      <c r="U11" s="71">
        <v>1</v>
      </c>
      <c r="V11" s="71">
        <v>1</v>
      </c>
      <c r="W11" s="72">
        <v>13</v>
      </c>
      <c r="X11" s="73">
        <v>21</v>
      </c>
      <c r="Y11" s="70">
        <v>9</v>
      </c>
      <c r="Z11" s="71">
        <v>6</v>
      </c>
      <c r="AA11" s="72">
        <v>15</v>
      </c>
      <c r="AB11" s="244"/>
      <c r="AC11" s="71">
        <v>24</v>
      </c>
      <c r="AD11" s="71">
        <v>12</v>
      </c>
      <c r="AE11" s="71">
        <v>10</v>
      </c>
      <c r="AF11" s="71">
        <v>7</v>
      </c>
      <c r="AG11" s="71">
        <v>4</v>
      </c>
      <c r="AH11" s="72">
        <v>57</v>
      </c>
      <c r="AI11" s="73">
        <v>72</v>
      </c>
      <c r="AJ11" s="70">
        <v>11</v>
      </c>
      <c r="AK11" s="71">
        <v>10</v>
      </c>
      <c r="AL11" s="72">
        <v>21</v>
      </c>
      <c r="AM11" s="244"/>
      <c r="AN11" s="71">
        <v>33</v>
      </c>
      <c r="AO11" s="71">
        <v>14</v>
      </c>
      <c r="AP11" s="71">
        <v>9</v>
      </c>
      <c r="AQ11" s="71">
        <v>12</v>
      </c>
      <c r="AR11" s="71">
        <v>5</v>
      </c>
      <c r="AS11" s="72">
        <v>73</v>
      </c>
      <c r="AT11" s="73">
        <v>94</v>
      </c>
      <c r="AU11" s="70">
        <v>29</v>
      </c>
      <c r="AV11" s="71">
        <v>19</v>
      </c>
      <c r="AW11" s="72">
        <v>48</v>
      </c>
      <c r="AX11" s="244"/>
      <c r="AY11" s="71">
        <v>58</v>
      </c>
      <c r="AZ11" s="71">
        <v>35</v>
      </c>
      <c r="BA11" s="71">
        <v>16</v>
      </c>
      <c r="BB11" s="71">
        <v>12</v>
      </c>
      <c r="BC11" s="71">
        <v>13</v>
      </c>
      <c r="BD11" s="72">
        <v>134</v>
      </c>
      <c r="BE11" s="73">
        <v>182</v>
      </c>
      <c r="BF11" s="70">
        <v>33</v>
      </c>
      <c r="BG11" s="71">
        <v>28</v>
      </c>
      <c r="BH11" s="72">
        <v>61</v>
      </c>
      <c r="BI11" s="244"/>
      <c r="BJ11" s="71">
        <v>55</v>
      </c>
      <c r="BK11" s="71">
        <v>40</v>
      </c>
      <c r="BL11" s="71">
        <v>20</v>
      </c>
      <c r="BM11" s="71">
        <v>15</v>
      </c>
      <c r="BN11" s="71">
        <v>13</v>
      </c>
      <c r="BO11" s="72">
        <v>143</v>
      </c>
      <c r="BP11" s="73">
        <v>204</v>
      </c>
      <c r="BQ11" s="70">
        <v>21</v>
      </c>
      <c r="BR11" s="71">
        <v>18</v>
      </c>
      <c r="BS11" s="72">
        <v>39</v>
      </c>
      <c r="BT11" s="244"/>
      <c r="BU11" s="71">
        <v>68</v>
      </c>
      <c r="BV11" s="71">
        <v>34</v>
      </c>
      <c r="BW11" s="71">
        <v>21</v>
      </c>
      <c r="BX11" s="71">
        <v>22</v>
      </c>
      <c r="BY11" s="71">
        <v>5</v>
      </c>
      <c r="BZ11" s="72">
        <v>150</v>
      </c>
      <c r="CA11" s="73">
        <v>189</v>
      </c>
      <c r="CB11" s="70">
        <v>0</v>
      </c>
      <c r="CC11" s="71">
        <v>0</v>
      </c>
      <c r="CD11" s="72">
        <v>0</v>
      </c>
      <c r="CE11" s="244"/>
      <c r="CF11" s="71">
        <v>0</v>
      </c>
      <c r="CG11" s="71">
        <v>0</v>
      </c>
      <c r="CH11" s="71">
        <v>0</v>
      </c>
      <c r="CI11" s="71">
        <v>0</v>
      </c>
      <c r="CJ11" s="71">
        <v>0</v>
      </c>
      <c r="CK11" s="72">
        <v>0</v>
      </c>
      <c r="CL11" s="73">
        <v>0</v>
      </c>
      <c r="CM11" s="70">
        <v>110</v>
      </c>
      <c r="CN11" s="71">
        <v>82</v>
      </c>
      <c r="CO11" s="72">
        <v>192</v>
      </c>
      <c r="CP11" s="244"/>
      <c r="CQ11" s="71">
        <v>240</v>
      </c>
      <c r="CR11" s="71">
        <v>139</v>
      </c>
      <c r="CS11" s="71">
        <v>81</v>
      </c>
      <c r="CT11" s="71">
        <v>69</v>
      </c>
      <c r="CU11" s="71">
        <v>41</v>
      </c>
      <c r="CV11" s="72">
        <v>570</v>
      </c>
      <c r="CW11" s="73">
        <v>762</v>
      </c>
      <c r="CX11" s="123">
        <v>35</v>
      </c>
      <c r="CY11" s="82">
        <v>39</v>
      </c>
      <c r="CZ11" s="83">
        <v>74</v>
      </c>
      <c r="DA11" s="241"/>
      <c r="DB11" s="82">
        <v>69</v>
      </c>
      <c r="DC11" s="82">
        <v>36</v>
      </c>
      <c r="DD11" s="82">
        <v>32</v>
      </c>
      <c r="DE11" s="82">
        <v>25</v>
      </c>
      <c r="DF11" s="82">
        <v>17</v>
      </c>
      <c r="DG11" s="84">
        <v>179</v>
      </c>
      <c r="DH11" s="85">
        <v>253</v>
      </c>
      <c r="DI11" s="70">
        <v>0</v>
      </c>
      <c r="DJ11" s="71">
        <v>0</v>
      </c>
      <c r="DK11" s="72">
        <v>0</v>
      </c>
      <c r="DL11" s="244"/>
      <c r="DM11" s="71">
        <v>2</v>
      </c>
      <c r="DN11" s="71">
        <v>0</v>
      </c>
      <c r="DO11" s="71">
        <v>4</v>
      </c>
      <c r="DP11" s="71">
        <v>0</v>
      </c>
      <c r="DQ11" s="71">
        <v>1</v>
      </c>
      <c r="DR11" s="72">
        <v>7</v>
      </c>
      <c r="DS11" s="73">
        <v>7</v>
      </c>
      <c r="DT11" s="70">
        <v>0</v>
      </c>
      <c r="DU11" s="71">
        <v>1</v>
      </c>
      <c r="DV11" s="72">
        <v>1</v>
      </c>
      <c r="DW11" s="244"/>
      <c r="DX11" s="71">
        <v>6</v>
      </c>
      <c r="DY11" s="71">
        <v>6</v>
      </c>
      <c r="DZ11" s="71">
        <v>2</v>
      </c>
      <c r="EA11" s="71">
        <v>2</v>
      </c>
      <c r="EB11" s="71">
        <v>1</v>
      </c>
      <c r="EC11" s="72">
        <v>17</v>
      </c>
      <c r="ED11" s="73">
        <v>18</v>
      </c>
      <c r="EE11" s="70">
        <v>3</v>
      </c>
      <c r="EF11" s="71">
        <v>4</v>
      </c>
      <c r="EG11" s="72">
        <v>7</v>
      </c>
      <c r="EH11" s="244"/>
      <c r="EI11" s="71">
        <v>7</v>
      </c>
      <c r="EJ11" s="71">
        <v>5</v>
      </c>
      <c r="EK11" s="71">
        <v>4</v>
      </c>
      <c r="EL11" s="71">
        <v>6</v>
      </c>
      <c r="EM11" s="71">
        <v>2</v>
      </c>
      <c r="EN11" s="72">
        <v>24</v>
      </c>
      <c r="EO11" s="73">
        <v>31</v>
      </c>
      <c r="EP11" s="70">
        <v>13</v>
      </c>
      <c r="EQ11" s="71">
        <v>10</v>
      </c>
      <c r="ER11" s="72">
        <v>23</v>
      </c>
      <c r="ES11" s="244"/>
      <c r="ET11" s="71">
        <v>17</v>
      </c>
      <c r="EU11" s="71">
        <v>4</v>
      </c>
      <c r="EV11" s="71">
        <v>4</v>
      </c>
      <c r="EW11" s="71">
        <v>1</v>
      </c>
      <c r="EX11" s="71">
        <v>2</v>
      </c>
      <c r="EY11" s="72">
        <v>28</v>
      </c>
      <c r="EZ11" s="73">
        <v>51</v>
      </c>
      <c r="FA11" s="70">
        <v>12</v>
      </c>
      <c r="FB11" s="71">
        <v>16</v>
      </c>
      <c r="FC11" s="72">
        <v>28</v>
      </c>
      <c r="FD11" s="244"/>
      <c r="FE11" s="71">
        <v>22</v>
      </c>
      <c r="FF11" s="71">
        <v>5</v>
      </c>
      <c r="FG11" s="71">
        <v>5</v>
      </c>
      <c r="FH11" s="71">
        <v>4</v>
      </c>
      <c r="FI11" s="71">
        <v>6</v>
      </c>
      <c r="FJ11" s="72">
        <v>42</v>
      </c>
      <c r="FK11" s="73">
        <v>70</v>
      </c>
      <c r="FL11" s="70">
        <v>7</v>
      </c>
      <c r="FM11" s="71">
        <v>8</v>
      </c>
      <c r="FN11" s="72">
        <v>15</v>
      </c>
      <c r="FO11" s="244"/>
      <c r="FP11" s="71">
        <v>15</v>
      </c>
      <c r="FQ11" s="71">
        <v>16</v>
      </c>
      <c r="FR11" s="71">
        <v>13</v>
      </c>
      <c r="FS11" s="71">
        <v>12</v>
      </c>
      <c r="FT11" s="71">
        <v>5</v>
      </c>
      <c r="FU11" s="72">
        <v>61</v>
      </c>
      <c r="FV11" s="73">
        <v>76</v>
      </c>
      <c r="FW11" s="70">
        <v>0</v>
      </c>
      <c r="FX11" s="71">
        <v>0</v>
      </c>
      <c r="FY11" s="72">
        <v>0</v>
      </c>
      <c r="FZ11" s="244"/>
      <c r="GA11" s="71">
        <v>0</v>
      </c>
      <c r="GB11" s="71">
        <v>0</v>
      </c>
      <c r="GC11" s="71">
        <v>0</v>
      </c>
      <c r="GD11" s="71">
        <v>0</v>
      </c>
      <c r="GE11" s="71">
        <v>0</v>
      </c>
      <c r="GF11" s="72">
        <v>0</v>
      </c>
      <c r="GG11" s="73">
        <v>0</v>
      </c>
      <c r="GH11" s="70">
        <v>35</v>
      </c>
      <c r="GI11" s="71">
        <v>39</v>
      </c>
      <c r="GJ11" s="72">
        <v>74</v>
      </c>
      <c r="GK11" s="244"/>
      <c r="GL11" s="71">
        <v>69</v>
      </c>
      <c r="GM11" s="71">
        <v>36</v>
      </c>
      <c r="GN11" s="71">
        <v>32</v>
      </c>
      <c r="GO11" s="71">
        <v>25</v>
      </c>
      <c r="GP11" s="71">
        <v>17</v>
      </c>
      <c r="GQ11" s="72">
        <v>179</v>
      </c>
      <c r="GR11" s="73">
        <v>253</v>
      </c>
      <c r="GS11" s="123">
        <v>145</v>
      </c>
      <c r="GT11" s="82">
        <v>121</v>
      </c>
      <c r="GU11" s="83">
        <v>266</v>
      </c>
      <c r="GV11" s="241"/>
      <c r="GW11" s="82">
        <v>309</v>
      </c>
      <c r="GX11" s="82">
        <v>175</v>
      </c>
      <c r="GY11" s="82">
        <v>113</v>
      </c>
      <c r="GZ11" s="82">
        <v>94</v>
      </c>
      <c r="HA11" s="82">
        <v>58</v>
      </c>
      <c r="HB11" s="84">
        <v>749</v>
      </c>
      <c r="HC11" s="85">
        <v>1015</v>
      </c>
      <c r="HD11" s="70">
        <v>7</v>
      </c>
      <c r="HE11" s="71">
        <v>1</v>
      </c>
      <c r="HF11" s="72">
        <v>8</v>
      </c>
      <c r="HG11" s="244"/>
      <c r="HH11" s="71">
        <v>4</v>
      </c>
      <c r="HI11" s="71">
        <v>4</v>
      </c>
      <c r="HJ11" s="71">
        <v>9</v>
      </c>
      <c r="HK11" s="71">
        <v>1</v>
      </c>
      <c r="HL11" s="71">
        <v>2</v>
      </c>
      <c r="HM11" s="72">
        <v>20</v>
      </c>
      <c r="HN11" s="73">
        <v>28</v>
      </c>
      <c r="HO11" s="70">
        <v>9</v>
      </c>
      <c r="HP11" s="71">
        <v>7</v>
      </c>
      <c r="HQ11" s="72">
        <v>16</v>
      </c>
      <c r="HR11" s="244"/>
      <c r="HS11" s="71">
        <v>30</v>
      </c>
      <c r="HT11" s="71">
        <v>18</v>
      </c>
      <c r="HU11" s="71">
        <v>12</v>
      </c>
      <c r="HV11" s="71">
        <v>9</v>
      </c>
      <c r="HW11" s="71">
        <v>5</v>
      </c>
      <c r="HX11" s="72">
        <v>74</v>
      </c>
      <c r="HY11" s="73">
        <v>90</v>
      </c>
      <c r="HZ11" s="70">
        <v>14</v>
      </c>
      <c r="IA11" s="71">
        <v>14</v>
      </c>
      <c r="IB11" s="72">
        <v>28</v>
      </c>
      <c r="IC11" s="244"/>
      <c r="ID11" s="71">
        <v>40</v>
      </c>
      <c r="IE11" s="71">
        <v>19</v>
      </c>
      <c r="IF11" s="71">
        <v>13</v>
      </c>
      <c r="IG11" s="71">
        <v>18</v>
      </c>
      <c r="IH11" s="71">
        <v>7</v>
      </c>
      <c r="II11" s="72">
        <v>97</v>
      </c>
      <c r="IJ11" s="73">
        <v>125</v>
      </c>
      <c r="IK11" s="70">
        <v>42</v>
      </c>
      <c r="IL11" s="71">
        <v>29</v>
      </c>
      <c r="IM11" s="72">
        <v>71</v>
      </c>
      <c r="IN11" s="244"/>
      <c r="IO11" s="71">
        <v>75</v>
      </c>
      <c r="IP11" s="71">
        <v>39</v>
      </c>
      <c r="IQ11" s="71">
        <v>20</v>
      </c>
      <c r="IR11" s="71">
        <v>13</v>
      </c>
      <c r="IS11" s="71">
        <v>15</v>
      </c>
      <c r="IT11" s="72">
        <v>162</v>
      </c>
      <c r="IU11" s="73">
        <v>233</v>
      </c>
      <c r="IV11" s="70">
        <v>45</v>
      </c>
      <c r="IW11" s="71">
        <v>44</v>
      </c>
      <c r="IX11" s="72">
        <v>89</v>
      </c>
      <c r="IY11" s="244"/>
      <c r="IZ11" s="71">
        <v>77</v>
      </c>
      <c r="JA11" s="71">
        <v>45</v>
      </c>
      <c r="JB11" s="71">
        <v>25</v>
      </c>
      <c r="JC11" s="71">
        <v>19</v>
      </c>
      <c r="JD11" s="71">
        <v>19</v>
      </c>
      <c r="JE11" s="72">
        <v>185</v>
      </c>
      <c r="JF11" s="73">
        <v>274</v>
      </c>
      <c r="JG11" s="70">
        <v>28</v>
      </c>
      <c r="JH11" s="71">
        <v>26</v>
      </c>
      <c r="JI11" s="72">
        <v>54</v>
      </c>
      <c r="JJ11" s="244"/>
      <c r="JK11" s="71">
        <v>83</v>
      </c>
      <c r="JL11" s="71">
        <v>50</v>
      </c>
      <c r="JM11" s="71">
        <v>34</v>
      </c>
      <c r="JN11" s="71">
        <v>34</v>
      </c>
      <c r="JO11" s="71">
        <v>10</v>
      </c>
      <c r="JP11" s="72">
        <v>211</v>
      </c>
      <c r="JQ11" s="73">
        <v>265</v>
      </c>
      <c r="JR11" s="70">
        <v>0</v>
      </c>
      <c r="JS11" s="71">
        <v>0</v>
      </c>
      <c r="JT11" s="72">
        <v>0</v>
      </c>
      <c r="JU11" s="244"/>
      <c r="JV11" s="71">
        <v>0</v>
      </c>
      <c r="JW11" s="71">
        <v>0</v>
      </c>
      <c r="JX11" s="71">
        <v>0</v>
      </c>
      <c r="JY11" s="71">
        <v>0</v>
      </c>
      <c r="JZ11" s="71">
        <v>0</v>
      </c>
      <c r="KA11" s="72">
        <v>0</v>
      </c>
      <c r="KB11" s="73">
        <v>0</v>
      </c>
      <c r="KC11" s="70">
        <v>145</v>
      </c>
      <c r="KD11" s="71">
        <v>121</v>
      </c>
      <c r="KE11" s="72">
        <v>266</v>
      </c>
      <c r="KF11" s="244"/>
      <c r="KG11" s="71">
        <v>309</v>
      </c>
      <c r="KH11" s="71">
        <v>175</v>
      </c>
      <c r="KI11" s="71">
        <v>113</v>
      </c>
      <c r="KJ11" s="71">
        <v>94</v>
      </c>
      <c r="KK11" s="71">
        <v>58</v>
      </c>
      <c r="KL11" s="72">
        <v>749</v>
      </c>
      <c r="KM11" s="73">
        <v>1015</v>
      </c>
    </row>
    <row r="12" spans="2:299" ht="19.5" customHeight="1" x14ac:dyDescent="0.2">
      <c r="B12" s="126" t="s">
        <v>8</v>
      </c>
      <c r="C12" s="315">
        <v>50</v>
      </c>
      <c r="D12" s="82">
        <v>29</v>
      </c>
      <c r="E12" s="83">
        <v>79</v>
      </c>
      <c r="F12" s="241"/>
      <c r="G12" s="82">
        <v>110</v>
      </c>
      <c r="H12" s="82">
        <v>76</v>
      </c>
      <c r="I12" s="82">
        <v>47</v>
      </c>
      <c r="J12" s="82">
        <v>53</v>
      </c>
      <c r="K12" s="82">
        <v>22</v>
      </c>
      <c r="L12" s="84">
        <v>308</v>
      </c>
      <c r="M12" s="85">
        <v>387</v>
      </c>
      <c r="N12" s="70">
        <v>4</v>
      </c>
      <c r="O12" s="71">
        <v>3</v>
      </c>
      <c r="P12" s="72">
        <v>7</v>
      </c>
      <c r="Q12" s="244"/>
      <c r="R12" s="71">
        <v>3</v>
      </c>
      <c r="S12" s="71">
        <v>2</v>
      </c>
      <c r="T12" s="71">
        <v>0</v>
      </c>
      <c r="U12" s="71">
        <v>3</v>
      </c>
      <c r="V12" s="71">
        <v>2</v>
      </c>
      <c r="W12" s="72">
        <v>10</v>
      </c>
      <c r="X12" s="73">
        <v>17</v>
      </c>
      <c r="Y12" s="70">
        <v>5</v>
      </c>
      <c r="Z12" s="71">
        <v>1</v>
      </c>
      <c r="AA12" s="72">
        <v>6</v>
      </c>
      <c r="AB12" s="244"/>
      <c r="AC12" s="71">
        <v>7</v>
      </c>
      <c r="AD12" s="71">
        <v>10</v>
      </c>
      <c r="AE12" s="71">
        <v>7</v>
      </c>
      <c r="AF12" s="71">
        <v>5</v>
      </c>
      <c r="AG12" s="71">
        <v>4</v>
      </c>
      <c r="AH12" s="72">
        <v>33</v>
      </c>
      <c r="AI12" s="73">
        <v>39</v>
      </c>
      <c r="AJ12" s="70">
        <v>2</v>
      </c>
      <c r="AK12" s="71">
        <v>3</v>
      </c>
      <c r="AL12" s="72">
        <v>5</v>
      </c>
      <c r="AM12" s="244"/>
      <c r="AN12" s="71">
        <v>15</v>
      </c>
      <c r="AO12" s="71">
        <v>10</v>
      </c>
      <c r="AP12" s="71">
        <v>9</v>
      </c>
      <c r="AQ12" s="71">
        <v>6</v>
      </c>
      <c r="AR12" s="71">
        <v>2</v>
      </c>
      <c r="AS12" s="72">
        <v>42</v>
      </c>
      <c r="AT12" s="73">
        <v>47</v>
      </c>
      <c r="AU12" s="70">
        <v>9</v>
      </c>
      <c r="AV12" s="71">
        <v>7</v>
      </c>
      <c r="AW12" s="72">
        <v>16</v>
      </c>
      <c r="AX12" s="244"/>
      <c r="AY12" s="71">
        <v>22</v>
      </c>
      <c r="AZ12" s="71">
        <v>13</v>
      </c>
      <c r="BA12" s="71">
        <v>5</v>
      </c>
      <c r="BB12" s="71">
        <v>10</v>
      </c>
      <c r="BC12" s="71">
        <v>2</v>
      </c>
      <c r="BD12" s="72">
        <v>52</v>
      </c>
      <c r="BE12" s="73">
        <v>68</v>
      </c>
      <c r="BF12" s="70">
        <v>12</v>
      </c>
      <c r="BG12" s="71">
        <v>3</v>
      </c>
      <c r="BH12" s="72">
        <v>15</v>
      </c>
      <c r="BI12" s="244"/>
      <c r="BJ12" s="71">
        <v>37</v>
      </c>
      <c r="BK12" s="71">
        <v>16</v>
      </c>
      <c r="BL12" s="71">
        <v>12</v>
      </c>
      <c r="BM12" s="71">
        <v>14</v>
      </c>
      <c r="BN12" s="71">
        <v>6</v>
      </c>
      <c r="BO12" s="72">
        <v>85</v>
      </c>
      <c r="BP12" s="73">
        <v>100</v>
      </c>
      <c r="BQ12" s="70">
        <v>18</v>
      </c>
      <c r="BR12" s="71">
        <v>12</v>
      </c>
      <c r="BS12" s="72">
        <v>30</v>
      </c>
      <c r="BT12" s="244"/>
      <c r="BU12" s="71">
        <v>26</v>
      </c>
      <c r="BV12" s="71">
        <v>25</v>
      </c>
      <c r="BW12" s="71">
        <v>14</v>
      </c>
      <c r="BX12" s="71">
        <v>15</v>
      </c>
      <c r="BY12" s="71">
        <v>6</v>
      </c>
      <c r="BZ12" s="72">
        <v>86</v>
      </c>
      <c r="CA12" s="73">
        <v>116</v>
      </c>
      <c r="CB12" s="70">
        <v>0</v>
      </c>
      <c r="CC12" s="71">
        <v>0</v>
      </c>
      <c r="CD12" s="72">
        <v>0</v>
      </c>
      <c r="CE12" s="244"/>
      <c r="CF12" s="71">
        <v>0</v>
      </c>
      <c r="CG12" s="71">
        <v>0</v>
      </c>
      <c r="CH12" s="71">
        <v>0</v>
      </c>
      <c r="CI12" s="71">
        <v>0</v>
      </c>
      <c r="CJ12" s="71">
        <v>0</v>
      </c>
      <c r="CK12" s="72">
        <v>0</v>
      </c>
      <c r="CL12" s="73">
        <v>0</v>
      </c>
      <c r="CM12" s="70">
        <v>50</v>
      </c>
      <c r="CN12" s="71">
        <v>29</v>
      </c>
      <c r="CO12" s="72">
        <v>79</v>
      </c>
      <c r="CP12" s="244"/>
      <c r="CQ12" s="71">
        <v>110</v>
      </c>
      <c r="CR12" s="71">
        <v>76</v>
      </c>
      <c r="CS12" s="71">
        <v>47</v>
      </c>
      <c r="CT12" s="71">
        <v>53</v>
      </c>
      <c r="CU12" s="71">
        <v>22</v>
      </c>
      <c r="CV12" s="72">
        <v>308</v>
      </c>
      <c r="CW12" s="73">
        <v>387</v>
      </c>
      <c r="CX12" s="123">
        <v>23</v>
      </c>
      <c r="CY12" s="82">
        <v>22</v>
      </c>
      <c r="CZ12" s="83">
        <v>45</v>
      </c>
      <c r="DA12" s="241"/>
      <c r="DB12" s="82">
        <v>42</v>
      </c>
      <c r="DC12" s="82">
        <v>35</v>
      </c>
      <c r="DD12" s="82">
        <v>17</v>
      </c>
      <c r="DE12" s="82">
        <v>21</v>
      </c>
      <c r="DF12" s="82">
        <v>16</v>
      </c>
      <c r="DG12" s="84">
        <v>131</v>
      </c>
      <c r="DH12" s="85">
        <v>176</v>
      </c>
      <c r="DI12" s="70">
        <v>1</v>
      </c>
      <c r="DJ12" s="71">
        <v>0</v>
      </c>
      <c r="DK12" s="72">
        <v>1</v>
      </c>
      <c r="DL12" s="244"/>
      <c r="DM12" s="71">
        <v>1</v>
      </c>
      <c r="DN12" s="71">
        <v>1</v>
      </c>
      <c r="DO12" s="71">
        <v>0</v>
      </c>
      <c r="DP12" s="71">
        <v>2</v>
      </c>
      <c r="DQ12" s="71">
        <v>0</v>
      </c>
      <c r="DR12" s="72">
        <v>4</v>
      </c>
      <c r="DS12" s="73">
        <v>5</v>
      </c>
      <c r="DT12" s="70">
        <v>3</v>
      </c>
      <c r="DU12" s="71">
        <v>2</v>
      </c>
      <c r="DV12" s="72">
        <v>5</v>
      </c>
      <c r="DW12" s="244"/>
      <c r="DX12" s="71">
        <v>3</v>
      </c>
      <c r="DY12" s="71">
        <v>0</v>
      </c>
      <c r="DZ12" s="71">
        <v>2</v>
      </c>
      <c r="EA12" s="71">
        <v>1</v>
      </c>
      <c r="EB12" s="71">
        <v>0</v>
      </c>
      <c r="EC12" s="72">
        <v>6</v>
      </c>
      <c r="ED12" s="73">
        <v>11</v>
      </c>
      <c r="EE12" s="70">
        <v>5</v>
      </c>
      <c r="EF12" s="71">
        <v>4</v>
      </c>
      <c r="EG12" s="72">
        <v>9</v>
      </c>
      <c r="EH12" s="244"/>
      <c r="EI12" s="71">
        <v>5</v>
      </c>
      <c r="EJ12" s="71">
        <v>3</v>
      </c>
      <c r="EK12" s="71">
        <v>2</v>
      </c>
      <c r="EL12" s="71">
        <v>1</v>
      </c>
      <c r="EM12" s="71">
        <v>1</v>
      </c>
      <c r="EN12" s="72">
        <v>12</v>
      </c>
      <c r="EO12" s="73">
        <v>21</v>
      </c>
      <c r="EP12" s="70">
        <v>6</v>
      </c>
      <c r="EQ12" s="71">
        <v>7</v>
      </c>
      <c r="ER12" s="72">
        <v>13</v>
      </c>
      <c r="ES12" s="244"/>
      <c r="ET12" s="71">
        <v>4</v>
      </c>
      <c r="EU12" s="71">
        <v>6</v>
      </c>
      <c r="EV12" s="71">
        <v>2</v>
      </c>
      <c r="EW12" s="71">
        <v>5</v>
      </c>
      <c r="EX12" s="71">
        <v>3</v>
      </c>
      <c r="EY12" s="72">
        <v>20</v>
      </c>
      <c r="EZ12" s="73">
        <v>33</v>
      </c>
      <c r="FA12" s="70">
        <v>5</v>
      </c>
      <c r="FB12" s="71">
        <v>3</v>
      </c>
      <c r="FC12" s="72">
        <v>8</v>
      </c>
      <c r="FD12" s="244"/>
      <c r="FE12" s="71">
        <v>16</v>
      </c>
      <c r="FF12" s="71">
        <v>13</v>
      </c>
      <c r="FG12" s="71">
        <v>4</v>
      </c>
      <c r="FH12" s="71">
        <v>3</v>
      </c>
      <c r="FI12" s="71">
        <v>3</v>
      </c>
      <c r="FJ12" s="72">
        <v>39</v>
      </c>
      <c r="FK12" s="73">
        <v>47</v>
      </c>
      <c r="FL12" s="70">
        <v>3</v>
      </c>
      <c r="FM12" s="71">
        <v>6</v>
      </c>
      <c r="FN12" s="72">
        <v>9</v>
      </c>
      <c r="FO12" s="244"/>
      <c r="FP12" s="71">
        <v>13</v>
      </c>
      <c r="FQ12" s="71">
        <v>12</v>
      </c>
      <c r="FR12" s="71">
        <v>7</v>
      </c>
      <c r="FS12" s="71">
        <v>9</v>
      </c>
      <c r="FT12" s="71">
        <v>9</v>
      </c>
      <c r="FU12" s="72">
        <v>50</v>
      </c>
      <c r="FV12" s="73">
        <v>59</v>
      </c>
      <c r="FW12" s="70">
        <v>0</v>
      </c>
      <c r="FX12" s="71">
        <v>0</v>
      </c>
      <c r="FY12" s="72">
        <v>0</v>
      </c>
      <c r="FZ12" s="244"/>
      <c r="GA12" s="71">
        <v>0</v>
      </c>
      <c r="GB12" s="71">
        <v>0</v>
      </c>
      <c r="GC12" s="71">
        <v>0</v>
      </c>
      <c r="GD12" s="71">
        <v>0</v>
      </c>
      <c r="GE12" s="71">
        <v>0</v>
      </c>
      <c r="GF12" s="72">
        <v>0</v>
      </c>
      <c r="GG12" s="73">
        <v>0</v>
      </c>
      <c r="GH12" s="70">
        <v>23</v>
      </c>
      <c r="GI12" s="71">
        <v>22</v>
      </c>
      <c r="GJ12" s="72">
        <v>45</v>
      </c>
      <c r="GK12" s="244"/>
      <c r="GL12" s="71">
        <v>42</v>
      </c>
      <c r="GM12" s="71">
        <v>35</v>
      </c>
      <c r="GN12" s="71">
        <v>17</v>
      </c>
      <c r="GO12" s="71">
        <v>21</v>
      </c>
      <c r="GP12" s="71">
        <v>16</v>
      </c>
      <c r="GQ12" s="72">
        <v>131</v>
      </c>
      <c r="GR12" s="73">
        <v>176</v>
      </c>
      <c r="GS12" s="123">
        <v>73</v>
      </c>
      <c r="GT12" s="82">
        <v>51</v>
      </c>
      <c r="GU12" s="83">
        <v>124</v>
      </c>
      <c r="GV12" s="241"/>
      <c r="GW12" s="82">
        <v>152</v>
      </c>
      <c r="GX12" s="82">
        <v>111</v>
      </c>
      <c r="GY12" s="82">
        <v>64</v>
      </c>
      <c r="GZ12" s="82">
        <v>74</v>
      </c>
      <c r="HA12" s="82">
        <v>38</v>
      </c>
      <c r="HB12" s="84">
        <v>439</v>
      </c>
      <c r="HC12" s="85">
        <v>563</v>
      </c>
      <c r="HD12" s="70">
        <v>5</v>
      </c>
      <c r="HE12" s="71">
        <v>3</v>
      </c>
      <c r="HF12" s="72">
        <v>8</v>
      </c>
      <c r="HG12" s="244"/>
      <c r="HH12" s="71">
        <v>4</v>
      </c>
      <c r="HI12" s="71">
        <v>3</v>
      </c>
      <c r="HJ12" s="71">
        <v>0</v>
      </c>
      <c r="HK12" s="71">
        <v>5</v>
      </c>
      <c r="HL12" s="71">
        <v>2</v>
      </c>
      <c r="HM12" s="72">
        <v>14</v>
      </c>
      <c r="HN12" s="73">
        <v>22</v>
      </c>
      <c r="HO12" s="70">
        <v>8</v>
      </c>
      <c r="HP12" s="71">
        <v>3</v>
      </c>
      <c r="HQ12" s="72">
        <v>11</v>
      </c>
      <c r="HR12" s="244"/>
      <c r="HS12" s="71">
        <v>10</v>
      </c>
      <c r="HT12" s="71">
        <v>10</v>
      </c>
      <c r="HU12" s="71">
        <v>9</v>
      </c>
      <c r="HV12" s="71">
        <v>6</v>
      </c>
      <c r="HW12" s="71">
        <v>4</v>
      </c>
      <c r="HX12" s="72">
        <v>39</v>
      </c>
      <c r="HY12" s="73">
        <v>50</v>
      </c>
      <c r="HZ12" s="70">
        <v>7</v>
      </c>
      <c r="IA12" s="71">
        <v>7</v>
      </c>
      <c r="IB12" s="72">
        <v>14</v>
      </c>
      <c r="IC12" s="244"/>
      <c r="ID12" s="71">
        <v>20</v>
      </c>
      <c r="IE12" s="71">
        <v>13</v>
      </c>
      <c r="IF12" s="71">
        <v>11</v>
      </c>
      <c r="IG12" s="71">
        <v>7</v>
      </c>
      <c r="IH12" s="71">
        <v>3</v>
      </c>
      <c r="II12" s="72">
        <v>54</v>
      </c>
      <c r="IJ12" s="73">
        <v>68</v>
      </c>
      <c r="IK12" s="70">
        <v>15</v>
      </c>
      <c r="IL12" s="71">
        <v>14</v>
      </c>
      <c r="IM12" s="72">
        <v>29</v>
      </c>
      <c r="IN12" s="244"/>
      <c r="IO12" s="71">
        <v>26</v>
      </c>
      <c r="IP12" s="71">
        <v>19</v>
      </c>
      <c r="IQ12" s="71">
        <v>7</v>
      </c>
      <c r="IR12" s="71">
        <v>15</v>
      </c>
      <c r="IS12" s="71">
        <v>5</v>
      </c>
      <c r="IT12" s="72">
        <v>72</v>
      </c>
      <c r="IU12" s="73">
        <v>101</v>
      </c>
      <c r="IV12" s="70">
        <v>17</v>
      </c>
      <c r="IW12" s="71">
        <v>6</v>
      </c>
      <c r="IX12" s="72">
        <v>23</v>
      </c>
      <c r="IY12" s="244"/>
      <c r="IZ12" s="71">
        <v>53</v>
      </c>
      <c r="JA12" s="71">
        <v>29</v>
      </c>
      <c r="JB12" s="71">
        <v>16</v>
      </c>
      <c r="JC12" s="71">
        <v>17</v>
      </c>
      <c r="JD12" s="71">
        <v>9</v>
      </c>
      <c r="JE12" s="72">
        <v>124</v>
      </c>
      <c r="JF12" s="73">
        <v>147</v>
      </c>
      <c r="JG12" s="70">
        <v>21</v>
      </c>
      <c r="JH12" s="71">
        <v>18</v>
      </c>
      <c r="JI12" s="72">
        <v>39</v>
      </c>
      <c r="JJ12" s="244"/>
      <c r="JK12" s="71">
        <v>39</v>
      </c>
      <c r="JL12" s="71">
        <v>37</v>
      </c>
      <c r="JM12" s="71">
        <v>21</v>
      </c>
      <c r="JN12" s="71">
        <v>24</v>
      </c>
      <c r="JO12" s="71">
        <v>15</v>
      </c>
      <c r="JP12" s="72">
        <v>136</v>
      </c>
      <c r="JQ12" s="73">
        <v>175</v>
      </c>
      <c r="JR12" s="70">
        <v>0</v>
      </c>
      <c r="JS12" s="71">
        <v>0</v>
      </c>
      <c r="JT12" s="72">
        <v>0</v>
      </c>
      <c r="JU12" s="244"/>
      <c r="JV12" s="71">
        <v>0</v>
      </c>
      <c r="JW12" s="71">
        <v>0</v>
      </c>
      <c r="JX12" s="71">
        <v>0</v>
      </c>
      <c r="JY12" s="71">
        <v>0</v>
      </c>
      <c r="JZ12" s="71">
        <v>0</v>
      </c>
      <c r="KA12" s="72">
        <v>0</v>
      </c>
      <c r="KB12" s="73">
        <v>0</v>
      </c>
      <c r="KC12" s="70">
        <v>73</v>
      </c>
      <c r="KD12" s="71">
        <v>51</v>
      </c>
      <c r="KE12" s="72">
        <v>124</v>
      </c>
      <c r="KF12" s="244"/>
      <c r="KG12" s="71">
        <v>152</v>
      </c>
      <c r="KH12" s="71">
        <v>111</v>
      </c>
      <c r="KI12" s="71">
        <v>64</v>
      </c>
      <c r="KJ12" s="71">
        <v>74</v>
      </c>
      <c r="KK12" s="71">
        <v>38</v>
      </c>
      <c r="KL12" s="72">
        <v>439</v>
      </c>
      <c r="KM12" s="73">
        <v>563</v>
      </c>
    </row>
    <row r="13" spans="2:299" ht="19.5" customHeight="1" x14ac:dyDescent="0.2">
      <c r="B13" s="126" t="s">
        <v>9</v>
      </c>
      <c r="C13" s="315">
        <v>190</v>
      </c>
      <c r="D13" s="82">
        <v>105</v>
      </c>
      <c r="E13" s="83">
        <v>295</v>
      </c>
      <c r="F13" s="241"/>
      <c r="G13" s="82">
        <v>221</v>
      </c>
      <c r="H13" s="82">
        <v>135</v>
      </c>
      <c r="I13" s="82">
        <v>89</v>
      </c>
      <c r="J13" s="82">
        <v>91</v>
      </c>
      <c r="K13" s="82">
        <v>56</v>
      </c>
      <c r="L13" s="84">
        <v>592</v>
      </c>
      <c r="M13" s="85">
        <v>887</v>
      </c>
      <c r="N13" s="70">
        <v>2</v>
      </c>
      <c r="O13" s="71">
        <v>2</v>
      </c>
      <c r="P13" s="72">
        <v>4</v>
      </c>
      <c r="Q13" s="244"/>
      <c r="R13" s="71">
        <v>3</v>
      </c>
      <c r="S13" s="71">
        <v>3</v>
      </c>
      <c r="T13" s="71">
        <v>1</v>
      </c>
      <c r="U13" s="71">
        <v>4</v>
      </c>
      <c r="V13" s="71">
        <v>6</v>
      </c>
      <c r="W13" s="72">
        <v>17</v>
      </c>
      <c r="X13" s="73">
        <v>21</v>
      </c>
      <c r="Y13" s="70">
        <v>9</v>
      </c>
      <c r="Z13" s="71">
        <v>9</v>
      </c>
      <c r="AA13" s="72">
        <v>18</v>
      </c>
      <c r="AB13" s="244"/>
      <c r="AC13" s="71">
        <v>3</v>
      </c>
      <c r="AD13" s="71">
        <v>8</v>
      </c>
      <c r="AE13" s="71">
        <v>3</v>
      </c>
      <c r="AF13" s="71">
        <v>5</v>
      </c>
      <c r="AG13" s="71">
        <v>5</v>
      </c>
      <c r="AH13" s="72">
        <v>24</v>
      </c>
      <c r="AI13" s="73">
        <v>42</v>
      </c>
      <c r="AJ13" s="70">
        <v>23</v>
      </c>
      <c r="AK13" s="71">
        <v>10</v>
      </c>
      <c r="AL13" s="72">
        <v>33</v>
      </c>
      <c r="AM13" s="244"/>
      <c r="AN13" s="71">
        <v>17</v>
      </c>
      <c r="AO13" s="71">
        <v>13</v>
      </c>
      <c r="AP13" s="71">
        <v>8</v>
      </c>
      <c r="AQ13" s="71">
        <v>8</v>
      </c>
      <c r="AR13" s="71">
        <v>2</v>
      </c>
      <c r="AS13" s="72">
        <v>48</v>
      </c>
      <c r="AT13" s="73">
        <v>81</v>
      </c>
      <c r="AU13" s="70">
        <v>38</v>
      </c>
      <c r="AV13" s="71">
        <v>17</v>
      </c>
      <c r="AW13" s="72">
        <v>55</v>
      </c>
      <c r="AX13" s="244"/>
      <c r="AY13" s="71">
        <v>55</v>
      </c>
      <c r="AZ13" s="71">
        <v>24</v>
      </c>
      <c r="BA13" s="71">
        <v>18</v>
      </c>
      <c r="BB13" s="71">
        <v>11</v>
      </c>
      <c r="BC13" s="71">
        <v>13</v>
      </c>
      <c r="BD13" s="72">
        <v>121</v>
      </c>
      <c r="BE13" s="73">
        <v>176</v>
      </c>
      <c r="BF13" s="70">
        <v>62</v>
      </c>
      <c r="BG13" s="71">
        <v>40</v>
      </c>
      <c r="BH13" s="72">
        <v>102</v>
      </c>
      <c r="BI13" s="244"/>
      <c r="BJ13" s="71">
        <v>81</v>
      </c>
      <c r="BK13" s="71">
        <v>39</v>
      </c>
      <c r="BL13" s="71">
        <v>30</v>
      </c>
      <c r="BM13" s="71">
        <v>34</v>
      </c>
      <c r="BN13" s="71">
        <v>10</v>
      </c>
      <c r="BO13" s="72">
        <v>194</v>
      </c>
      <c r="BP13" s="73">
        <v>296</v>
      </c>
      <c r="BQ13" s="70">
        <v>56</v>
      </c>
      <c r="BR13" s="71">
        <v>27</v>
      </c>
      <c r="BS13" s="72">
        <v>83</v>
      </c>
      <c r="BT13" s="244"/>
      <c r="BU13" s="71">
        <v>62</v>
      </c>
      <c r="BV13" s="71">
        <v>48</v>
      </c>
      <c r="BW13" s="71">
        <v>29</v>
      </c>
      <c r="BX13" s="71">
        <v>29</v>
      </c>
      <c r="BY13" s="71">
        <v>20</v>
      </c>
      <c r="BZ13" s="72">
        <v>188</v>
      </c>
      <c r="CA13" s="73">
        <v>271</v>
      </c>
      <c r="CB13" s="70">
        <v>0</v>
      </c>
      <c r="CC13" s="71">
        <v>0</v>
      </c>
      <c r="CD13" s="72">
        <v>0</v>
      </c>
      <c r="CE13" s="244"/>
      <c r="CF13" s="71">
        <v>0</v>
      </c>
      <c r="CG13" s="71">
        <v>0</v>
      </c>
      <c r="CH13" s="71">
        <v>0</v>
      </c>
      <c r="CI13" s="71">
        <v>0</v>
      </c>
      <c r="CJ13" s="71">
        <v>0</v>
      </c>
      <c r="CK13" s="72">
        <v>0</v>
      </c>
      <c r="CL13" s="73">
        <v>0</v>
      </c>
      <c r="CM13" s="70">
        <v>190</v>
      </c>
      <c r="CN13" s="71">
        <v>105</v>
      </c>
      <c r="CO13" s="72">
        <v>295</v>
      </c>
      <c r="CP13" s="244"/>
      <c r="CQ13" s="71">
        <v>221</v>
      </c>
      <c r="CR13" s="71">
        <v>135</v>
      </c>
      <c r="CS13" s="71">
        <v>89</v>
      </c>
      <c r="CT13" s="71">
        <v>91</v>
      </c>
      <c r="CU13" s="71">
        <v>56</v>
      </c>
      <c r="CV13" s="72">
        <v>592</v>
      </c>
      <c r="CW13" s="73">
        <v>887</v>
      </c>
      <c r="CX13" s="123">
        <v>69</v>
      </c>
      <c r="CY13" s="82">
        <v>38</v>
      </c>
      <c r="CZ13" s="83">
        <v>107</v>
      </c>
      <c r="DA13" s="241"/>
      <c r="DB13" s="82">
        <v>71</v>
      </c>
      <c r="DC13" s="82">
        <v>46</v>
      </c>
      <c r="DD13" s="82">
        <v>42</v>
      </c>
      <c r="DE13" s="82">
        <v>47</v>
      </c>
      <c r="DF13" s="82">
        <v>24</v>
      </c>
      <c r="DG13" s="84">
        <v>230</v>
      </c>
      <c r="DH13" s="85">
        <v>337</v>
      </c>
      <c r="DI13" s="70">
        <v>0</v>
      </c>
      <c r="DJ13" s="71">
        <v>0</v>
      </c>
      <c r="DK13" s="72">
        <v>0</v>
      </c>
      <c r="DL13" s="244"/>
      <c r="DM13" s="71">
        <v>1</v>
      </c>
      <c r="DN13" s="71">
        <v>0</v>
      </c>
      <c r="DO13" s="71">
        <v>0</v>
      </c>
      <c r="DP13" s="71">
        <v>0</v>
      </c>
      <c r="DQ13" s="71">
        <v>0</v>
      </c>
      <c r="DR13" s="72">
        <v>1</v>
      </c>
      <c r="DS13" s="73">
        <v>1</v>
      </c>
      <c r="DT13" s="70">
        <v>6</v>
      </c>
      <c r="DU13" s="71">
        <v>3</v>
      </c>
      <c r="DV13" s="72">
        <v>9</v>
      </c>
      <c r="DW13" s="244"/>
      <c r="DX13" s="71">
        <v>4</v>
      </c>
      <c r="DY13" s="71">
        <v>2</v>
      </c>
      <c r="DZ13" s="71">
        <v>1</v>
      </c>
      <c r="EA13" s="71">
        <v>2</v>
      </c>
      <c r="EB13" s="71">
        <v>0</v>
      </c>
      <c r="EC13" s="72">
        <v>9</v>
      </c>
      <c r="ED13" s="73">
        <v>18</v>
      </c>
      <c r="EE13" s="70">
        <v>9</v>
      </c>
      <c r="EF13" s="71">
        <v>8</v>
      </c>
      <c r="EG13" s="72">
        <v>17</v>
      </c>
      <c r="EH13" s="244"/>
      <c r="EI13" s="71">
        <v>8</v>
      </c>
      <c r="EJ13" s="71">
        <v>4</v>
      </c>
      <c r="EK13" s="71">
        <v>2</v>
      </c>
      <c r="EL13" s="71">
        <v>3</v>
      </c>
      <c r="EM13" s="71">
        <v>1</v>
      </c>
      <c r="EN13" s="72">
        <v>18</v>
      </c>
      <c r="EO13" s="73">
        <v>35</v>
      </c>
      <c r="EP13" s="70">
        <v>23</v>
      </c>
      <c r="EQ13" s="71">
        <v>8</v>
      </c>
      <c r="ER13" s="72">
        <v>31</v>
      </c>
      <c r="ES13" s="244"/>
      <c r="ET13" s="71">
        <v>14</v>
      </c>
      <c r="EU13" s="71">
        <v>8</v>
      </c>
      <c r="EV13" s="71">
        <v>8</v>
      </c>
      <c r="EW13" s="71">
        <v>5</v>
      </c>
      <c r="EX13" s="71">
        <v>3</v>
      </c>
      <c r="EY13" s="72">
        <v>38</v>
      </c>
      <c r="EZ13" s="73">
        <v>69</v>
      </c>
      <c r="FA13" s="70">
        <v>19</v>
      </c>
      <c r="FB13" s="71">
        <v>6</v>
      </c>
      <c r="FC13" s="72">
        <v>25</v>
      </c>
      <c r="FD13" s="244"/>
      <c r="FE13" s="71">
        <v>16</v>
      </c>
      <c r="FF13" s="71">
        <v>13</v>
      </c>
      <c r="FG13" s="71">
        <v>13</v>
      </c>
      <c r="FH13" s="71">
        <v>11</v>
      </c>
      <c r="FI13" s="71">
        <v>6</v>
      </c>
      <c r="FJ13" s="72">
        <v>59</v>
      </c>
      <c r="FK13" s="73">
        <v>84</v>
      </c>
      <c r="FL13" s="70">
        <v>12</v>
      </c>
      <c r="FM13" s="71">
        <v>13</v>
      </c>
      <c r="FN13" s="72">
        <v>25</v>
      </c>
      <c r="FO13" s="244"/>
      <c r="FP13" s="71">
        <v>28</v>
      </c>
      <c r="FQ13" s="71">
        <v>19</v>
      </c>
      <c r="FR13" s="71">
        <v>18</v>
      </c>
      <c r="FS13" s="71">
        <v>26</v>
      </c>
      <c r="FT13" s="71">
        <v>14</v>
      </c>
      <c r="FU13" s="72">
        <v>105</v>
      </c>
      <c r="FV13" s="73">
        <v>130</v>
      </c>
      <c r="FW13" s="70">
        <v>0</v>
      </c>
      <c r="FX13" s="71">
        <v>0</v>
      </c>
      <c r="FY13" s="72">
        <v>0</v>
      </c>
      <c r="FZ13" s="244"/>
      <c r="GA13" s="71">
        <v>0</v>
      </c>
      <c r="GB13" s="71">
        <v>0</v>
      </c>
      <c r="GC13" s="71">
        <v>0</v>
      </c>
      <c r="GD13" s="71">
        <v>0</v>
      </c>
      <c r="GE13" s="71">
        <v>0</v>
      </c>
      <c r="GF13" s="72">
        <v>0</v>
      </c>
      <c r="GG13" s="73">
        <v>0</v>
      </c>
      <c r="GH13" s="70">
        <v>69</v>
      </c>
      <c r="GI13" s="71">
        <v>38</v>
      </c>
      <c r="GJ13" s="72">
        <v>107</v>
      </c>
      <c r="GK13" s="244"/>
      <c r="GL13" s="71">
        <v>71</v>
      </c>
      <c r="GM13" s="71">
        <v>46</v>
      </c>
      <c r="GN13" s="71">
        <v>42</v>
      </c>
      <c r="GO13" s="71">
        <v>47</v>
      </c>
      <c r="GP13" s="71">
        <v>24</v>
      </c>
      <c r="GQ13" s="72">
        <v>230</v>
      </c>
      <c r="GR13" s="73">
        <v>337</v>
      </c>
      <c r="GS13" s="123">
        <v>259</v>
      </c>
      <c r="GT13" s="82">
        <v>143</v>
      </c>
      <c r="GU13" s="83">
        <v>402</v>
      </c>
      <c r="GV13" s="241"/>
      <c r="GW13" s="82">
        <v>292</v>
      </c>
      <c r="GX13" s="82">
        <v>181</v>
      </c>
      <c r="GY13" s="82">
        <v>131</v>
      </c>
      <c r="GZ13" s="82">
        <v>138</v>
      </c>
      <c r="HA13" s="82">
        <v>80</v>
      </c>
      <c r="HB13" s="84">
        <v>822</v>
      </c>
      <c r="HC13" s="85">
        <v>1224</v>
      </c>
      <c r="HD13" s="70">
        <v>2</v>
      </c>
      <c r="HE13" s="71">
        <v>2</v>
      </c>
      <c r="HF13" s="72">
        <v>4</v>
      </c>
      <c r="HG13" s="244"/>
      <c r="HH13" s="71">
        <v>4</v>
      </c>
      <c r="HI13" s="71">
        <v>3</v>
      </c>
      <c r="HJ13" s="71">
        <v>1</v>
      </c>
      <c r="HK13" s="71">
        <v>4</v>
      </c>
      <c r="HL13" s="71">
        <v>6</v>
      </c>
      <c r="HM13" s="72">
        <v>18</v>
      </c>
      <c r="HN13" s="73">
        <v>22</v>
      </c>
      <c r="HO13" s="70">
        <v>15</v>
      </c>
      <c r="HP13" s="71">
        <v>12</v>
      </c>
      <c r="HQ13" s="72">
        <v>27</v>
      </c>
      <c r="HR13" s="244"/>
      <c r="HS13" s="71">
        <v>7</v>
      </c>
      <c r="HT13" s="71">
        <v>10</v>
      </c>
      <c r="HU13" s="71">
        <v>4</v>
      </c>
      <c r="HV13" s="71">
        <v>7</v>
      </c>
      <c r="HW13" s="71">
        <v>5</v>
      </c>
      <c r="HX13" s="72">
        <v>33</v>
      </c>
      <c r="HY13" s="73">
        <v>60</v>
      </c>
      <c r="HZ13" s="70">
        <v>32</v>
      </c>
      <c r="IA13" s="71">
        <v>18</v>
      </c>
      <c r="IB13" s="72">
        <v>50</v>
      </c>
      <c r="IC13" s="244"/>
      <c r="ID13" s="71">
        <v>25</v>
      </c>
      <c r="IE13" s="71">
        <v>17</v>
      </c>
      <c r="IF13" s="71">
        <v>10</v>
      </c>
      <c r="IG13" s="71">
        <v>11</v>
      </c>
      <c r="IH13" s="71">
        <v>3</v>
      </c>
      <c r="II13" s="72">
        <v>66</v>
      </c>
      <c r="IJ13" s="73">
        <v>116</v>
      </c>
      <c r="IK13" s="70">
        <v>61</v>
      </c>
      <c r="IL13" s="71">
        <v>25</v>
      </c>
      <c r="IM13" s="72">
        <v>86</v>
      </c>
      <c r="IN13" s="244"/>
      <c r="IO13" s="71">
        <v>69</v>
      </c>
      <c r="IP13" s="71">
        <v>32</v>
      </c>
      <c r="IQ13" s="71">
        <v>26</v>
      </c>
      <c r="IR13" s="71">
        <v>16</v>
      </c>
      <c r="IS13" s="71">
        <v>16</v>
      </c>
      <c r="IT13" s="72">
        <v>159</v>
      </c>
      <c r="IU13" s="73">
        <v>245</v>
      </c>
      <c r="IV13" s="70">
        <v>81</v>
      </c>
      <c r="IW13" s="71">
        <v>46</v>
      </c>
      <c r="IX13" s="72">
        <v>127</v>
      </c>
      <c r="IY13" s="244"/>
      <c r="IZ13" s="71">
        <v>97</v>
      </c>
      <c r="JA13" s="71">
        <v>52</v>
      </c>
      <c r="JB13" s="71">
        <v>43</v>
      </c>
      <c r="JC13" s="71">
        <v>45</v>
      </c>
      <c r="JD13" s="71">
        <v>16</v>
      </c>
      <c r="JE13" s="72">
        <v>253</v>
      </c>
      <c r="JF13" s="73">
        <v>380</v>
      </c>
      <c r="JG13" s="70">
        <v>68</v>
      </c>
      <c r="JH13" s="71">
        <v>40</v>
      </c>
      <c r="JI13" s="72">
        <v>108</v>
      </c>
      <c r="JJ13" s="244"/>
      <c r="JK13" s="71">
        <v>90</v>
      </c>
      <c r="JL13" s="71">
        <v>67</v>
      </c>
      <c r="JM13" s="71">
        <v>47</v>
      </c>
      <c r="JN13" s="71">
        <v>55</v>
      </c>
      <c r="JO13" s="71">
        <v>34</v>
      </c>
      <c r="JP13" s="72">
        <v>293</v>
      </c>
      <c r="JQ13" s="73">
        <v>401</v>
      </c>
      <c r="JR13" s="70">
        <v>0</v>
      </c>
      <c r="JS13" s="71">
        <v>0</v>
      </c>
      <c r="JT13" s="72">
        <v>0</v>
      </c>
      <c r="JU13" s="244"/>
      <c r="JV13" s="71">
        <v>0</v>
      </c>
      <c r="JW13" s="71">
        <v>0</v>
      </c>
      <c r="JX13" s="71">
        <v>0</v>
      </c>
      <c r="JY13" s="71">
        <v>0</v>
      </c>
      <c r="JZ13" s="71">
        <v>0</v>
      </c>
      <c r="KA13" s="72">
        <v>0</v>
      </c>
      <c r="KB13" s="73">
        <v>0</v>
      </c>
      <c r="KC13" s="70">
        <v>259</v>
      </c>
      <c r="KD13" s="71">
        <v>143</v>
      </c>
      <c r="KE13" s="72">
        <v>402</v>
      </c>
      <c r="KF13" s="244"/>
      <c r="KG13" s="71">
        <v>292</v>
      </c>
      <c r="KH13" s="71">
        <v>181</v>
      </c>
      <c r="KI13" s="71">
        <v>131</v>
      </c>
      <c r="KJ13" s="71">
        <v>138</v>
      </c>
      <c r="KK13" s="71">
        <v>80</v>
      </c>
      <c r="KL13" s="72">
        <v>822</v>
      </c>
      <c r="KM13" s="73">
        <v>1224</v>
      </c>
    </row>
    <row r="14" spans="2:299" ht="19.5" customHeight="1" x14ac:dyDescent="0.2">
      <c r="B14" s="126" t="s">
        <v>10</v>
      </c>
      <c r="C14" s="315">
        <v>281</v>
      </c>
      <c r="D14" s="82">
        <v>182</v>
      </c>
      <c r="E14" s="83">
        <v>463</v>
      </c>
      <c r="F14" s="241"/>
      <c r="G14" s="82">
        <v>234</v>
      </c>
      <c r="H14" s="82">
        <v>152</v>
      </c>
      <c r="I14" s="82">
        <v>109</v>
      </c>
      <c r="J14" s="82">
        <v>81</v>
      </c>
      <c r="K14" s="82">
        <v>79</v>
      </c>
      <c r="L14" s="84">
        <v>655</v>
      </c>
      <c r="M14" s="85">
        <v>1118</v>
      </c>
      <c r="N14" s="70">
        <v>7</v>
      </c>
      <c r="O14" s="71">
        <v>8</v>
      </c>
      <c r="P14" s="72">
        <v>15</v>
      </c>
      <c r="Q14" s="244"/>
      <c r="R14" s="71">
        <v>7</v>
      </c>
      <c r="S14" s="71">
        <v>7</v>
      </c>
      <c r="T14" s="71">
        <v>3</v>
      </c>
      <c r="U14" s="71">
        <v>2</v>
      </c>
      <c r="V14" s="71">
        <v>2</v>
      </c>
      <c r="W14" s="72">
        <v>21</v>
      </c>
      <c r="X14" s="73">
        <v>36</v>
      </c>
      <c r="Y14" s="70">
        <v>19</v>
      </c>
      <c r="Z14" s="71">
        <v>16</v>
      </c>
      <c r="AA14" s="72">
        <v>35</v>
      </c>
      <c r="AB14" s="244"/>
      <c r="AC14" s="71">
        <v>21</v>
      </c>
      <c r="AD14" s="71">
        <v>15</v>
      </c>
      <c r="AE14" s="71">
        <v>4</v>
      </c>
      <c r="AF14" s="71">
        <v>4</v>
      </c>
      <c r="AG14" s="71">
        <v>11</v>
      </c>
      <c r="AH14" s="72">
        <v>55</v>
      </c>
      <c r="AI14" s="73">
        <v>90</v>
      </c>
      <c r="AJ14" s="70">
        <v>29</v>
      </c>
      <c r="AK14" s="71">
        <v>20</v>
      </c>
      <c r="AL14" s="72">
        <v>49</v>
      </c>
      <c r="AM14" s="244"/>
      <c r="AN14" s="71">
        <v>27</v>
      </c>
      <c r="AO14" s="71">
        <v>20</v>
      </c>
      <c r="AP14" s="71">
        <v>12</v>
      </c>
      <c r="AQ14" s="71">
        <v>10</v>
      </c>
      <c r="AR14" s="71">
        <v>12</v>
      </c>
      <c r="AS14" s="72">
        <v>81</v>
      </c>
      <c r="AT14" s="73">
        <v>130</v>
      </c>
      <c r="AU14" s="70">
        <v>65</v>
      </c>
      <c r="AV14" s="71">
        <v>38</v>
      </c>
      <c r="AW14" s="72">
        <v>103</v>
      </c>
      <c r="AX14" s="244"/>
      <c r="AY14" s="71">
        <v>49</v>
      </c>
      <c r="AZ14" s="71">
        <v>25</v>
      </c>
      <c r="BA14" s="71">
        <v>18</v>
      </c>
      <c r="BB14" s="71">
        <v>8</v>
      </c>
      <c r="BC14" s="71">
        <v>20</v>
      </c>
      <c r="BD14" s="72">
        <v>120</v>
      </c>
      <c r="BE14" s="73">
        <v>223</v>
      </c>
      <c r="BF14" s="70">
        <v>87</v>
      </c>
      <c r="BG14" s="71">
        <v>49</v>
      </c>
      <c r="BH14" s="72">
        <v>136</v>
      </c>
      <c r="BI14" s="244"/>
      <c r="BJ14" s="71">
        <v>67</v>
      </c>
      <c r="BK14" s="71">
        <v>39</v>
      </c>
      <c r="BL14" s="71">
        <v>31</v>
      </c>
      <c r="BM14" s="71">
        <v>27</v>
      </c>
      <c r="BN14" s="71">
        <v>14</v>
      </c>
      <c r="BO14" s="72">
        <v>178</v>
      </c>
      <c r="BP14" s="73">
        <v>314</v>
      </c>
      <c r="BQ14" s="70">
        <v>74</v>
      </c>
      <c r="BR14" s="71">
        <v>51</v>
      </c>
      <c r="BS14" s="72">
        <v>125</v>
      </c>
      <c r="BT14" s="244"/>
      <c r="BU14" s="71">
        <v>63</v>
      </c>
      <c r="BV14" s="71">
        <v>46</v>
      </c>
      <c r="BW14" s="71">
        <v>41</v>
      </c>
      <c r="BX14" s="71">
        <v>30</v>
      </c>
      <c r="BY14" s="71">
        <v>20</v>
      </c>
      <c r="BZ14" s="72">
        <v>200</v>
      </c>
      <c r="CA14" s="73">
        <v>325</v>
      </c>
      <c r="CB14" s="70">
        <v>0</v>
      </c>
      <c r="CC14" s="71">
        <v>0</v>
      </c>
      <c r="CD14" s="72">
        <v>0</v>
      </c>
      <c r="CE14" s="244"/>
      <c r="CF14" s="71">
        <v>0</v>
      </c>
      <c r="CG14" s="71">
        <v>0</v>
      </c>
      <c r="CH14" s="71">
        <v>0</v>
      </c>
      <c r="CI14" s="71">
        <v>0</v>
      </c>
      <c r="CJ14" s="71">
        <v>0</v>
      </c>
      <c r="CK14" s="72">
        <v>0</v>
      </c>
      <c r="CL14" s="73">
        <v>0</v>
      </c>
      <c r="CM14" s="70">
        <v>281</v>
      </c>
      <c r="CN14" s="71">
        <v>182</v>
      </c>
      <c r="CO14" s="72">
        <v>463</v>
      </c>
      <c r="CP14" s="244"/>
      <c r="CQ14" s="71">
        <v>234</v>
      </c>
      <c r="CR14" s="71">
        <v>152</v>
      </c>
      <c r="CS14" s="71">
        <v>109</v>
      </c>
      <c r="CT14" s="71">
        <v>81</v>
      </c>
      <c r="CU14" s="71">
        <v>79</v>
      </c>
      <c r="CV14" s="72">
        <v>655</v>
      </c>
      <c r="CW14" s="73">
        <v>1118</v>
      </c>
      <c r="CX14" s="123">
        <v>107</v>
      </c>
      <c r="CY14" s="82">
        <v>66</v>
      </c>
      <c r="CZ14" s="83">
        <v>173</v>
      </c>
      <c r="DA14" s="241"/>
      <c r="DB14" s="82">
        <v>113</v>
      </c>
      <c r="DC14" s="82">
        <v>57</v>
      </c>
      <c r="DD14" s="82">
        <v>47</v>
      </c>
      <c r="DE14" s="82">
        <v>37</v>
      </c>
      <c r="DF14" s="82">
        <v>39</v>
      </c>
      <c r="DG14" s="84">
        <v>293</v>
      </c>
      <c r="DH14" s="85">
        <v>466</v>
      </c>
      <c r="DI14" s="70">
        <v>8</v>
      </c>
      <c r="DJ14" s="71">
        <v>2</v>
      </c>
      <c r="DK14" s="72">
        <v>10</v>
      </c>
      <c r="DL14" s="244"/>
      <c r="DM14" s="71">
        <v>3</v>
      </c>
      <c r="DN14" s="71">
        <v>0</v>
      </c>
      <c r="DO14" s="71">
        <v>3</v>
      </c>
      <c r="DP14" s="71">
        <v>0</v>
      </c>
      <c r="DQ14" s="71">
        <v>1</v>
      </c>
      <c r="DR14" s="72">
        <v>7</v>
      </c>
      <c r="DS14" s="73">
        <v>17</v>
      </c>
      <c r="DT14" s="70">
        <v>9</v>
      </c>
      <c r="DU14" s="71">
        <v>5</v>
      </c>
      <c r="DV14" s="72">
        <v>14</v>
      </c>
      <c r="DW14" s="244"/>
      <c r="DX14" s="71">
        <v>3</v>
      </c>
      <c r="DY14" s="71">
        <v>0</v>
      </c>
      <c r="DZ14" s="71">
        <v>1</v>
      </c>
      <c r="EA14" s="71">
        <v>1</v>
      </c>
      <c r="EB14" s="71">
        <v>1</v>
      </c>
      <c r="EC14" s="72">
        <v>6</v>
      </c>
      <c r="ED14" s="73">
        <v>20</v>
      </c>
      <c r="EE14" s="70">
        <v>16</v>
      </c>
      <c r="EF14" s="71">
        <v>7</v>
      </c>
      <c r="EG14" s="72">
        <v>23</v>
      </c>
      <c r="EH14" s="244"/>
      <c r="EI14" s="71">
        <v>7</v>
      </c>
      <c r="EJ14" s="71">
        <v>5</v>
      </c>
      <c r="EK14" s="71">
        <v>6</v>
      </c>
      <c r="EL14" s="71">
        <v>2</v>
      </c>
      <c r="EM14" s="71">
        <v>2</v>
      </c>
      <c r="EN14" s="72">
        <v>22</v>
      </c>
      <c r="EO14" s="73">
        <v>45</v>
      </c>
      <c r="EP14" s="70">
        <v>29</v>
      </c>
      <c r="EQ14" s="71">
        <v>20</v>
      </c>
      <c r="ER14" s="72">
        <v>49</v>
      </c>
      <c r="ES14" s="244"/>
      <c r="ET14" s="71">
        <v>25</v>
      </c>
      <c r="EU14" s="71">
        <v>8</v>
      </c>
      <c r="EV14" s="71">
        <v>4</v>
      </c>
      <c r="EW14" s="71">
        <v>1</v>
      </c>
      <c r="EX14" s="71">
        <v>4</v>
      </c>
      <c r="EY14" s="72">
        <v>42</v>
      </c>
      <c r="EZ14" s="73">
        <v>91</v>
      </c>
      <c r="FA14" s="70">
        <v>28</v>
      </c>
      <c r="FB14" s="71">
        <v>14</v>
      </c>
      <c r="FC14" s="72">
        <v>42</v>
      </c>
      <c r="FD14" s="244"/>
      <c r="FE14" s="71">
        <v>32</v>
      </c>
      <c r="FF14" s="71">
        <v>14</v>
      </c>
      <c r="FG14" s="71">
        <v>11</v>
      </c>
      <c r="FH14" s="71">
        <v>8</v>
      </c>
      <c r="FI14" s="71">
        <v>10</v>
      </c>
      <c r="FJ14" s="72">
        <v>75</v>
      </c>
      <c r="FK14" s="73">
        <v>117</v>
      </c>
      <c r="FL14" s="70">
        <v>17</v>
      </c>
      <c r="FM14" s="71">
        <v>18</v>
      </c>
      <c r="FN14" s="72">
        <v>35</v>
      </c>
      <c r="FO14" s="244"/>
      <c r="FP14" s="71">
        <v>43</v>
      </c>
      <c r="FQ14" s="71">
        <v>30</v>
      </c>
      <c r="FR14" s="71">
        <v>22</v>
      </c>
      <c r="FS14" s="71">
        <v>25</v>
      </c>
      <c r="FT14" s="71">
        <v>21</v>
      </c>
      <c r="FU14" s="72">
        <v>141</v>
      </c>
      <c r="FV14" s="73">
        <v>176</v>
      </c>
      <c r="FW14" s="70">
        <v>0</v>
      </c>
      <c r="FX14" s="71">
        <v>0</v>
      </c>
      <c r="FY14" s="72">
        <v>0</v>
      </c>
      <c r="FZ14" s="244"/>
      <c r="GA14" s="71">
        <v>0</v>
      </c>
      <c r="GB14" s="71">
        <v>0</v>
      </c>
      <c r="GC14" s="71">
        <v>0</v>
      </c>
      <c r="GD14" s="71">
        <v>0</v>
      </c>
      <c r="GE14" s="71">
        <v>0</v>
      </c>
      <c r="GF14" s="72">
        <v>0</v>
      </c>
      <c r="GG14" s="73">
        <v>0</v>
      </c>
      <c r="GH14" s="70">
        <v>107</v>
      </c>
      <c r="GI14" s="71">
        <v>66</v>
      </c>
      <c r="GJ14" s="72">
        <v>173</v>
      </c>
      <c r="GK14" s="244"/>
      <c r="GL14" s="71">
        <v>113</v>
      </c>
      <c r="GM14" s="71">
        <v>57</v>
      </c>
      <c r="GN14" s="71">
        <v>47</v>
      </c>
      <c r="GO14" s="71">
        <v>37</v>
      </c>
      <c r="GP14" s="71">
        <v>39</v>
      </c>
      <c r="GQ14" s="72">
        <v>293</v>
      </c>
      <c r="GR14" s="73">
        <v>466</v>
      </c>
      <c r="GS14" s="123">
        <v>388</v>
      </c>
      <c r="GT14" s="82">
        <v>248</v>
      </c>
      <c r="GU14" s="83">
        <v>636</v>
      </c>
      <c r="GV14" s="241"/>
      <c r="GW14" s="82">
        <v>347</v>
      </c>
      <c r="GX14" s="82">
        <v>209</v>
      </c>
      <c r="GY14" s="82">
        <v>156</v>
      </c>
      <c r="GZ14" s="82">
        <v>118</v>
      </c>
      <c r="HA14" s="82">
        <v>118</v>
      </c>
      <c r="HB14" s="84">
        <v>948</v>
      </c>
      <c r="HC14" s="85">
        <v>1584</v>
      </c>
      <c r="HD14" s="70">
        <v>15</v>
      </c>
      <c r="HE14" s="71">
        <v>10</v>
      </c>
      <c r="HF14" s="72">
        <v>25</v>
      </c>
      <c r="HG14" s="244"/>
      <c r="HH14" s="71">
        <v>10</v>
      </c>
      <c r="HI14" s="71">
        <v>7</v>
      </c>
      <c r="HJ14" s="71">
        <v>6</v>
      </c>
      <c r="HK14" s="71">
        <v>2</v>
      </c>
      <c r="HL14" s="71">
        <v>3</v>
      </c>
      <c r="HM14" s="72">
        <v>28</v>
      </c>
      <c r="HN14" s="73">
        <v>53</v>
      </c>
      <c r="HO14" s="70">
        <v>28</v>
      </c>
      <c r="HP14" s="71">
        <v>21</v>
      </c>
      <c r="HQ14" s="72">
        <v>49</v>
      </c>
      <c r="HR14" s="244"/>
      <c r="HS14" s="71">
        <v>24</v>
      </c>
      <c r="HT14" s="71">
        <v>15</v>
      </c>
      <c r="HU14" s="71">
        <v>5</v>
      </c>
      <c r="HV14" s="71">
        <v>5</v>
      </c>
      <c r="HW14" s="71">
        <v>12</v>
      </c>
      <c r="HX14" s="72">
        <v>61</v>
      </c>
      <c r="HY14" s="73">
        <v>110</v>
      </c>
      <c r="HZ14" s="70">
        <v>45</v>
      </c>
      <c r="IA14" s="71">
        <v>27</v>
      </c>
      <c r="IB14" s="72">
        <v>72</v>
      </c>
      <c r="IC14" s="244"/>
      <c r="ID14" s="71">
        <v>34</v>
      </c>
      <c r="IE14" s="71">
        <v>25</v>
      </c>
      <c r="IF14" s="71">
        <v>18</v>
      </c>
      <c r="IG14" s="71">
        <v>12</v>
      </c>
      <c r="IH14" s="71">
        <v>14</v>
      </c>
      <c r="II14" s="72">
        <v>103</v>
      </c>
      <c r="IJ14" s="73">
        <v>175</v>
      </c>
      <c r="IK14" s="70">
        <v>94</v>
      </c>
      <c r="IL14" s="71">
        <v>58</v>
      </c>
      <c r="IM14" s="72">
        <v>152</v>
      </c>
      <c r="IN14" s="244"/>
      <c r="IO14" s="71">
        <v>74</v>
      </c>
      <c r="IP14" s="71">
        <v>33</v>
      </c>
      <c r="IQ14" s="71">
        <v>22</v>
      </c>
      <c r="IR14" s="71">
        <v>9</v>
      </c>
      <c r="IS14" s="71">
        <v>24</v>
      </c>
      <c r="IT14" s="72">
        <v>162</v>
      </c>
      <c r="IU14" s="73">
        <v>314</v>
      </c>
      <c r="IV14" s="70">
        <v>115</v>
      </c>
      <c r="IW14" s="71">
        <v>63</v>
      </c>
      <c r="IX14" s="72">
        <v>178</v>
      </c>
      <c r="IY14" s="244"/>
      <c r="IZ14" s="71">
        <v>99</v>
      </c>
      <c r="JA14" s="71">
        <v>53</v>
      </c>
      <c r="JB14" s="71">
        <v>42</v>
      </c>
      <c r="JC14" s="71">
        <v>35</v>
      </c>
      <c r="JD14" s="71">
        <v>24</v>
      </c>
      <c r="JE14" s="72">
        <v>253</v>
      </c>
      <c r="JF14" s="73">
        <v>431</v>
      </c>
      <c r="JG14" s="70">
        <v>91</v>
      </c>
      <c r="JH14" s="71">
        <v>69</v>
      </c>
      <c r="JI14" s="72">
        <v>160</v>
      </c>
      <c r="JJ14" s="244"/>
      <c r="JK14" s="71">
        <v>106</v>
      </c>
      <c r="JL14" s="71">
        <v>76</v>
      </c>
      <c r="JM14" s="71">
        <v>63</v>
      </c>
      <c r="JN14" s="71">
        <v>55</v>
      </c>
      <c r="JO14" s="71">
        <v>41</v>
      </c>
      <c r="JP14" s="72">
        <v>341</v>
      </c>
      <c r="JQ14" s="73">
        <v>501</v>
      </c>
      <c r="JR14" s="70">
        <v>0</v>
      </c>
      <c r="JS14" s="71">
        <v>0</v>
      </c>
      <c r="JT14" s="72">
        <v>0</v>
      </c>
      <c r="JU14" s="244"/>
      <c r="JV14" s="71">
        <v>0</v>
      </c>
      <c r="JW14" s="71">
        <v>0</v>
      </c>
      <c r="JX14" s="71">
        <v>0</v>
      </c>
      <c r="JY14" s="71">
        <v>0</v>
      </c>
      <c r="JZ14" s="71">
        <v>0</v>
      </c>
      <c r="KA14" s="72">
        <v>0</v>
      </c>
      <c r="KB14" s="73">
        <v>0</v>
      </c>
      <c r="KC14" s="70">
        <v>388</v>
      </c>
      <c r="KD14" s="71">
        <v>248</v>
      </c>
      <c r="KE14" s="72">
        <v>636</v>
      </c>
      <c r="KF14" s="244"/>
      <c r="KG14" s="71">
        <v>347</v>
      </c>
      <c r="KH14" s="71">
        <v>209</v>
      </c>
      <c r="KI14" s="71">
        <v>156</v>
      </c>
      <c r="KJ14" s="71">
        <v>118</v>
      </c>
      <c r="KK14" s="71">
        <v>118</v>
      </c>
      <c r="KL14" s="72">
        <v>948</v>
      </c>
      <c r="KM14" s="73">
        <v>1584</v>
      </c>
    </row>
    <row r="15" spans="2:299" ht="19.5" customHeight="1" x14ac:dyDescent="0.2">
      <c r="B15" s="126" t="s">
        <v>11</v>
      </c>
      <c r="C15" s="315">
        <v>51</v>
      </c>
      <c r="D15" s="82">
        <v>34</v>
      </c>
      <c r="E15" s="83">
        <v>85</v>
      </c>
      <c r="F15" s="241"/>
      <c r="G15" s="82">
        <v>103</v>
      </c>
      <c r="H15" s="82">
        <v>33</v>
      </c>
      <c r="I15" s="82">
        <v>32</v>
      </c>
      <c r="J15" s="82">
        <v>27</v>
      </c>
      <c r="K15" s="82">
        <v>19</v>
      </c>
      <c r="L15" s="84">
        <v>214</v>
      </c>
      <c r="M15" s="85">
        <v>299</v>
      </c>
      <c r="N15" s="70">
        <v>1</v>
      </c>
      <c r="O15" s="71">
        <v>4</v>
      </c>
      <c r="P15" s="72">
        <v>5</v>
      </c>
      <c r="Q15" s="244"/>
      <c r="R15" s="71">
        <v>5</v>
      </c>
      <c r="S15" s="71">
        <v>0</v>
      </c>
      <c r="T15" s="71">
        <v>1</v>
      </c>
      <c r="U15" s="71">
        <v>1</v>
      </c>
      <c r="V15" s="71">
        <v>0</v>
      </c>
      <c r="W15" s="72">
        <v>7</v>
      </c>
      <c r="X15" s="73">
        <v>12</v>
      </c>
      <c r="Y15" s="70">
        <v>4</v>
      </c>
      <c r="Z15" s="71">
        <v>1</v>
      </c>
      <c r="AA15" s="72">
        <v>5</v>
      </c>
      <c r="AB15" s="244"/>
      <c r="AC15" s="71">
        <v>9</v>
      </c>
      <c r="AD15" s="71">
        <v>3</v>
      </c>
      <c r="AE15" s="71">
        <v>3</v>
      </c>
      <c r="AF15" s="71">
        <v>0</v>
      </c>
      <c r="AG15" s="71">
        <v>1</v>
      </c>
      <c r="AH15" s="72">
        <v>16</v>
      </c>
      <c r="AI15" s="73">
        <v>21</v>
      </c>
      <c r="AJ15" s="70">
        <v>4</v>
      </c>
      <c r="AK15" s="71">
        <v>3</v>
      </c>
      <c r="AL15" s="72">
        <v>7</v>
      </c>
      <c r="AM15" s="244"/>
      <c r="AN15" s="71">
        <v>21</v>
      </c>
      <c r="AO15" s="71">
        <v>4</v>
      </c>
      <c r="AP15" s="71">
        <v>4</v>
      </c>
      <c r="AQ15" s="71">
        <v>7</v>
      </c>
      <c r="AR15" s="71">
        <v>3</v>
      </c>
      <c r="AS15" s="72">
        <v>39</v>
      </c>
      <c r="AT15" s="73">
        <v>46</v>
      </c>
      <c r="AU15" s="70">
        <v>10</v>
      </c>
      <c r="AV15" s="71">
        <v>6</v>
      </c>
      <c r="AW15" s="72">
        <v>16</v>
      </c>
      <c r="AX15" s="244"/>
      <c r="AY15" s="71">
        <v>24</v>
      </c>
      <c r="AZ15" s="71">
        <v>10</v>
      </c>
      <c r="BA15" s="71">
        <v>8</v>
      </c>
      <c r="BB15" s="71">
        <v>7</v>
      </c>
      <c r="BC15" s="71">
        <v>3</v>
      </c>
      <c r="BD15" s="72">
        <v>52</v>
      </c>
      <c r="BE15" s="73">
        <v>68</v>
      </c>
      <c r="BF15" s="70">
        <v>24</v>
      </c>
      <c r="BG15" s="71">
        <v>13</v>
      </c>
      <c r="BH15" s="72">
        <v>37</v>
      </c>
      <c r="BI15" s="244"/>
      <c r="BJ15" s="71">
        <v>23</v>
      </c>
      <c r="BK15" s="71">
        <v>6</v>
      </c>
      <c r="BL15" s="71">
        <v>3</v>
      </c>
      <c r="BM15" s="71">
        <v>6</v>
      </c>
      <c r="BN15" s="71">
        <v>6</v>
      </c>
      <c r="BO15" s="72">
        <v>44</v>
      </c>
      <c r="BP15" s="73">
        <v>81</v>
      </c>
      <c r="BQ15" s="70">
        <v>8</v>
      </c>
      <c r="BR15" s="71">
        <v>7</v>
      </c>
      <c r="BS15" s="72">
        <v>15</v>
      </c>
      <c r="BT15" s="244"/>
      <c r="BU15" s="71">
        <v>21</v>
      </c>
      <c r="BV15" s="71">
        <v>10</v>
      </c>
      <c r="BW15" s="71">
        <v>13</v>
      </c>
      <c r="BX15" s="71">
        <v>6</v>
      </c>
      <c r="BY15" s="71">
        <v>6</v>
      </c>
      <c r="BZ15" s="72">
        <v>56</v>
      </c>
      <c r="CA15" s="73">
        <v>71</v>
      </c>
      <c r="CB15" s="70">
        <v>0</v>
      </c>
      <c r="CC15" s="71">
        <v>0</v>
      </c>
      <c r="CD15" s="72">
        <v>0</v>
      </c>
      <c r="CE15" s="244"/>
      <c r="CF15" s="71">
        <v>0</v>
      </c>
      <c r="CG15" s="71">
        <v>0</v>
      </c>
      <c r="CH15" s="71">
        <v>0</v>
      </c>
      <c r="CI15" s="71">
        <v>0</v>
      </c>
      <c r="CJ15" s="71">
        <v>0</v>
      </c>
      <c r="CK15" s="72">
        <v>0</v>
      </c>
      <c r="CL15" s="73">
        <v>0</v>
      </c>
      <c r="CM15" s="70">
        <v>51</v>
      </c>
      <c r="CN15" s="71">
        <v>34</v>
      </c>
      <c r="CO15" s="72">
        <v>85</v>
      </c>
      <c r="CP15" s="244"/>
      <c r="CQ15" s="71">
        <v>103</v>
      </c>
      <c r="CR15" s="71">
        <v>33</v>
      </c>
      <c r="CS15" s="71">
        <v>32</v>
      </c>
      <c r="CT15" s="71">
        <v>27</v>
      </c>
      <c r="CU15" s="71">
        <v>19</v>
      </c>
      <c r="CV15" s="72">
        <v>214</v>
      </c>
      <c r="CW15" s="73">
        <v>299</v>
      </c>
      <c r="CX15" s="123">
        <v>23</v>
      </c>
      <c r="CY15" s="82">
        <v>19</v>
      </c>
      <c r="CZ15" s="83">
        <v>42</v>
      </c>
      <c r="DA15" s="241"/>
      <c r="DB15" s="82">
        <v>39</v>
      </c>
      <c r="DC15" s="82">
        <v>27</v>
      </c>
      <c r="DD15" s="82">
        <v>25</v>
      </c>
      <c r="DE15" s="82">
        <v>33</v>
      </c>
      <c r="DF15" s="82">
        <v>14</v>
      </c>
      <c r="DG15" s="84">
        <v>138</v>
      </c>
      <c r="DH15" s="85">
        <v>180</v>
      </c>
      <c r="DI15" s="70">
        <v>0</v>
      </c>
      <c r="DJ15" s="71">
        <v>1</v>
      </c>
      <c r="DK15" s="72">
        <v>1</v>
      </c>
      <c r="DL15" s="244"/>
      <c r="DM15" s="71">
        <v>1</v>
      </c>
      <c r="DN15" s="71">
        <v>0</v>
      </c>
      <c r="DO15" s="71">
        <v>0</v>
      </c>
      <c r="DP15" s="71">
        <v>0</v>
      </c>
      <c r="DQ15" s="71">
        <v>0</v>
      </c>
      <c r="DR15" s="72">
        <v>1</v>
      </c>
      <c r="DS15" s="73">
        <v>2</v>
      </c>
      <c r="DT15" s="70">
        <v>1</v>
      </c>
      <c r="DU15" s="71">
        <v>0</v>
      </c>
      <c r="DV15" s="72">
        <v>1</v>
      </c>
      <c r="DW15" s="244"/>
      <c r="DX15" s="71">
        <v>5</v>
      </c>
      <c r="DY15" s="71">
        <v>2</v>
      </c>
      <c r="DZ15" s="71">
        <v>0</v>
      </c>
      <c r="EA15" s="71">
        <v>1</v>
      </c>
      <c r="EB15" s="71">
        <v>1</v>
      </c>
      <c r="EC15" s="72">
        <v>9</v>
      </c>
      <c r="ED15" s="73">
        <v>10</v>
      </c>
      <c r="EE15" s="70">
        <v>4</v>
      </c>
      <c r="EF15" s="71">
        <v>4</v>
      </c>
      <c r="EG15" s="72">
        <v>8</v>
      </c>
      <c r="EH15" s="244"/>
      <c r="EI15" s="71">
        <v>5</v>
      </c>
      <c r="EJ15" s="71">
        <v>3</v>
      </c>
      <c r="EK15" s="71">
        <v>3</v>
      </c>
      <c r="EL15" s="71">
        <v>1</v>
      </c>
      <c r="EM15" s="71">
        <v>0</v>
      </c>
      <c r="EN15" s="72">
        <v>12</v>
      </c>
      <c r="EO15" s="73">
        <v>20</v>
      </c>
      <c r="EP15" s="70">
        <v>3</v>
      </c>
      <c r="EQ15" s="71">
        <v>2</v>
      </c>
      <c r="ER15" s="72">
        <v>5</v>
      </c>
      <c r="ES15" s="244"/>
      <c r="ET15" s="71">
        <v>4</v>
      </c>
      <c r="EU15" s="71">
        <v>6</v>
      </c>
      <c r="EV15" s="71">
        <v>1</v>
      </c>
      <c r="EW15" s="71">
        <v>4</v>
      </c>
      <c r="EX15" s="71">
        <v>2</v>
      </c>
      <c r="EY15" s="72">
        <v>17</v>
      </c>
      <c r="EZ15" s="73">
        <v>22</v>
      </c>
      <c r="FA15" s="70">
        <v>9</v>
      </c>
      <c r="FB15" s="71">
        <v>3</v>
      </c>
      <c r="FC15" s="72">
        <v>12</v>
      </c>
      <c r="FD15" s="244"/>
      <c r="FE15" s="71">
        <v>13</v>
      </c>
      <c r="FF15" s="71">
        <v>11</v>
      </c>
      <c r="FG15" s="71">
        <v>10</v>
      </c>
      <c r="FH15" s="71">
        <v>12</v>
      </c>
      <c r="FI15" s="71">
        <v>4</v>
      </c>
      <c r="FJ15" s="72">
        <v>50</v>
      </c>
      <c r="FK15" s="73">
        <v>62</v>
      </c>
      <c r="FL15" s="70">
        <v>6</v>
      </c>
      <c r="FM15" s="71">
        <v>9</v>
      </c>
      <c r="FN15" s="72">
        <v>15</v>
      </c>
      <c r="FO15" s="244"/>
      <c r="FP15" s="71">
        <v>11</v>
      </c>
      <c r="FQ15" s="71">
        <v>5</v>
      </c>
      <c r="FR15" s="71">
        <v>11</v>
      </c>
      <c r="FS15" s="71">
        <v>15</v>
      </c>
      <c r="FT15" s="71">
        <v>7</v>
      </c>
      <c r="FU15" s="72">
        <v>49</v>
      </c>
      <c r="FV15" s="73">
        <v>64</v>
      </c>
      <c r="FW15" s="70">
        <v>0</v>
      </c>
      <c r="FX15" s="71">
        <v>0</v>
      </c>
      <c r="FY15" s="72">
        <v>0</v>
      </c>
      <c r="FZ15" s="244"/>
      <c r="GA15" s="71">
        <v>0</v>
      </c>
      <c r="GB15" s="71">
        <v>0</v>
      </c>
      <c r="GC15" s="71">
        <v>0</v>
      </c>
      <c r="GD15" s="71">
        <v>0</v>
      </c>
      <c r="GE15" s="71">
        <v>0</v>
      </c>
      <c r="GF15" s="72">
        <v>0</v>
      </c>
      <c r="GG15" s="73">
        <v>0</v>
      </c>
      <c r="GH15" s="70">
        <v>23</v>
      </c>
      <c r="GI15" s="71">
        <v>19</v>
      </c>
      <c r="GJ15" s="72">
        <v>42</v>
      </c>
      <c r="GK15" s="244"/>
      <c r="GL15" s="71">
        <v>39</v>
      </c>
      <c r="GM15" s="71">
        <v>27</v>
      </c>
      <c r="GN15" s="71">
        <v>25</v>
      </c>
      <c r="GO15" s="71">
        <v>33</v>
      </c>
      <c r="GP15" s="71">
        <v>14</v>
      </c>
      <c r="GQ15" s="72">
        <v>138</v>
      </c>
      <c r="GR15" s="73">
        <v>180</v>
      </c>
      <c r="GS15" s="123">
        <v>74</v>
      </c>
      <c r="GT15" s="82">
        <v>53</v>
      </c>
      <c r="GU15" s="83">
        <v>127</v>
      </c>
      <c r="GV15" s="241"/>
      <c r="GW15" s="82">
        <v>142</v>
      </c>
      <c r="GX15" s="82">
        <v>60</v>
      </c>
      <c r="GY15" s="82">
        <v>57</v>
      </c>
      <c r="GZ15" s="82">
        <v>60</v>
      </c>
      <c r="HA15" s="82">
        <v>33</v>
      </c>
      <c r="HB15" s="84">
        <v>352</v>
      </c>
      <c r="HC15" s="85">
        <v>479</v>
      </c>
      <c r="HD15" s="70">
        <v>1</v>
      </c>
      <c r="HE15" s="71">
        <v>5</v>
      </c>
      <c r="HF15" s="72">
        <v>6</v>
      </c>
      <c r="HG15" s="244"/>
      <c r="HH15" s="71">
        <v>6</v>
      </c>
      <c r="HI15" s="71">
        <v>0</v>
      </c>
      <c r="HJ15" s="71">
        <v>1</v>
      </c>
      <c r="HK15" s="71">
        <v>1</v>
      </c>
      <c r="HL15" s="71">
        <v>0</v>
      </c>
      <c r="HM15" s="72">
        <v>8</v>
      </c>
      <c r="HN15" s="73">
        <v>14</v>
      </c>
      <c r="HO15" s="70">
        <v>5</v>
      </c>
      <c r="HP15" s="71">
        <v>1</v>
      </c>
      <c r="HQ15" s="72">
        <v>6</v>
      </c>
      <c r="HR15" s="244"/>
      <c r="HS15" s="71">
        <v>14</v>
      </c>
      <c r="HT15" s="71">
        <v>5</v>
      </c>
      <c r="HU15" s="71">
        <v>3</v>
      </c>
      <c r="HV15" s="71">
        <v>1</v>
      </c>
      <c r="HW15" s="71">
        <v>2</v>
      </c>
      <c r="HX15" s="72">
        <v>25</v>
      </c>
      <c r="HY15" s="73">
        <v>31</v>
      </c>
      <c r="HZ15" s="70">
        <v>8</v>
      </c>
      <c r="IA15" s="71">
        <v>7</v>
      </c>
      <c r="IB15" s="72">
        <v>15</v>
      </c>
      <c r="IC15" s="244"/>
      <c r="ID15" s="71">
        <v>26</v>
      </c>
      <c r="IE15" s="71">
        <v>7</v>
      </c>
      <c r="IF15" s="71">
        <v>7</v>
      </c>
      <c r="IG15" s="71">
        <v>8</v>
      </c>
      <c r="IH15" s="71">
        <v>3</v>
      </c>
      <c r="II15" s="72">
        <v>51</v>
      </c>
      <c r="IJ15" s="73">
        <v>66</v>
      </c>
      <c r="IK15" s="70">
        <v>13</v>
      </c>
      <c r="IL15" s="71">
        <v>8</v>
      </c>
      <c r="IM15" s="72">
        <v>21</v>
      </c>
      <c r="IN15" s="244"/>
      <c r="IO15" s="71">
        <v>28</v>
      </c>
      <c r="IP15" s="71">
        <v>16</v>
      </c>
      <c r="IQ15" s="71">
        <v>9</v>
      </c>
      <c r="IR15" s="71">
        <v>11</v>
      </c>
      <c r="IS15" s="71">
        <v>5</v>
      </c>
      <c r="IT15" s="72">
        <v>69</v>
      </c>
      <c r="IU15" s="73">
        <v>90</v>
      </c>
      <c r="IV15" s="70">
        <v>33</v>
      </c>
      <c r="IW15" s="71">
        <v>16</v>
      </c>
      <c r="IX15" s="72">
        <v>49</v>
      </c>
      <c r="IY15" s="244"/>
      <c r="IZ15" s="71">
        <v>36</v>
      </c>
      <c r="JA15" s="71">
        <v>17</v>
      </c>
      <c r="JB15" s="71">
        <v>13</v>
      </c>
      <c r="JC15" s="71">
        <v>18</v>
      </c>
      <c r="JD15" s="71">
        <v>10</v>
      </c>
      <c r="JE15" s="72">
        <v>94</v>
      </c>
      <c r="JF15" s="73">
        <v>143</v>
      </c>
      <c r="JG15" s="70">
        <v>14</v>
      </c>
      <c r="JH15" s="71">
        <v>16</v>
      </c>
      <c r="JI15" s="72">
        <v>30</v>
      </c>
      <c r="JJ15" s="244"/>
      <c r="JK15" s="71">
        <v>32</v>
      </c>
      <c r="JL15" s="71">
        <v>15</v>
      </c>
      <c r="JM15" s="71">
        <v>24</v>
      </c>
      <c r="JN15" s="71">
        <v>21</v>
      </c>
      <c r="JO15" s="71">
        <v>13</v>
      </c>
      <c r="JP15" s="72">
        <v>105</v>
      </c>
      <c r="JQ15" s="73">
        <v>135</v>
      </c>
      <c r="JR15" s="70">
        <v>0</v>
      </c>
      <c r="JS15" s="71">
        <v>0</v>
      </c>
      <c r="JT15" s="72">
        <v>0</v>
      </c>
      <c r="JU15" s="244"/>
      <c r="JV15" s="71">
        <v>0</v>
      </c>
      <c r="JW15" s="71">
        <v>0</v>
      </c>
      <c r="JX15" s="71">
        <v>0</v>
      </c>
      <c r="JY15" s="71">
        <v>0</v>
      </c>
      <c r="JZ15" s="71">
        <v>0</v>
      </c>
      <c r="KA15" s="72">
        <v>0</v>
      </c>
      <c r="KB15" s="73">
        <v>0</v>
      </c>
      <c r="KC15" s="70">
        <v>74</v>
      </c>
      <c r="KD15" s="71">
        <v>53</v>
      </c>
      <c r="KE15" s="72">
        <v>127</v>
      </c>
      <c r="KF15" s="244"/>
      <c r="KG15" s="71">
        <v>142</v>
      </c>
      <c r="KH15" s="71">
        <v>60</v>
      </c>
      <c r="KI15" s="71">
        <v>57</v>
      </c>
      <c r="KJ15" s="71">
        <v>60</v>
      </c>
      <c r="KK15" s="71">
        <v>33</v>
      </c>
      <c r="KL15" s="72">
        <v>352</v>
      </c>
      <c r="KM15" s="73">
        <v>479</v>
      </c>
    </row>
    <row r="16" spans="2:299" ht="19.5" customHeight="1" x14ac:dyDescent="0.2">
      <c r="B16" s="126" t="s">
        <v>12</v>
      </c>
      <c r="C16" s="315">
        <v>147</v>
      </c>
      <c r="D16" s="82">
        <v>77</v>
      </c>
      <c r="E16" s="83">
        <v>224</v>
      </c>
      <c r="F16" s="241"/>
      <c r="G16" s="82">
        <v>103</v>
      </c>
      <c r="H16" s="82">
        <v>69</v>
      </c>
      <c r="I16" s="82">
        <v>55</v>
      </c>
      <c r="J16" s="82">
        <v>61</v>
      </c>
      <c r="K16" s="82">
        <v>32</v>
      </c>
      <c r="L16" s="84">
        <v>320</v>
      </c>
      <c r="M16" s="85">
        <v>544</v>
      </c>
      <c r="N16" s="86">
        <v>4</v>
      </c>
      <c r="O16" s="71">
        <v>5</v>
      </c>
      <c r="P16" s="72">
        <v>9</v>
      </c>
      <c r="Q16" s="244"/>
      <c r="R16" s="71">
        <v>0</v>
      </c>
      <c r="S16" s="71">
        <v>3</v>
      </c>
      <c r="T16" s="71">
        <v>2</v>
      </c>
      <c r="U16" s="71">
        <v>1</v>
      </c>
      <c r="V16" s="71">
        <v>1</v>
      </c>
      <c r="W16" s="72">
        <v>7</v>
      </c>
      <c r="X16" s="73">
        <v>16</v>
      </c>
      <c r="Y16" s="70">
        <v>8</v>
      </c>
      <c r="Z16" s="71">
        <v>5</v>
      </c>
      <c r="AA16" s="72">
        <v>13</v>
      </c>
      <c r="AB16" s="244"/>
      <c r="AC16" s="71">
        <v>6</v>
      </c>
      <c r="AD16" s="71">
        <v>4</v>
      </c>
      <c r="AE16" s="71">
        <v>1</v>
      </c>
      <c r="AF16" s="71">
        <v>3</v>
      </c>
      <c r="AG16" s="71">
        <v>3</v>
      </c>
      <c r="AH16" s="72">
        <v>17</v>
      </c>
      <c r="AI16" s="73">
        <v>30</v>
      </c>
      <c r="AJ16" s="86">
        <v>13</v>
      </c>
      <c r="AK16" s="71">
        <v>9</v>
      </c>
      <c r="AL16" s="72">
        <v>22</v>
      </c>
      <c r="AM16" s="244"/>
      <c r="AN16" s="71">
        <v>3</v>
      </c>
      <c r="AO16" s="71">
        <v>5</v>
      </c>
      <c r="AP16" s="71">
        <v>5</v>
      </c>
      <c r="AQ16" s="71">
        <v>7</v>
      </c>
      <c r="AR16" s="71">
        <v>6</v>
      </c>
      <c r="AS16" s="72">
        <v>26</v>
      </c>
      <c r="AT16" s="73">
        <v>48</v>
      </c>
      <c r="AU16" s="70">
        <v>37</v>
      </c>
      <c r="AV16" s="71">
        <v>17</v>
      </c>
      <c r="AW16" s="72">
        <v>54</v>
      </c>
      <c r="AX16" s="244"/>
      <c r="AY16" s="71">
        <v>28</v>
      </c>
      <c r="AZ16" s="71">
        <v>22</v>
      </c>
      <c r="BA16" s="71">
        <v>11</v>
      </c>
      <c r="BB16" s="71">
        <v>13</v>
      </c>
      <c r="BC16" s="71">
        <v>9</v>
      </c>
      <c r="BD16" s="72">
        <v>83</v>
      </c>
      <c r="BE16" s="73">
        <v>137</v>
      </c>
      <c r="BF16" s="86">
        <v>50</v>
      </c>
      <c r="BG16" s="71">
        <v>17</v>
      </c>
      <c r="BH16" s="72">
        <v>67</v>
      </c>
      <c r="BI16" s="244"/>
      <c r="BJ16" s="71">
        <v>36</v>
      </c>
      <c r="BK16" s="71">
        <v>19</v>
      </c>
      <c r="BL16" s="71">
        <v>20</v>
      </c>
      <c r="BM16" s="71">
        <v>19</v>
      </c>
      <c r="BN16" s="71">
        <v>9</v>
      </c>
      <c r="BO16" s="72">
        <v>103</v>
      </c>
      <c r="BP16" s="73">
        <v>170</v>
      </c>
      <c r="BQ16" s="70">
        <v>35</v>
      </c>
      <c r="BR16" s="71">
        <v>24</v>
      </c>
      <c r="BS16" s="72">
        <v>59</v>
      </c>
      <c r="BT16" s="244"/>
      <c r="BU16" s="71">
        <v>30</v>
      </c>
      <c r="BV16" s="71">
        <v>16</v>
      </c>
      <c r="BW16" s="71">
        <v>16</v>
      </c>
      <c r="BX16" s="71">
        <v>18</v>
      </c>
      <c r="BY16" s="71">
        <v>4</v>
      </c>
      <c r="BZ16" s="72">
        <v>84</v>
      </c>
      <c r="CA16" s="73">
        <v>143</v>
      </c>
      <c r="CB16" s="70">
        <v>0</v>
      </c>
      <c r="CC16" s="71">
        <v>0</v>
      </c>
      <c r="CD16" s="72">
        <v>0</v>
      </c>
      <c r="CE16" s="244"/>
      <c r="CF16" s="71">
        <v>0</v>
      </c>
      <c r="CG16" s="71">
        <v>0</v>
      </c>
      <c r="CH16" s="71">
        <v>0</v>
      </c>
      <c r="CI16" s="71">
        <v>0</v>
      </c>
      <c r="CJ16" s="71">
        <v>0</v>
      </c>
      <c r="CK16" s="72">
        <v>0</v>
      </c>
      <c r="CL16" s="73">
        <v>0</v>
      </c>
      <c r="CM16" s="70">
        <v>147</v>
      </c>
      <c r="CN16" s="71">
        <v>77</v>
      </c>
      <c r="CO16" s="72">
        <v>224</v>
      </c>
      <c r="CP16" s="244"/>
      <c r="CQ16" s="71">
        <v>103</v>
      </c>
      <c r="CR16" s="71">
        <v>69</v>
      </c>
      <c r="CS16" s="71">
        <v>55</v>
      </c>
      <c r="CT16" s="71">
        <v>61</v>
      </c>
      <c r="CU16" s="71">
        <v>32</v>
      </c>
      <c r="CV16" s="72">
        <v>320</v>
      </c>
      <c r="CW16" s="73">
        <v>544</v>
      </c>
      <c r="CX16" s="123">
        <v>36</v>
      </c>
      <c r="CY16" s="82">
        <v>36</v>
      </c>
      <c r="CZ16" s="83">
        <v>72</v>
      </c>
      <c r="DA16" s="241"/>
      <c r="DB16" s="82">
        <v>37</v>
      </c>
      <c r="DC16" s="82">
        <v>25</v>
      </c>
      <c r="DD16" s="82">
        <v>28</v>
      </c>
      <c r="DE16" s="82">
        <v>30</v>
      </c>
      <c r="DF16" s="82">
        <v>9</v>
      </c>
      <c r="DG16" s="84">
        <v>129</v>
      </c>
      <c r="DH16" s="85">
        <v>201</v>
      </c>
      <c r="DI16" s="86">
        <v>1</v>
      </c>
      <c r="DJ16" s="71">
        <v>0</v>
      </c>
      <c r="DK16" s="72">
        <v>1</v>
      </c>
      <c r="DL16" s="244"/>
      <c r="DM16" s="71">
        <v>2</v>
      </c>
      <c r="DN16" s="71">
        <v>0</v>
      </c>
      <c r="DO16" s="71">
        <v>1</v>
      </c>
      <c r="DP16" s="71">
        <v>0</v>
      </c>
      <c r="DQ16" s="71">
        <v>0</v>
      </c>
      <c r="DR16" s="72">
        <v>3</v>
      </c>
      <c r="DS16" s="73">
        <v>4</v>
      </c>
      <c r="DT16" s="70">
        <v>2</v>
      </c>
      <c r="DU16" s="71">
        <v>3</v>
      </c>
      <c r="DV16" s="72">
        <v>5</v>
      </c>
      <c r="DW16" s="244"/>
      <c r="DX16" s="71">
        <v>1</v>
      </c>
      <c r="DY16" s="71">
        <v>0</v>
      </c>
      <c r="DZ16" s="71">
        <v>0</v>
      </c>
      <c r="EA16" s="71">
        <v>1</v>
      </c>
      <c r="EB16" s="71">
        <v>0</v>
      </c>
      <c r="EC16" s="72">
        <v>2</v>
      </c>
      <c r="ED16" s="73">
        <v>7</v>
      </c>
      <c r="EE16" s="86">
        <v>5</v>
      </c>
      <c r="EF16" s="71">
        <v>4</v>
      </c>
      <c r="EG16" s="72">
        <v>9</v>
      </c>
      <c r="EH16" s="244"/>
      <c r="EI16" s="71">
        <v>2</v>
      </c>
      <c r="EJ16" s="71">
        <v>3</v>
      </c>
      <c r="EK16" s="71">
        <v>1</v>
      </c>
      <c r="EL16" s="71">
        <v>1</v>
      </c>
      <c r="EM16" s="71">
        <v>2</v>
      </c>
      <c r="EN16" s="72">
        <v>9</v>
      </c>
      <c r="EO16" s="73">
        <v>18</v>
      </c>
      <c r="EP16" s="70">
        <v>8</v>
      </c>
      <c r="EQ16" s="71">
        <v>11</v>
      </c>
      <c r="ER16" s="72">
        <v>19</v>
      </c>
      <c r="ES16" s="244"/>
      <c r="ET16" s="71">
        <v>8</v>
      </c>
      <c r="EU16" s="71">
        <v>2</v>
      </c>
      <c r="EV16" s="71">
        <v>3</v>
      </c>
      <c r="EW16" s="71">
        <v>4</v>
      </c>
      <c r="EX16" s="71">
        <v>2</v>
      </c>
      <c r="EY16" s="72">
        <v>19</v>
      </c>
      <c r="EZ16" s="73">
        <v>38</v>
      </c>
      <c r="FA16" s="86">
        <v>11</v>
      </c>
      <c r="FB16" s="71">
        <v>8</v>
      </c>
      <c r="FC16" s="72">
        <v>19</v>
      </c>
      <c r="FD16" s="244"/>
      <c r="FE16" s="71">
        <v>10</v>
      </c>
      <c r="FF16" s="71">
        <v>9</v>
      </c>
      <c r="FG16" s="71">
        <v>11</v>
      </c>
      <c r="FH16" s="71">
        <v>6</v>
      </c>
      <c r="FI16" s="71">
        <v>1</v>
      </c>
      <c r="FJ16" s="72">
        <v>37</v>
      </c>
      <c r="FK16" s="73">
        <v>56</v>
      </c>
      <c r="FL16" s="70">
        <v>9</v>
      </c>
      <c r="FM16" s="71">
        <v>10</v>
      </c>
      <c r="FN16" s="72">
        <v>19</v>
      </c>
      <c r="FO16" s="244"/>
      <c r="FP16" s="71">
        <v>14</v>
      </c>
      <c r="FQ16" s="71">
        <v>11</v>
      </c>
      <c r="FR16" s="71">
        <v>12</v>
      </c>
      <c r="FS16" s="71">
        <v>18</v>
      </c>
      <c r="FT16" s="71">
        <v>4</v>
      </c>
      <c r="FU16" s="72">
        <v>59</v>
      </c>
      <c r="FV16" s="73">
        <v>78</v>
      </c>
      <c r="FW16" s="70">
        <v>0</v>
      </c>
      <c r="FX16" s="71">
        <v>0</v>
      </c>
      <c r="FY16" s="72">
        <v>0</v>
      </c>
      <c r="FZ16" s="244"/>
      <c r="GA16" s="71">
        <v>0</v>
      </c>
      <c r="GB16" s="71">
        <v>0</v>
      </c>
      <c r="GC16" s="71">
        <v>0</v>
      </c>
      <c r="GD16" s="71">
        <v>0</v>
      </c>
      <c r="GE16" s="71">
        <v>0</v>
      </c>
      <c r="GF16" s="72">
        <v>0</v>
      </c>
      <c r="GG16" s="73">
        <v>0</v>
      </c>
      <c r="GH16" s="70">
        <v>36</v>
      </c>
      <c r="GI16" s="71">
        <v>36</v>
      </c>
      <c r="GJ16" s="72">
        <v>72</v>
      </c>
      <c r="GK16" s="244"/>
      <c r="GL16" s="71">
        <v>37</v>
      </c>
      <c r="GM16" s="71">
        <v>25</v>
      </c>
      <c r="GN16" s="71">
        <v>28</v>
      </c>
      <c r="GO16" s="71">
        <v>30</v>
      </c>
      <c r="GP16" s="71">
        <v>9</v>
      </c>
      <c r="GQ16" s="72">
        <v>129</v>
      </c>
      <c r="GR16" s="73">
        <v>201</v>
      </c>
      <c r="GS16" s="123">
        <v>183</v>
      </c>
      <c r="GT16" s="82">
        <v>113</v>
      </c>
      <c r="GU16" s="83">
        <v>296</v>
      </c>
      <c r="GV16" s="241"/>
      <c r="GW16" s="82">
        <v>140</v>
      </c>
      <c r="GX16" s="82">
        <v>94</v>
      </c>
      <c r="GY16" s="82">
        <v>83</v>
      </c>
      <c r="GZ16" s="82">
        <v>91</v>
      </c>
      <c r="HA16" s="82">
        <v>41</v>
      </c>
      <c r="HB16" s="84">
        <v>449</v>
      </c>
      <c r="HC16" s="85">
        <v>745</v>
      </c>
      <c r="HD16" s="86">
        <v>5</v>
      </c>
      <c r="HE16" s="71">
        <v>5</v>
      </c>
      <c r="HF16" s="72">
        <v>10</v>
      </c>
      <c r="HG16" s="244"/>
      <c r="HH16" s="71">
        <v>2</v>
      </c>
      <c r="HI16" s="71">
        <v>3</v>
      </c>
      <c r="HJ16" s="71">
        <v>3</v>
      </c>
      <c r="HK16" s="71">
        <v>1</v>
      </c>
      <c r="HL16" s="71">
        <v>1</v>
      </c>
      <c r="HM16" s="72">
        <v>10</v>
      </c>
      <c r="HN16" s="73">
        <v>20</v>
      </c>
      <c r="HO16" s="70">
        <v>10</v>
      </c>
      <c r="HP16" s="71">
        <v>8</v>
      </c>
      <c r="HQ16" s="72">
        <v>18</v>
      </c>
      <c r="HR16" s="244"/>
      <c r="HS16" s="71">
        <v>7</v>
      </c>
      <c r="HT16" s="71">
        <v>4</v>
      </c>
      <c r="HU16" s="71">
        <v>1</v>
      </c>
      <c r="HV16" s="71">
        <v>4</v>
      </c>
      <c r="HW16" s="71">
        <v>3</v>
      </c>
      <c r="HX16" s="72">
        <v>19</v>
      </c>
      <c r="HY16" s="73">
        <v>37</v>
      </c>
      <c r="HZ16" s="86">
        <v>18</v>
      </c>
      <c r="IA16" s="71">
        <v>13</v>
      </c>
      <c r="IB16" s="72">
        <v>31</v>
      </c>
      <c r="IC16" s="244"/>
      <c r="ID16" s="71">
        <v>5</v>
      </c>
      <c r="IE16" s="71">
        <v>8</v>
      </c>
      <c r="IF16" s="71">
        <v>6</v>
      </c>
      <c r="IG16" s="71">
        <v>8</v>
      </c>
      <c r="IH16" s="71">
        <v>8</v>
      </c>
      <c r="II16" s="72">
        <v>35</v>
      </c>
      <c r="IJ16" s="73">
        <v>66</v>
      </c>
      <c r="IK16" s="70">
        <v>45</v>
      </c>
      <c r="IL16" s="71">
        <v>28</v>
      </c>
      <c r="IM16" s="72">
        <v>73</v>
      </c>
      <c r="IN16" s="244"/>
      <c r="IO16" s="71">
        <v>36</v>
      </c>
      <c r="IP16" s="71">
        <v>24</v>
      </c>
      <c r="IQ16" s="71">
        <v>14</v>
      </c>
      <c r="IR16" s="71">
        <v>17</v>
      </c>
      <c r="IS16" s="71">
        <v>11</v>
      </c>
      <c r="IT16" s="72">
        <v>102</v>
      </c>
      <c r="IU16" s="73">
        <v>175</v>
      </c>
      <c r="IV16" s="86">
        <v>61</v>
      </c>
      <c r="IW16" s="71">
        <v>25</v>
      </c>
      <c r="IX16" s="72">
        <v>86</v>
      </c>
      <c r="IY16" s="244"/>
      <c r="IZ16" s="71">
        <v>46</v>
      </c>
      <c r="JA16" s="71">
        <v>28</v>
      </c>
      <c r="JB16" s="71">
        <v>31</v>
      </c>
      <c r="JC16" s="71">
        <v>25</v>
      </c>
      <c r="JD16" s="71">
        <v>10</v>
      </c>
      <c r="JE16" s="72">
        <v>140</v>
      </c>
      <c r="JF16" s="73">
        <v>226</v>
      </c>
      <c r="JG16" s="70">
        <v>44</v>
      </c>
      <c r="JH16" s="71">
        <v>34</v>
      </c>
      <c r="JI16" s="72">
        <v>78</v>
      </c>
      <c r="JJ16" s="244"/>
      <c r="JK16" s="71">
        <v>44</v>
      </c>
      <c r="JL16" s="71">
        <v>27</v>
      </c>
      <c r="JM16" s="71">
        <v>28</v>
      </c>
      <c r="JN16" s="71">
        <v>36</v>
      </c>
      <c r="JO16" s="71">
        <v>8</v>
      </c>
      <c r="JP16" s="72">
        <v>143</v>
      </c>
      <c r="JQ16" s="73">
        <v>221</v>
      </c>
      <c r="JR16" s="70">
        <v>0</v>
      </c>
      <c r="JS16" s="71">
        <v>0</v>
      </c>
      <c r="JT16" s="72">
        <v>0</v>
      </c>
      <c r="JU16" s="244"/>
      <c r="JV16" s="71">
        <v>0</v>
      </c>
      <c r="JW16" s="71">
        <v>0</v>
      </c>
      <c r="JX16" s="71">
        <v>0</v>
      </c>
      <c r="JY16" s="71">
        <v>0</v>
      </c>
      <c r="JZ16" s="71">
        <v>0</v>
      </c>
      <c r="KA16" s="72">
        <v>0</v>
      </c>
      <c r="KB16" s="73">
        <v>0</v>
      </c>
      <c r="KC16" s="70">
        <v>183</v>
      </c>
      <c r="KD16" s="71">
        <v>113</v>
      </c>
      <c r="KE16" s="72">
        <v>296</v>
      </c>
      <c r="KF16" s="244"/>
      <c r="KG16" s="71">
        <v>140</v>
      </c>
      <c r="KH16" s="71">
        <v>94</v>
      </c>
      <c r="KI16" s="71">
        <v>83</v>
      </c>
      <c r="KJ16" s="71">
        <v>91</v>
      </c>
      <c r="KK16" s="71">
        <v>41</v>
      </c>
      <c r="KL16" s="72">
        <v>449</v>
      </c>
      <c r="KM16" s="73">
        <v>745</v>
      </c>
    </row>
    <row r="17" spans="2:299" ht="19.5" customHeight="1" x14ac:dyDescent="0.2">
      <c r="B17" s="126" t="s">
        <v>13</v>
      </c>
      <c r="C17" s="315">
        <v>38</v>
      </c>
      <c r="D17" s="82">
        <v>40</v>
      </c>
      <c r="E17" s="83">
        <v>78</v>
      </c>
      <c r="F17" s="241"/>
      <c r="G17" s="82">
        <v>57</v>
      </c>
      <c r="H17" s="82">
        <v>57</v>
      </c>
      <c r="I17" s="82">
        <v>38</v>
      </c>
      <c r="J17" s="82">
        <v>21</v>
      </c>
      <c r="K17" s="82">
        <v>16</v>
      </c>
      <c r="L17" s="84">
        <v>189</v>
      </c>
      <c r="M17" s="85">
        <v>267</v>
      </c>
      <c r="N17" s="70">
        <v>0</v>
      </c>
      <c r="O17" s="71">
        <v>1</v>
      </c>
      <c r="P17" s="72">
        <v>1</v>
      </c>
      <c r="Q17" s="244"/>
      <c r="R17" s="71">
        <v>3</v>
      </c>
      <c r="S17" s="71">
        <v>0</v>
      </c>
      <c r="T17" s="71">
        <v>0</v>
      </c>
      <c r="U17" s="71">
        <v>1</v>
      </c>
      <c r="V17" s="71">
        <v>0</v>
      </c>
      <c r="W17" s="72">
        <v>4</v>
      </c>
      <c r="X17" s="73">
        <v>5</v>
      </c>
      <c r="Y17" s="70">
        <v>3</v>
      </c>
      <c r="Z17" s="71">
        <v>2</v>
      </c>
      <c r="AA17" s="72">
        <v>5</v>
      </c>
      <c r="AB17" s="244"/>
      <c r="AC17" s="71">
        <v>3</v>
      </c>
      <c r="AD17" s="71">
        <v>1</v>
      </c>
      <c r="AE17" s="71">
        <v>0</v>
      </c>
      <c r="AF17" s="71">
        <v>0</v>
      </c>
      <c r="AG17" s="71">
        <v>1</v>
      </c>
      <c r="AH17" s="72">
        <v>5</v>
      </c>
      <c r="AI17" s="73">
        <v>10</v>
      </c>
      <c r="AJ17" s="70">
        <v>2</v>
      </c>
      <c r="AK17" s="71">
        <v>2</v>
      </c>
      <c r="AL17" s="72">
        <v>4</v>
      </c>
      <c r="AM17" s="244"/>
      <c r="AN17" s="71">
        <v>6</v>
      </c>
      <c r="AO17" s="71">
        <v>7</v>
      </c>
      <c r="AP17" s="71">
        <v>4</v>
      </c>
      <c r="AQ17" s="71">
        <v>3</v>
      </c>
      <c r="AR17" s="71">
        <v>0</v>
      </c>
      <c r="AS17" s="72">
        <v>20</v>
      </c>
      <c r="AT17" s="73">
        <v>24</v>
      </c>
      <c r="AU17" s="70">
        <v>7</v>
      </c>
      <c r="AV17" s="71">
        <v>11</v>
      </c>
      <c r="AW17" s="72">
        <v>18</v>
      </c>
      <c r="AX17" s="244"/>
      <c r="AY17" s="71">
        <v>13</v>
      </c>
      <c r="AZ17" s="71">
        <v>10</v>
      </c>
      <c r="BA17" s="71">
        <v>9</v>
      </c>
      <c r="BB17" s="71">
        <v>5</v>
      </c>
      <c r="BC17" s="71">
        <v>2</v>
      </c>
      <c r="BD17" s="72">
        <v>39</v>
      </c>
      <c r="BE17" s="73">
        <v>57</v>
      </c>
      <c r="BF17" s="70">
        <v>16</v>
      </c>
      <c r="BG17" s="71">
        <v>13</v>
      </c>
      <c r="BH17" s="72">
        <v>29</v>
      </c>
      <c r="BI17" s="244"/>
      <c r="BJ17" s="71">
        <v>14</v>
      </c>
      <c r="BK17" s="71">
        <v>19</v>
      </c>
      <c r="BL17" s="71">
        <v>11</v>
      </c>
      <c r="BM17" s="71">
        <v>5</v>
      </c>
      <c r="BN17" s="71">
        <v>6</v>
      </c>
      <c r="BO17" s="72">
        <v>55</v>
      </c>
      <c r="BP17" s="73">
        <v>84</v>
      </c>
      <c r="BQ17" s="70">
        <v>10</v>
      </c>
      <c r="BR17" s="71">
        <v>11</v>
      </c>
      <c r="BS17" s="72">
        <v>21</v>
      </c>
      <c r="BT17" s="244"/>
      <c r="BU17" s="71">
        <v>18</v>
      </c>
      <c r="BV17" s="71">
        <v>20</v>
      </c>
      <c r="BW17" s="71">
        <v>14</v>
      </c>
      <c r="BX17" s="71">
        <v>7</v>
      </c>
      <c r="BY17" s="71">
        <v>7</v>
      </c>
      <c r="BZ17" s="72">
        <v>66</v>
      </c>
      <c r="CA17" s="73">
        <v>87</v>
      </c>
      <c r="CB17" s="70">
        <v>0</v>
      </c>
      <c r="CC17" s="71">
        <v>0</v>
      </c>
      <c r="CD17" s="72">
        <v>0</v>
      </c>
      <c r="CE17" s="244"/>
      <c r="CF17" s="71">
        <v>0</v>
      </c>
      <c r="CG17" s="71">
        <v>0</v>
      </c>
      <c r="CH17" s="71">
        <v>0</v>
      </c>
      <c r="CI17" s="71">
        <v>0</v>
      </c>
      <c r="CJ17" s="71">
        <v>0</v>
      </c>
      <c r="CK17" s="72">
        <v>0</v>
      </c>
      <c r="CL17" s="73">
        <v>0</v>
      </c>
      <c r="CM17" s="70">
        <v>38</v>
      </c>
      <c r="CN17" s="71">
        <v>40</v>
      </c>
      <c r="CO17" s="72">
        <v>78</v>
      </c>
      <c r="CP17" s="244"/>
      <c r="CQ17" s="71">
        <v>57</v>
      </c>
      <c r="CR17" s="71">
        <v>57</v>
      </c>
      <c r="CS17" s="71">
        <v>38</v>
      </c>
      <c r="CT17" s="71">
        <v>21</v>
      </c>
      <c r="CU17" s="71">
        <v>16</v>
      </c>
      <c r="CV17" s="72">
        <v>189</v>
      </c>
      <c r="CW17" s="73">
        <v>267</v>
      </c>
      <c r="CX17" s="123">
        <v>16</v>
      </c>
      <c r="CY17" s="82">
        <v>14</v>
      </c>
      <c r="CZ17" s="83">
        <v>30</v>
      </c>
      <c r="DA17" s="241"/>
      <c r="DB17" s="82">
        <v>32</v>
      </c>
      <c r="DC17" s="82">
        <v>23</v>
      </c>
      <c r="DD17" s="82">
        <v>11</v>
      </c>
      <c r="DE17" s="82">
        <v>13</v>
      </c>
      <c r="DF17" s="82">
        <v>10</v>
      </c>
      <c r="DG17" s="84">
        <v>89</v>
      </c>
      <c r="DH17" s="85">
        <v>119</v>
      </c>
      <c r="DI17" s="70">
        <v>1</v>
      </c>
      <c r="DJ17" s="71">
        <v>0</v>
      </c>
      <c r="DK17" s="72">
        <v>1</v>
      </c>
      <c r="DL17" s="244"/>
      <c r="DM17" s="71">
        <v>0</v>
      </c>
      <c r="DN17" s="71">
        <v>0</v>
      </c>
      <c r="DO17" s="71">
        <v>0</v>
      </c>
      <c r="DP17" s="71">
        <v>0</v>
      </c>
      <c r="DQ17" s="71">
        <v>0</v>
      </c>
      <c r="DR17" s="72">
        <v>0</v>
      </c>
      <c r="DS17" s="73">
        <v>1</v>
      </c>
      <c r="DT17" s="70">
        <v>2</v>
      </c>
      <c r="DU17" s="71">
        <v>0</v>
      </c>
      <c r="DV17" s="72">
        <v>2</v>
      </c>
      <c r="DW17" s="244"/>
      <c r="DX17" s="71">
        <v>3</v>
      </c>
      <c r="DY17" s="71">
        <v>1</v>
      </c>
      <c r="DZ17" s="71">
        <v>1</v>
      </c>
      <c r="EA17" s="71">
        <v>0</v>
      </c>
      <c r="EB17" s="71">
        <v>1</v>
      </c>
      <c r="EC17" s="72">
        <v>6</v>
      </c>
      <c r="ED17" s="73">
        <v>8</v>
      </c>
      <c r="EE17" s="70">
        <v>1</v>
      </c>
      <c r="EF17" s="71">
        <v>0</v>
      </c>
      <c r="EG17" s="72">
        <v>1</v>
      </c>
      <c r="EH17" s="244"/>
      <c r="EI17" s="71">
        <v>4</v>
      </c>
      <c r="EJ17" s="71">
        <v>1</v>
      </c>
      <c r="EK17" s="71">
        <v>1</v>
      </c>
      <c r="EL17" s="71">
        <v>1</v>
      </c>
      <c r="EM17" s="71">
        <v>0</v>
      </c>
      <c r="EN17" s="72">
        <v>7</v>
      </c>
      <c r="EO17" s="73">
        <v>8</v>
      </c>
      <c r="EP17" s="70">
        <v>2</v>
      </c>
      <c r="EQ17" s="71">
        <v>3</v>
      </c>
      <c r="ER17" s="72">
        <v>5</v>
      </c>
      <c r="ES17" s="244"/>
      <c r="ET17" s="71">
        <v>7</v>
      </c>
      <c r="EU17" s="71">
        <v>4</v>
      </c>
      <c r="EV17" s="71">
        <v>2</v>
      </c>
      <c r="EW17" s="71">
        <v>1</v>
      </c>
      <c r="EX17" s="71">
        <v>1</v>
      </c>
      <c r="EY17" s="72">
        <v>15</v>
      </c>
      <c r="EZ17" s="73">
        <v>20</v>
      </c>
      <c r="FA17" s="70">
        <v>6</v>
      </c>
      <c r="FB17" s="71">
        <v>6</v>
      </c>
      <c r="FC17" s="72">
        <v>12</v>
      </c>
      <c r="FD17" s="244"/>
      <c r="FE17" s="71">
        <v>8</v>
      </c>
      <c r="FF17" s="71">
        <v>10</v>
      </c>
      <c r="FG17" s="71">
        <v>1</v>
      </c>
      <c r="FH17" s="71">
        <v>5</v>
      </c>
      <c r="FI17" s="71">
        <v>0</v>
      </c>
      <c r="FJ17" s="72">
        <v>24</v>
      </c>
      <c r="FK17" s="73">
        <v>36</v>
      </c>
      <c r="FL17" s="70">
        <v>4</v>
      </c>
      <c r="FM17" s="71">
        <v>5</v>
      </c>
      <c r="FN17" s="72">
        <v>9</v>
      </c>
      <c r="FO17" s="244"/>
      <c r="FP17" s="71">
        <v>10</v>
      </c>
      <c r="FQ17" s="71">
        <v>7</v>
      </c>
      <c r="FR17" s="71">
        <v>6</v>
      </c>
      <c r="FS17" s="71">
        <v>6</v>
      </c>
      <c r="FT17" s="71">
        <v>8</v>
      </c>
      <c r="FU17" s="72">
        <v>37</v>
      </c>
      <c r="FV17" s="73">
        <v>46</v>
      </c>
      <c r="FW17" s="70">
        <v>0</v>
      </c>
      <c r="FX17" s="71">
        <v>0</v>
      </c>
      <c r="FY17" s="72">
        <v>0</v>
      </c>
      <c r="FZ17" s="244"/>
      <c r="GA17" s="71">
        <v>0</v>
      </c>
      <c r="GB17" s="71">
        <v>0</v>
      </c>
      <c r="GC17" s="71">
        <v>0</v>
      </c>
      <c r="GD17" s="71">
        <v>0</v>
      </c>
      <c r="GE17" s="71">
        <v>0</v>
      </c>
      <c r="GF17" s="72">
        <v>0</v>
      </c>
      <c r="GG17" s="73">
        <v>0</v>
      </c>
      <c r="GH17" s="70">
        <v>16</v>
      </c>
      <c r="GI17" s="71">
        <v>14</v>
      </c>
      <c r="GJ17" s="72">
        <v>30</v>
      </c>
      <c r="GK17" s="244"/>
      <c r="GL17" s="71">
        <v>32</v>
      </c>
      <c r="GM17" s="71">
        <v>23</v>
      </c>
      <c r="GN17" s="71">
        <v>11</v>
      </c>
      <c r="GO17" s="71">
        <v>13</v>
      </c>
      <c r="GP17" s="71">
        <v>10</v>
      </c>
      <c r="GQ17" s="72">
        <v>89</v>
      </c>
      <c r="GR17" s="73">
        <v>119</v>
      </c>
      <c r="GS17" s="123">
        <v>54</v>
      </c>
      <c r="GT17" s="82">
        <v>54</v>
      </c>
      <c r="GU17" s="83">
        <v>108</v>
      </c>
      <c r="GV17" s="241"/>
      <c r="GW17" s="82">
        <v>89</v>
      </c>
      <c r="GX17" s="82">
        <v>80</v>
      </c>
      <c r="GY17" s="82">
        <v>49</v>
      </c>
      <c r="GZ17" s="82">
        <v>34</v>
      </c>
      <c r="HA17" s="82">
        <v>26</v>
      </c>
      <c r="HB17" s="84">
        <v>278</v>
      </c>
      <c r="HC17" s="85">
        <v>386</v>
      </c>
      <c r="HD17" s="70">
        <v>1</v>
      </c>
      <c r="HE17" s="71">
        <v>1</v>
      </c>
      <c r="HF17" s="72">
        <v>2</v>
      </c>
      <c r="HG17" s="244"/>
      <c r="HH17" s="71">
        <v>3</v>
      </c>
      <c r="HI17" s="71">
        <v>0</v>
      </c>
      <c r="HJ17" s="71">
        <v>0</v>
      </c>
      <c r="HK17" s="71">
        <v>1</v>
      </c>
      <c r="HL17" s="71">
        <v>0</v>
      </c>
      <c r="HM17" s="72">
        <v>4</v>
      </c>
      <c r="HN17" s="73">
        <v>6</v>
      </c>
      <c r="HO17" s="70">
        <v>5</v>
      </c>
      <c r="HP17" s="71">
        <v>2</v>
      </c>
      <c r="HQ17" s="72">
        <v>7</v>
      </c>
      <c r="HR17" s="244"/>
      <c r="HS17" s="71">
        <v>6</v>
      </c>
      <c r="HT17" s="71">
        <v>2</v>
      </c>
      <c r="HU17" s="71">
        <v>1</v>
      </c>
      <c r="HV17" s="71">
        <v>0</v>
      </c>
      <c r="HW17" s="71">
        <v>2</v>
      </c>
      <c r="HX17" s="72">
        <v>11</v>
      </c>
      <c r="HY17" s="73">
        <v>18</v>
      </c>
      <c r="HZ17" s="70">
        <v>3</v>
      </c>
      <c r="IA17" s="71">
        <v>2</v>
      </c>
      <c r="IB17" s="72">
        <v>5</v>
      </c>
      <c r="IC17" s="244"/>
      <c r="ID17" s="71">
        <v>10</v>
      </c>
      <c r="IE17" s="71">
        <v>8</v>
      </c>
      <c r="IF17" s="71">
        <v>5</v>
      </c>
      <c r="IG17" s="71">
        <v>4</v>
      </c>
      <c r="IH17" s="71">
        <v>0</v>
      </c>
      <c r="II17" s="72">
        <v>27</v>
      </c>
      <c r="IJ17" s="73">
        <v>32</v>
      </c>
      <c r="IK17" s="70">
        <v>9</v>
      </c>
      <c r="IL17" s="71">
        <v>14</v>
      </c>
      <c r="IM17" s="72">
        <v>23</v>
      </c>
      <c r="IN17" s="244"/>
      <c r="IO17" s="71">
        <v>20</v>
      </c>
      <c r="IP17" s="71">
        <v>14</v>
      </c>
      <c r="IQ17" s="71">
        <v>11</v>
      </c>
      <c r="IR17" s="71">
        <v>6</v>
      </c>
      <c r="IS17" s="71">
        <v>3</v>
      </c>
      <c r="IT17" s="72">
        <v>54</v>
      </c>
      <c r="IU17" s="73">
        <v>77</v>
      </c>
      <c r="IV17" s="70">
        <v>22</v>
      </c>
      <c r="IW17" s="71">
        <v>19</v>
      </c>
      <c r="IX17" s="72">
        <v>41</v>
      </c>
      <c r="IY17" s="244"/>
      <c r="IZ17" s="71">
        <v>22</v>
      </c>
      <c r="JA17" s="71">
        <v>29</v>
      </c>
      <c r="JB17" s="71">
        <v>12</v>
      </c>
      <c r="JC17" s="71">
        <v>10</v>
      </c>
      <c r="JD17" s="71">
        <v>6</v>
      </c>
      <c r="JE17" s="72">
        <v>79</v>
      </c>
      <c r="JF17" s="73">
        <v>120</v>
      </c>
      <c r="JG17" s="70">
        <v>14</v>
      </c>
      <c r="JH17" s="71">
        <v>16</v>
      </c>
      <c r="JI17" s="72">
        <v>30</v>
      </c>
      <c r="JJ17" s="244"/>
      <c r="JK17" s="71">
        <v>28</v>
      </c>
      <c r="JL17" s="71">
        <v>27</v>
      </c>
      <c r="JM17" s="71">
        <v>20</v>
      </c>
      <c r="JN17" s="71">
        <v>13</v>
      </c>
      <c r="JO17" s="71">
        <v>15</v>
      </c>
      <c r="JP17" s="72">
        <v>103</v>
      </c>
      <c r="JQ17" s="73">
        <v>133</v>
      </c>
      <c r="JR17" s="70">
        <v>0</v>
      </c>
      <c r="JS17" s="71">
        <v>0</v>
      </c>
      <c r="JT17" s="72">
        <v>0</v>
      </c>
      <c r="JU17" s="244"/>
      <c r="JV17" s="71">
        <v>0</v>
      </c>
      <c r="JW17" s="71">
        <v>0</v>
      </c>
      <c r="JX17" s="71">
        <v>0</v>
      </c>
      <c r="JY17" s="71">
        <v>0</v>
      </c>
      <c r="JZ17" s="71">
        <v>0</v>
      </c>
      <c r="KA17" s="72">
        <v>0</v>
      </c>
      <c r="KB17" s="73">
        <v>0</v>
      </c>
      <c r="KC17" s="70">
        <v>54</v>
      </c>
      <c r="KD17" s="71">
        <v>54</v>
      </c>
      <c r="KE17" s="72">
        <v>108</v>
      </c>
      <c r="KF17" s="244"/>
      <c r="KG17" s="71">
        <v>89</v>
      </c>
      <c r="KH17" s="71">
        <v>80</v>
      </c>
      <c r="KI17" s="71">
        <v>49</v>
      </c>
      <c r="KJ17" s="71">
        <v>34</v>
      </c>
      <c r="KK17" s="71">
        <v>26</v>
      </c>
      <c r="KL17" s="72">
        <v>278</v>
      </c>
      <c r="KM17" s="73">
        <v>386</v>
      </c>
    </row>
    <row r="18" spans="2:299" ht="19.5" customHeight="1" x14ac:dyDescent="0.2">
      <c r="B18" s="126" t="s">
        <v>15</v>
      </c>
      <c r="C18" s="315">
        <v>8</v>
      </c>
      <c r="D18" s="82">
        <v>11</v>
      </c>
      <c r="E18" s="83">
        <v>19</v>
      </c>
      <c r="F18" s="241"/>
      <c r="G18" s="82">
        <v>16</v>
      </c>
      <c r="H18" s="82">
        <v>14</v>
      </c>
      <c r="I18" s="82">
        <v>5</v>
      </c>
      <c r="J18" s="82">
        <v>10</v>
      </c>
      <c r="K18" s="82">
        <v>7</v>
      </c>
      <c r="L18" s="84">
        <v>52</v>
      </c>
      <c r="M18" s="85">
        <v>71</v>
      </c>
      <c r="N18" s="70">
        <v>0</v>
      </c>
      <c r="O18" s="71">
        <v>1</v>
      </c>
      <c r="P18" s="72">
        <v>1</v>
      </c>
      <c r="Q18" s="244"/>
      <c r="R18" s="71">
        <v>1</v>
      </c>
      <c r="S18" s="71">
        <v>0</v>
      </c>
      <c r="T18" s="71">
        <v>0</v>
      </c>
      <c r="U18" s="71">
        <v>1</v>
      </c>
      <c r="V18" s="71">
        <v>0</v>
      </c>
      <c r="W18" s="72">
        <v>2</v>
      </c>
      <c r="X18" s="73">
        <v>3</v>
      </c>
      <c r="Y18" s="70">
        <v>1</v>
      </c>
      <c r="Z18" s="71">
        <v>0</v>
      </c>
      <c r="AA18" s="72">
        <v>1</v>
      </c>
      <c r="AB18" s="244"/>
      <c r="AC18" s="71">
        <v>0</v>
      </c>
      <c r="AD18" s="71">
        <v>1</v>
      </c>
      <c r="AE18" s="71">
        <v>2</v>
      </c>
      <c r="AF18" s="71">
        <v>1</v>
      </c>
      <c r="AG18" s="71">
        <v>1</v>
      </c>
      <c r="AH18" s="72">
        <v>5</v>
      </c>
      <c r="AI18" s="73">
        <v>6</v>
      </c>
      <c r="AJ18" s="70">
        <v>1</v>
      </c>
      <c r="AK18" s="71">
        <v>2</v>
      </c>
      <c r="AL18" s="72">
        <v>3</v>
      </c>
      <c r="AM18" s="244"/>
      <c r="AN18" s="71">
        <v>4</v>
      </c>
      <c r="AO18" s="71">
        <v>2</v>
      </c>
      <c r="AP18" s="71">
        <v>2</v>
      </c>
      <c r="AQ18" s="71">
        <v>0</v>
      </c>
      <c r="AR18" s="71">
        <v>1</v>
      </c>
      <c r="AS18" s="72">
        <v>9</v>
      </c>
      <c r="AT18" s="73">
        <v>12</v>
      </c>
      <c r="AU18" s="70">
        <v>1</v>
      </c>
      <c r="AV18" s="71">
        <v>3</v>
      </c>
      <c r="AW18" s="72">
        <v>4</v>
      </c>
      <c r="AX18" s="244"/>
      <c r="AY18" s="71">
        <v>2</v>
      </c>
      <c r="AZ18" s="71">
        <v>5</v>
      </c>
      <c r="BA18" s="71">
        <v>0</v>
      </c>
      <c r="BB18" s="71">
        <v>2</v>
      </c>
      <c r="BC18" s="71">
        <v>1</v>
      </c>
      <c r="BD18" s="72">
        <v>10</v>
      </c>
      <c r="BE18" s="73">
        <v>14</v>
      </c>
      <c r="BF18" s="70">
        <v>2</v>
      </c>
      <c r="BG18" s="71">
        <v>3</v>
      </c>
      <c r="BH18" s="72">
        <v>5</v>
      </c>
      <c r="BI18" s="244"/>
      <c r="BJ18" s="71">
        <v>5</v>
      </c>
      <c r="BK18" s="71">
        <v>3</v>
      </c>
      <c r="BL18" s="71">
        <v>1</v>
      </c>
      <c r="BM18" s="71">
        <v>4</v>
      </c>
      <c r="BN18" s="71">
        <v>2</v>
      </c>
      <c r="BO18" s="72">
        <v>15</v>
      </c>
      <c r="BP18" s="73">
        <v>20</v>
      </c>
      <c r="BQ18" s="70">
        <v>3</v>
      </c>
      <c r="BR18" s="71">
        <v>2</v>
      </c>
      <c r="BS18" s="72">
        <v>5</v>
      </c>
      <c r="BT18" s="244"/>
      <c r="BU18" s="71">
        <v>4</v>
      </c>
      <c r="BV18" s="71">
        <v>3</v>
      </c>
      <c r="BW18" s="71">
        <v>0</v>
      </c>
      <c r="BX18" s="71">
        <v>2</v>
      </c>
      <c r="BY18" s="71">
        <v>2</v>
      </c>
      <c r="BZ18" s="72">
        <v>11</v>
      </c>
      <c r="CA18" s="73">
        <v>16</v>
      </c>
      <c r="CB18" s="70">
        <v>0</v>
      </c>
      <c r="CC18" s="71">
        <v>0</v>
      </c>
      <c r="CD18" s="72">
        <v>0</v>
      </c>
      <c r="CE18" s="244"/>
      <c r="CF18" s="71">
        <v>0</v>
      </c>
      <c r="CG18" s="71">
        <v>0</v>
      </c>
      <c r="CH18" s="71">
        <v>0</v>
      </c>
      <c r="CI18" s="71">
        <v>0</v>
      </c>
      <c r="CJ18" s="71">
        <v>0</v>
      </c>
      <c r="CK18" s="72">
        <v>0</v>
      </c>
      <c r="CL18" s="73">
        <v>0</v>
      </c>
      <c r="CM18" s="70">
        <v>8</v>
      </c>
      <c r="CN18" s="71">
        <v>11</v>
      </c>
      <c r="CO18" s="72">
        <v>19</v>
      </c>
      <c r="CP18" s="244"/>
      <c r="CQ18" s="71">
        <v>16</v>
      </c>
      <c r="CR18" s="71">
        <v>14</v>
      </c>
      <c r="CS18" s="71">
        <v>5</v>
      </c>
      <c r="CT18" s="71">
        <v>10</v>
      </c>
      <c r="CU18" s="71">
        <v>7</v>
      </c>
      <c r="CV18" s="72">
        <v>52</v>
      </c>
      <c r="CW18" s="73">
        <v>71</v>
      </c>
      <c r="CX18" s="123">
        <v>2</v>
      </c>
      <c r="CY18" s="82">
        <v>9</v>
      </c>
      <c r="CZ18" s="83">
        <v>11</v>
      </c>
      <c r="DA18" s="241"/>
      <c r="DB18" s="82">
        <v>10</v>
      </c>
      <c r="DC18" s="82">
        <v>9</v>
      </c>
      <c r="DD18" s="82">
        <v>6</v>
      </c>
      <c r="DE18" s="82">
        <v>3</v>
      </c>
      <c r="DF18" s="82">
        <v>3</v>
      </c>
      <c r="DG18" s="84">
        <v>31</v>
      </c>
      <c r="DH18" s="85">
        <v>42</v>
      </c>
      <c r="DI18" s="70">
        <v>0</v>
      </c>
      <c r="DJ18" s="71">
        <v>0</v>
      </c>
      <c r="DK18" s="72">
        <v>0</v>
      </c>
      <c r="DL18" s="244"/>
      <c r="DM18" s="71">
        <v>0</v>
      </c>
      <c r="DN18" s="71">
        <v>0</v>
      </c>
      <c r="DO18" s="71">
        <v>1</v>
      </c>
      <c r="DP18" s="71">
        <v>0</v>
      </c>
      <c r="DQ18" s="71">
        <v>0</v>
      </c>
      <c r="DR18" s="72">
        <v>1</v>
      </c>
      <c r="DS18" s="73">
        <v>1</v>
      </c>
      <c r="DT18" s="70">
        <v>0</v>
      </c>
      <c r="DU18" s="71">
        <v>1</v>
      </c>
      <c r="DV18" s="72">
        <v>1</v>
      </c>
      <c r="DW18" s="244"/>
      <c r="DX18" s="71">
        <v>0</v>
      </c>
      <c r="DY18" s="71">
        <v>0</v>
      </c>
      <c r="DZ18" s="71">
        <v>0</v>
      </c>
      <c r="EA18" s="71">
        <v>0</v>
      </c>
      <c r="EB18" s="71">
        <v>0</v>
      </c>
      <c r="EC18" s="72">
        <v>0</v>
      </c>
      <c r="ED18" s="73">
        <v>1</v>
      </c>
      <c r="EE18" s="70">
        <v>0</v>
      </c>
      <c r="EF18" s="71">
        <v>3</v>
      </c>
      <c r="EG18" s="72">
        <v>3</v>
      </c>
      <c r="EH18" s="244"/>
      <c r="EI18" s="71">
        <v>3</v>
      </c>
      <c r="EJ18" s="71">
        <v>1</v>
      </c>
      <c r="EK18" s="71">
        <v>2</v>
      </c>
      <c r="EL18" s="71">
        <v>0</v>
      </c>
      <c r="EM18" s="71">
        <v>1</v>
      </c>
      <c r="EN18" s="72">
        <v>7</v>
      </c>
      <c r="EO18" s="73">
        <v>10</v>
      </c>
      <c r="EP18" s="70">
        <v>0</v>
      </c>
      <c r="EQ18" s="71">
        <v>1</v>
      </c>
      <c r="ER18" s="72">
        <v>1</v>
      </c>
      <c r="ES18" s="244"/>
      <c r="ET18" s="71">
        <v>2</v>
      </c>
      <c r="EU18" s="71">
        <v>0</v>
      </c>
      <c r="EV18" s="71">
        <v>0</v>
      </c>
      <c r="EW18" s="71">
        <v>1</v>
      </c>
      <c r="EX18" s="71">
        <v>0</v>
      </c>
      <c r="EY18" s="72">
        <v>3</v>
      </c>
      <c r="EZ18" s="73">
        <v>4</v>
      </c>
      <c r="FA18" s="70">
        <v>0</v>
      </c>
      <c r="FB18" s="71">
        <v>1</v>
      </c>
      <c r="FC18" s="72">
        <v>1</v>
      </c>
      <c r="FD18" s="244"/>
      <c r="FE18" s="71">
        <v>3</v>
      </c>
      <c r="FF18" s="71">
        <v>3</v>
      </c>
      <c r="FG18" s="71">
        <v>0</v>
      </c>
      <c r="FH18" s="71">
        <v>0</v>
      </c>
      <c r="FI18" s="71">
        <v>0</v>
      </c>
      <c r="FJ18" s="72">
        <v>6</v>
      </c>
      <c r="FK18" s="73">
        <v>7</v>
      </c>
      <c r="FL18" s="70">
        <v>2</v>
      </c>
      <c r="FM18" s="71">
        <v>3</v>
      </c>
      <c r="FN18" s="72">
        <v>5</v>
      </c>
      <c r="FO18" s="244"/>
      <c r="FP18" s="71">
        <v>2</v>
      </c>
      <c r="FQ18" s="71">
        <v>5</v>
      </c>
      <c r="FR18" s="71">
        <v>3</v>
      </c>
      <c r="FS18" s="71">
        <v>2</v>
      </c>
      <c r="FT18" s="71">
        <v>2</v>
      </c>
      <c r="FU18" s="72">
        <v>14</v>
      </c>
      <c r="FV18" s="73">
        <v>19</v>
      </c>
      <c r="FW18" s="70">
        <v>0</v>
      </c>
      <c r="FX18" s="71">
        <v>0</v>
      </c>
      <c r="FY18" s="72">
        <v>0</v>
      </c>
      <c r="FZ18" s="244"/>
      <c r="GA18" s="71">
        <v>0</v>
      </c>
      <c r="GB18" s="71">
        <v>0</v>
      </c>
      <c r="GC18" s="71">
        <v>0</v>
      </c>
      <c r="GD18" s="71">
        <v>0</v>
      </c>
      <c r="GE18" s="71">
        <v>0</v>
      </c>
      <c r="GF18" s="72">
        <v>0</v>
      </c>
      <c r="GG18" s="73">
        <v>0</v>
      </c>
      <c r="GH18" s="70">
        <v>2</v>
      </c>
      <c r="GI18" s="71">
        <v>9</v>
      </c>
      <c r="GJ18" s="72">
        <v>11</v>
      </c>
      <c r="GK18" s="244"/>
      <c r="GL18" s="71">
        <v>10</v>
      </c>
      <c r="GM18" s="71">
        <v>9</v>
      </c>
      <c r="GN18" s="71">
        <v>6</v>
      </c>
      <c r="GO18" s="71">
        <v>3</v>
      </c>
      <c r="GP18" s="71">
        <v>3</v>
      </c>
      <c r="GQ18" s="72">
        <v>31</v>
      </c>
      <c r="GR18" s="73">
        <v>42</v>
      </c>
      <c r="GS18" s="123">
        <v>10</v>
      </c>
      <c r="GT18" s="82">
        <v>20</v>
      </c>
      <c r="GU18" s="83">
        <v>30</v>
      </c>
      <c r="GV18" s="241"/>
      <c r="GW18" s="82">
        <v>26</v>
      </c>
      <c r="GX18" s="82">
        <v>23</v>
      </c>
      <c r="GY18" s="82">
        <v>11</v>
      </c>
      <c r="GZ18" s="82">
        <v>13</v>
      </c>
      <c r="HA18" s="82">
        <v>10</v>
      </c>
      <c r="HB18" s="84">
        <v>83</v>
      </c>
      <c r="HC18" s="85">
        <v>113</v>
      </c>
      <c r="HD18" s="70">
        <v>0</v>
      </c>
      <c r="HE18" s="71">
        <v>1</v>
      </c>
      <c r="HF18" s="72">
        <v>1</v>
      </c>
      <c r="HG18" s="244"/>
      <c r="HH18" s="71">
        <v>1</v>
      </c>
      <c r="HI18" s="71">
        <v>0</v>
      </c>
      <c r="HJ18" s="71">
        <v>1</v>
      </c>
      <c r="HK18" s="71">
        <v>1</v>
      </c>
      <c r="HL18" s="71">
        <v>0</v>
      </c>
      <c r="HM18" s="72">
        <v>3</v>
      </c>
      <c r="HN18" s="73">
        <v>4</v>
      </c>
      <c r="HO18" s="70">
        <v>1</v>
      </c>
      <c r="HP18" s="71">
        <v>1</v>
      </c>
      <c r="HQ18" s="72">
        <v>2</v>
      </c>
      <c r="HR18" s="244"/>
      <c r="HS18" s="71">
        <v>0</v>
      </c>
      <c r="HT18" s="71">
        <v>1</v>
      </c>
      <c r="HU18" s="71">
        <v>2</v>
      </c>
      <c r="HV18" s="71">
        <v>1</v>
      </c>
      <c r="HW18" s="71">
        <v>1</v>
      </c>
      <c r="HX18" s="72">
        <v>5</v>
      </c>
      <c r="HY18" s="73">
        <v>7</v>
      </c>
      <c r="HZ18" s="70">
        <v>1</v>
      </c>
      <c r="IA18" s="71">
        <v>5</v>
      </c>
      <c r="IB18" s="72">
        <v>6</v>
      </c>
      <c r="IC18" s="244"/>
      <c r="ID18" s="71">
        <v>7</v>
      </c>
      <c r="IE18" s="71">
        <v>3</v>
      </c>
      <c r="IF18" s="71">
        <v>4</v>
      </c>
      <c r="IG18" s="71">
        <v>0</v>
      </c>
      <c r="IH18" s="71">
        <v>2</v>
      </c>
      <c r="II18" s="72">
        <v>16</v>
      </c>
      <c r="IJ18" s="73">
        <v>22</v>
      </c>
      <c r="IK18" s="70">
        <v>1</v>
      </c>
      <c r="IL18" s="71">
        <v>4</v>
      </c>
      <c r="IM18" s="72">
        <v>5</v>
      </c>
      <c r="IN18" s="244"/>
      <c r="IO18" s="71">
        <v>4</v>
      </c>
      <c r="IP18" s="71">
        <v>5</v>
      </c>
      <c r="IQ18" s="71">
        <v>0</v>
      </c>
      <c r="IR18" s="71">
        <v>3</v>
      </c>
      <c r="IS18" s="71">
        <v>1</v>
      </c>
      <c r="IT18" s="72">
        <v>13</v>
      </c>
      <c r="IU18" s="73">
        <v>18</v>
      </c>
      <c r="IV18" s="70">
        <v>2</v>
      </c>
      <c r="IW18" s="71">
        <v>4</v>
      </c>
      <c r="IX18" s="72">
        <v>6</v>
      </c>
      <c r="IY18" s="244"/>
      <c r="IZ18" s="71">
        <v>8</v>
      </c>
      <c r="JA18" s="71">
        <v>6</v>
      </c>
      <c r="JB18" s="71">
        <v>1</v>
      </c>
      <c r="JC18" s="71">
        <v>4</v>
      </c>
      <c r="JD18" s="71">
        <v>2</v>
      </c>
      <c r="JE18" s="72">
        <v>21</v>
      </c>
      <c r="JF18" s="73">
        <v>27</v>
      </c>
      <c r="JG18" s="70">
        <v>5</v>
      </c>
      <c r="JH18" s="71">
        <v>5</v>
      </c>
      <c r="JI18" s="72">
        <v>10</v>
      </c>
      <c r="JJ18" s="244"/>
      <c r="JK18" s="71">
        <v>6</v>
      </c>
      <c r="JL18" s="71">
        <v>8</v>
      </c>
      <c r="JM18" s="71">
        <v>3</v>
      </c>
      <c r="JN18" s="71">
        <v>4</v>
      </c>
      <c r="JO18" s="71">
        <v>4</v>
      </c>
      <c r="JP18" s="72">
        <v>25</v>
      </c>
      <c r="JQ18" s="73">
        <v>35</v>
      </c>
      <c r="JR18" s="70">
        <v>0</v>
      </c>
      <c r="JS18" s="71">
        <v>0</v>
      </c>
      <c r="JT18" s="72">
        <v>0</v>
      </c>
      <c r="JU18" s="244"/>
      <c r="JV18" s="71">
        <v>0</v>
      </c>
      <c r="JW18" s="71">
        <v>0</v>
      </c>
      <c r="JX18" s="71">
        <v>0</v>
      </c>
      <c r="JY18" s="71">
        <v>0</v>
      </c>
      <c r="JZ18" s="71">
        <v>0</v>
      </c>
      <c r="KA18" s="72">
        <v>0</v>
      </c>
      <c r="KB18" s="73">
        <v>0</v>
      </c>
      <c r="KC18" s="70">
        <v>10</v>
      </c>
      <c r="KD18" s="71">
        <v>20</v>
      </c>
      <c r="KE18" s="72">
        <v>30</v>
      </c>
      <c r="KF18" s="244"/>
      <c r="KG18" s="71">
        <v>26</v>
      </c>
      <c r="KH18" s="71">
        <v>23</v>
      </c>
      <c r="KI18" s="71">
        <v>11</v>
      </c>
      <c r="KJ18" s="71">
        <v>13</v>
      </c>
      <c r="KK18" s="71">
        <v>10</v>
      </c>
      <c r="KL18" s="72">
        <v>83</v>
      </c>
      <c r="KM18" s="73">
        <v>113</v>
      </c>
    </row>
    <row r="19" spans="2:299" ht="19.5" customHeight="1" x14ac:dyDescent="0.2">
      <c r="B19" s="126" t="s">
        <v>16</v>
      </c>
      <c r="C19" s="315">
        <v>32</v>
      </c>
      <c r="D19" s="82">
        <v>33</v>
      </c>
      <c r="E19" s="83">
        <v>65</v>
      </c>
      <c r="F19" s="241"/>
      <c r="G19" s="82">
        <v>53</v>
      </c>
      <c r="H19" s="82">
        <v>55</v>
      </c>
      <c r="I19" s="82">
        <v>44</v>
      </c>
      <c r="J19" s="82">
        <v>26</v>
      </c>
      <c r="K19" s="82">
        <v>17</v>
      </c>
      <c r="L19" s="84">
        <v>195</v>
      </c>
      <c r="M19" s="85">
        <v>260</v>
      </c>
      <c r="N19" s="70">
        <v>1</v>
      </c>
      <c r="O19" s="71">
        <v>1</v>
      </c>
      <c r="P19" s="72">
        <v>2</v>
      </c>
      <c r="Q19" s="244"/>
      <c r="R19" s="71">
        <v>1</v>
      </c>
      <c r="S19" s="71">
        <v>2</v>
      </c>
      <c r="T19" s="71">
        <v>1</v>
      </c>
      <c r="U19" s="71">
        <v>0</v>
      </c>
      <c r="V19" s="71">
        <v>3</v>
      </c>
      <c r="W19" s="72">
        <v>7</v>
      </c>
      <c r="X19" s="73">
        <v>9</v>
      </c>
      <c r="Y19" s="70">
        <v>5</v>
      </c>
      <c r="Z19" s="71">
        <v>7</v>
      </c>
      <c r="AA19" s="72">
        <v>12</v>
      </c>
      <c r="AB19" s="244"/>
      <c r="AC19" s="71">
        <v>5</v>
      </c>
      <c r="AD19" s="71">
        <v>8</v>
      </c>
      <c r="AE19" s="71">
        <v>3</v>
      </c>
      <c r="AF19" s="71">
        <v>5</v>
      </c>
      <c r="AG19" s="71">
        <v>1</v>
      </c>
      <c r="AH19" s="72">
        <v>22</v>
      </c>
      <c r="AI19" s="73">
        <v>34</v>
      </c>
      <c r="AJ19" s="70">
        <v>6</v>
      </c>
      <c r="AK19" s="71">
        <v>5</v>
      </c>
      <c r="AL19" s="72">
        <v>11</v>
      </c>
      <c r="AM19" s="244"/>
      <c r="AN19" s="71">
        <v>6</v>
      </c>
      <c r="AO19" s="71">
        <v>9</v>
      </c>
      <c r="AP19" s="71">
        <v>9</v>
      </c>
      <c r="AQ19" s="71">
        <v>5</v>
      </c>
      <c r="AR19" s="71">
        <v>1</v>
      </c>
      <c r="AS19" s="72">
        <v>30</v>
      </c>
      <c r="AT19" s="73">
        <v>41</v>
      </c>
      <c r="AU19" s="70">
        <v>7</v>
      </c>
      <c r="AV19" s="71">
        <v>5</v>
      </c>
      <c r="AW19" s="72">
        <v>12</v>
      </c>
      <c r="AX19" s="244"/>
      <c r="AY19" s="71">
        <v>17</v>
      </c>
      <c r="AZ19" s="71">
        <v>15</v>
      </c>
      <c r="BA19" s="71">
        <v>10</v>
      </c>
      <c r="BB19" s="71">
        <v>3</v>
      </c>
      <c r="BC19" s="71">
        <v>5</v>
      </c>
      <c r="BD19" s="72">
        <v>50</v>
      </c>
      <c r="BE19" s="73">
        <v>62</v>
      </c>
      <c r="BF19" s="70">
        <v>10</v>
      </c>
      <c r="BG19" s="71">
        <v>10</v>
      </c>
      <c r="BH19" s="72">
        <v>20</v>
      </c>
      <c r="BI19" s="244"/>
      <c r="BJ19" s="71">
        <v>8</v>
      </c>
      <c r="BK19" s="71">
        <v>11</v>
      </c>
      <c r="BL19" s="71">
        <v>11</v>
      </c>
      <c r="BM19" s="71">
        <v>4</v>
      </c>
      <c r="BN19" s="71">
        <v>4</v>
      </c>
      <c r="BO19" s="72">
        <v>38</v>
      </c>
      <c r="BP19" s="73">
        <v>58</v>
      </c>
      <c r="BQ19" s="70">
        <v>3</v>
      </c>
      <c r="BR19" s="71">
        <v>5</v>
      </c>
      <c r="BS19" s="72">
        <v>8</v>
      </c>
      <c r="BT19" s="244"/>
      <c r="BU19" s="71">
        <v>16</v>
      </c>
      <c r="BV19" s="71">
        <v>10</v>
      </c>
      <c r="BW19" s="71">
        <v>10</v>
      </c>
      <c r="BX19" s="71">
        <v>9</v>
      </c>
      <c r="BY19" s="71">
        <v>3</v>
      </c>
      <c r="BZ19" s="72">
        <v>48</v>
      </c>
      <c r="CA19" s="73">
        <v>56</v>
      </c>
      <c r="CB19" s="70">
        <v>0</v>
      </c>
      <c r="CC19" s="71">
        <v>0</v>
      </c>
      <c r="CD19" s="72">
        <v>0</v>
      </c>
      <c r="CE19" s="244"/>
      <c r="CF19" s="71">
        <v>0</v>
      </c>
      <c r="CG19" s="71">
        <v>0</v>
      </c>
      <c r="CH19" s="71">
        <v>0</v>
      </c>
      <c r="CI19" s="71">
        <v>0</v>
      </c>
      <c r="CJ19" s="71">
        <v>0</v>
      </c>
      <c r="CK19" s="72">
        <v>0</v>
      </c>
      <c r="CL19" s="73">
        <v>0</v>
      </c>
      <c r="CM19" s="70">
        <v>32</v>
      </c>
      <c r="CN19" s="71">
        <v>33</v>
      </c>
      <c r="CO19" s="72">
        <v>65</v>
      </c>
      <c r="CP19" s="244"/>
      <c r="CQ19" s="71">
        <v>53</v>
      </c>
      <c r="CR19" s="71">
        <v>55</v>
      </c>
      <c r="CS19" s="71">
        <v>44</v>
      </c>
      <c r="CT19" s="71">
        <v>26</v>
      </c>
      <c r="CU19" s="71">
        <v>17</v>
      </c>
      <c r="CV19" s="72">
        <v>195</v>
      </c>
      <c r="CW19" s="73">
        <v>260</v>
      </c>
      <c r="CX19" s="123">
        <v>10</v>
      </c>
      <c r="CY19" s="82">
        <v>14</v>
      </c>
      <c r="CZ19" s="83">
        <v>24</v>
      </c>
      <c r="DA19" s="241"/>
      <c r="DB19" s="82">
        <v>23</v>
      </c>
      <c r="DC19" s="82">
        <v>26</v>
      </c>
      <c r="DD19" s="82">
        <v>15</v>
      </c>
      <c r="DE19" s="82">
        <v>14</v>
      </c>
      <c r="DF19" s="82">
        <v>14</v>
      </c>
      <c r="DG19" s="84">
        <v>92</v>
      </c>
      <c r="DH19" s="85">
        <v>116</v>
      </c>
      <c r="DI19" s="70">
        <v>0</v>
      </c>
      <c r="DJ19" s="71">
        <v>0</v>
      </c>
      <c r="DK19" s="72">
        <v>0</v>
      </c>
      <c r="DL19" s="244"/>
      <c r="DM19" s="71">
        <v>0</v>
      </c>
      <c r="DN19" s="71">
        <v>0</v>
      </c>
      <c r="DO19" s="71">
        <v>0</v>
      </c>
      <c r="DP19" s="71">
        <v>1</v>
      </c>
      <c r="DQ19" s="71">
        <v>0</v>
      </c>
      <c r="DR19" s="72">
        <v>1</v>
      </c>
      <c r="DS19" s="73">
        <v>1</v>
      </c>
      <c r="DT19" s="70">
        <v>1</v>
      </c>
      <c r="DU19" s="71">
        <v>2</v>
      </c>
      <c r="DV19" s="72">
        <v>3</v>
      </c>
      <c r="DW19" s="244"/>
      <c r="DX19" s="71">
        <v>3</v>
      </c>
      <c r="DY19" s="71">
        <v>3</v>
      </c>
      <c r="DZ19" s="71">
        <v>1</v>
      </c>
      <c r="EA19" s="71">
        <v>0</v>
      </c>
      <c r="EB19" s="71">
        <v>1</v>
      </c>
      <c r="EC19" s="72">
        <v>8</v>
      </c>
      <c r="ED19" s="73">
        <v>11</v>
      </c>
      <c r="EE19" s="70">
        <v>1</v>
      </c>
      <c r="EF19" s="71">
        <v>2</v>
      </c>
      <c r="EG19" s="72">
        <v>3</v>
      </c>
      <c r="EH19" s="244"/>
      <c r="EI19" s="71">
        <v>1</v>
      </c>
      <c r="EJ19" s="71">
        <v>3</v>
      </c>
      <c r="EK19" s="71">
        <v>2</v>
      </c>
      <c r="EL19" s="71">
        <v>1</v>
      </c>
      <c r="EM19" s="71">
        <v>1</v>
      </c>
      <c r="EN19" s="72">
        <v>8</v>
      </c>
      <c r="EO19" s="73">
        <v>11</v>
      </c>
      <c r="EP19" s="70">
        <v>6</v>
      </c>
      <c r="EQ19" s="71">
        <v>4</v>
      </c>
      <c r="ER19" s="72">
        <v>10</v>
      </c>
      <c r="ES19" s="244"/>
      <c r="ET19" s="71">
        <v>4</v>
      </c>
      <c r="EU19" s="71">
        <v>6</v>
      </c>
      <c r="EV19" s="71">
        <v>1</v>
      </c>
      <c r="EW19" s="71">
        <v>0</v>
      </c>
      <c r="EX19" s="71">
        <v>1</v>
      </c>
      <c r="EY19" s="72">
        <v>12</v>
      </c>
      <c r="EZ19" s="73">
        <v>22</v>
      </c>
      <c r="FA19" s="70">
        <v>1</v>
      </c>
      <c r="FB19" s="71">
        <v>5</v>
      </c>
      <c r="FC19" s="72">
        <v>6</v>
      </c>
      <c r="FD19" s="244"/>
      <c r="FE19" s="71">
        <v>10</v>
      </c>
      <c r="FF19" s="71">
        <v>6</v>
      </c>
      <c r="FG19" s="71">
        <v>5</v>
      </c>
      <c r="FH19" s="71">
        <v>4</v>
      </c>
      <c r="FI19" s="71">
        <v>2</v>
      </c>
      <c r="FJ19" s="72">
        <v>27</v>
      </c>
      <c r="FK19" s="73">
        <v>33</v>
      </c>
      <c r="FL19" s="70">
        <v>1</v>
      </c>
      <c r="FM19" s="71">
        <v>1</v>
      </c>
      <c r="FN19" s="72">
        <v>2</v>
      </c>
      <c r="FO19" s="244"/>
      <c r="FP19" s="71">
        <v>5</v>
      </c>
      <c r="FQ19" s="71">
        <v>8</v>
      </c>
      <c r="FR19" s="71">
        <v>6</v>
      </c>
      <c r="FS19" s="71">
        <v>8</v>
      </c>
      <c r="FT19" s="71">
        <v>9</v>
      </c>
      <c r="FU19" s="72">
        <v>36</v>
      </c>
      <c r="FV19" s="73">
        <v>38</v>
      </c>
      <c r="FW19" s="70">
        <v>0</v>
      </c>
      <c r="FX19" s="71">
        <v>0</v>
      </c>
      <c r="FY19" s="72">
        <v>0</v>
      </c>
      <c r="FZ19" s="244"/>
      <c r="GA19" s="71">
        <v>0</v>
      </c>
      <c r="GB19" s="71">
        <v>0</v>
      </c>
      <c r="GC19" s="71">
        <v>0</v>
      </c>
      <c r="GD19" s="71">
        <v>0</v>
      </c>
      <c r="GE19" s="71">
        <v>0</v>
      </c>
      <c r="GF19" s="72">
        <v>0</v>
      </c>
      <c r="GG19" s="73">
        <v>0</v>
      </c>
      <c r="GH19" s="70">
        <v>10</v>
      </c>
      <c r="GI19" s="71">
        <v>14</v>
      </c>
      <c r="GJ19" s="72">
        <v>24</v>
      </c>
      <c r="GK19" s="244"/>
      <c r="GL19" s="71">
        <v>23</v>
      </c>
      <c r="GM19" s="71">
        <v>26</v>
      </c>
      <c r="GN19" s="71">
        <v>15</v>
      </c>
      <c r="GO19" s="71">
        <v>14</v>
      </c>
      <c r="GP19" s="71">
        <v>14</v>
      </c>
      <c r="GQ19" s="72">
        <v>92</v>
      </c>
      <c r="GR19" s="73">
        <v>116</v>
      </c>
      <c r="GS19" s="123">
        <v>42</v>
      </c>
      <c r="GT19" s="82">
        <v>47</v>
      </c>
      <c r="GU19" s="83">
        <v>89</v>
      </c>
      <c r="GV19" s="241"/>
      <c r="GW19" s="82">
        <v>76</v>
      </c>
      <c r="GX19" s="82">
        <v>81</v>
      </c>
      <c r="GY19" s="82">
        <v>59</v>
      </c>
      <c r="GZ19" s="82">
        <v>40</v>
      </c>
      <c r="HA19" s="82">
        <v>31</v>
      </c>
      <c r="HB19" s="84">
        <v>287</v>
      </c>
      <c r="HC19" s="85">
        <v>376</v>
      </c>
      <c r="HD19" s="70">
        <v>1</v>
      </c>
      <c r="HE19" s="71">
        <v>1</v>
      </c>
      <c r="HF19" s="72">
        <v>2</v>
      </c>
      <c r="HG19" s="244"/>
      <c r="HH19" s="71">
        <v>1</v>
      </c>
      <c r="HI19" s="71">
        <v>2</v>
      </c>
      <c r="HJ19" s="71">
        <v>1</v>
      </c>
      <c r="HK19" s="71">
        <v>1</v>
      </c>
      <c r="HL19" s="71">
        <v>3</v>
      </c>
      <c r="HM19" s="72">
        <v>8</v>
      </c>
      <c r="HN19" s="73">
        <v>10</v>
      </c>
      <c r="HO19" s="70">
        <v>6</v>
      </c>
      <c r="HP19" s="71">
        <v>9</v>
      </c>
      <c r="HQ19" s="72">
        <v>15</v>
      </c>
      <c r="HR19" s="244"/>
      <c r="HS19" s="71">
        <v>8</v>
      </c>
      <c r="HT19" s="71">
        <v>11</v>
      </c>
      <c r="HU19" s="71">
        <v>4</v>
      </c>
      <c r="HV19" s="71">
        <v>5</v>
      </c>
      <c r="HW19" s="71">
        <v>2</v>
      </c>
      <c r="HX19" s="72">
        <v>30</v>
      </c>
      <c r="HY19" s="73">
        <v>45</v>
      </c>
      <c r="HZ19" s="70">
        <v>7</v>
      </c>
      <c r="IA19" s="71">
        <v>7</v>
      </c>
      <c r="IB19" s="72">
        <v>14</v>
      </c>
      <c r="IC19" s="244"/>
      <c r="ID19" s="71">
        <v>7</v>
      </c>
      <c r="IE19" s="71">
        <v>12</v>
      </c>
      <c r="IF19" s="71">
        <v>11</v>
      </c>
      <c r="IG19" s="71">
        <v>6</v>
      </c>
      <c r="IH19" s="71">
        <v>2</v>
      </c>
      <c r="II19" s="72">
        <v>38</v>
      </c>
      <c r="IJ19" s="73">
        <v>52</v>
      </c>
      <c r="IK19" s="70">
        <v>13</v>
      </c>
      <c r="IL19" s="71">
        <v>9</v>
      </c>
      <c r="IM19" s="72">
        <v>22</v>
      </c>
      <c r="IN19" s="244"/>
      <c r="IO19" s="71">
        <v>21</v>
      </c>
      <c r="IP19" s="71">
        <v>21</v>
      </c>
      <c r="IQ19" s="71">
        <v>11</v>
      </c>
      <c r="IR19" s="71">
        <v>3</v>
      </c>
      <c r="IS19" s="71">
        <v>6</v>
      </c>
      <c r="IT19" s="72">
        <v>62</v>
      </c>
      <c r="IU19" s="73">
        <v>84</v>
      </c>
      <c r="IV19" s="70">
        <v>11</v>
      </c>
      <c r="IW19" s="71">
        <v>15</v>
      </c>
      <c r="IX19" s="72">
        <v>26</v>
      </c>
      <c r="IY19" s="244"/>
      <c r="IZ19" s="71">
        <v>18</v>
      </c>
      <c r="JA19" s="71">
        <v>17</v>
      </c>
      <c r="JB19" s="71">
        <v>16</v>
      </c>
      <c r="JC19" s="71">
        <v>8</v>
      </c>
      <c r="JD19" s="71">
        <v>6</v>
      </c>
      <c r="JE19" s="72">
        <v>65</v>
      </c>
      <c r="JF19" s="73">
        <v>91</v>
      </c>
      <c r="JG19" s="70">
        <v>4</v>
      </c>
      <c r="JH19" s="71">
        <v>6</v>
      </c>
      <c r="JI19" s="72">
        <v>10</v>
      </c>
      <c r="JJ19" s="244"/>
      <c r="JK19" s="71">
        <v>21</v>
      </c>
      <c r="JL19" s="71">
        <v>18</v>
      </c>
      <c r="JM19" s="71">
        <v>16</v>
      </c>
      <c r="JN19" s="71">
        <v>17</v>
      </c>
      <c r="JO19" s="71">
        <v>12</v>
      </c>
      <c r="JP19" s="72">
        <v>84</v>
      </c>
      <c r="JQ19" s="73">
        <v>94</v>
      </c>
      <c r="JR19" s="70">
        <v>0</v>
      </c>
      <c r="JS19" s="71">
        <v>0</v>
      </c>
      <c r="JT19" s="72">
        <v>0</v>
      </c>
      <c r="JU19" s="244"/>
      <c r="JV19" s="71">
        <v>0</v>
      </c>
      <c r="JW19" s="71">
        <v>0</v>
      </c>
      <c r="JX19" s="71">
        <v>0</v>
      </c>
      <c r="JY19" s="71">
        <v>0</v>
      </c>
      <c r="JZ19" s="71">
        <v>0</v>
      </c>
      <c r="KA19" s="72">
        <v>0</v>
      </c>
      <c r="KB19" s="73">
        <v>0</v>
      </c>
      <c r="KC19" s="70">
        <v>42</v>
      </c>
      <c r="KD19" s="71">
        <v>47</v>
      </c>
      <c r="KE19" s="72">
        <v>89</v>
      </c>
      <c r="KF19" s="244"/>
      <c r="KG19" s="71">
        <v>76</v>
      </c>
      <c r="KH19" s="71">
        <v>81</v>
      </c>
      <c r="KI19" s="71">
        <v>59</v>
      </c>
      <c r="KJ19" s="71">
        <v>40</v>
      </c>
      <c r="KK19" s="71">
        <v>31</v>
      </c>
      <c r="KL19" s="72">
        <v>287</v>
      </c>
      <c r="KM19" s="73">
        <v>376</v>
      </c>
    </row>
    <row r="20" spans="2:299" ht="19.5" customHeight="1" x14ac:dyDescent="0.2">
      <c r="B20" s="126" t="s">
        <v>17</v>
      </c>
      <c r="C20" s="315">
        <v>41</v>
      </c>
      <c r="D20" s="82">
        <v>44</v>
      </c>
      <c r="E20" s="83">
        <v>85</v>
      </c>
      <c r="F20" s="241"/>
      <c r="G20" s="82">
        <v>66</v>
      </c>
      <c r="H20" s="82">
        <v>82</v>
      </c>
      <c r="I20" s="82">
        <v>53</v>
      </c>
      <c r="J20" s="82">
        <v>46</v>
      </c>
      <c r="K20" s="82">
        <v>27</v>
      </c>
      <c r="L20" s="84">
        <v>274</v>
      </c>
      <c r="M20" s="85">
        <v>359</v>
      </c>
      <c r="N20" s="70">
        <v>0</v>
      </c>
      <c r="O20" s="71">
        <v>2</v>
      </c>
      <c r="P20" s="72">
        <v>2</v>
      </c>
      <c r="Q20" s="244"/>
      <c r="R20" s="71">
        <v>1</v>
      </c>
      <c r="S20" s="71">
        <v>5</v>
      </c>
      <c r="T20" s="71">
        <v>2</v>
      </c>
      <c r="U20" s="71">
        <v>5</v>
      </c>
      <c r="V20" s="71">
        <v>0</v>
      </c>
      <c r="W20" s="72">
        <v>13</v>
      </c>
      <c r="X20" s="73">
        <v>15</v>
      </c>
      <c r="Y20" s="70">
        <v>6</v>
      </c>
      <c r="Z20" s="71">
        <v>8</v>
      </c>
      <c r="AA20" s="72">
        <v>14</v>
      </c>
      <c r="AB20" s="244"/>
      <c r="AC20" s="71">
        <v>5</v>
      </c>
      <c r="AD20" s="71">
        <v>9</v>
      </c>
      <c r="AE20" s="71">
        <v>8</v>
      </c>
      <c r="AF20" s="71">
        <v>3</v>
      </c>
      <c r="AG20" s="71">
        <v>3</v>
      </c>
      <c r="AH20" s="72">
        <v>28</v>
      </c>
      <c r="AI20" s="73">
        <v>42</v>
      </c>
      <c r="AJ20" s="70">
        <v>7</v>
      </c>
      <c r="AK20" s="71">
        <v>5</v>
      </c>
      <c r="AL20" s="72">
        <v>12</v>
      </c>
      <c r="AM20" s="244"/>
      <c r="AN20" s="71">
        <v>9</v>
      </c>
      <c r="AO20" s="71">
        <v>10</v>
      </c>
      <c r="AP20" s="71">
        <v>11</v>
      </c>
      <c r="AQ20" s="71">
        <v>6</v>
      </c>
      <c r="AR20" s="71">
        <v>3</v>
      </c>
      <c r="AS20" s="72">
        <v>39</v>
      </c>
      <c r="AT20" s="73">
        <v>51</v>
      </c>
      <c r="AU20" s="70">
        <v>6</v>
      </c>
      <c r="AV20" s="71">
        <v>10</v>
      </c>
      <c r="AW20" s="72">
        <v>16</v>
      </c>
      <c r="AX20" s="244"/>
      <c r="AY20" s="71">
        <v>19</v>
      </c>
      <c r="AZ20" s="71">
        <v>19</v>
      </c>
      <c r="BA20" s="71">
        <v>12</v>
      </c>
      <c r="BB20" s="71">
        <v>11</v>
      </c>
      <c r="BC20" s="71">
        <v>3</v>
      </c>
      <c r="BD20" s="72">
        <v>64</v>
      </c>
      <c r="BE20" s="73">
        <v>80</v>
      </c>
      <c r="BF20" s="70">
        <v>9</v>
      </c>
      <c r="BG20" s="71">
        <v>10</v>
      </c>
      <c r="BH20" s="72">
        <v>19</v>
      </c>
      <c r="BI20" s="244"/>
      <c r="BJ20" s="71">
        <v>20</v>
      </c>
      <c r="BK20" s="71">
        <v>21</v>
      </c>
      <c r="BL20" s="71">
        <v>9</v>
      </c>
      <c r="BM20" s="71">
        <v>10</v>
      </c>
      <c r="BN20" s="71">
        <v>10</v>
      </c>
      <c r="BO20" s="72">
        <v>70</v>
      </c>
      <c r="BP20" s="73">
        <v>89</v>
      </c>
      <c r="BQ20" s="70">
        <v>13</v>
      </c>
      <c r="BR20" s="71">
        <v>9</v>
      </c>
      <c r="BS20" s="72">
        <v>22</v>
      </c>
      <c r="BT20" s="244"/>
      <c r="BU20" s="71">
        <v>12</v>
      </c>
      <c r="BV20" s="71">
        <v>18</v>
      </c>
      <c r="BW20" s="71">
        <v>11</v>
      </c>
      <c r="BX20" s="71">
        <v>11</v>
      </c>
      <c r="BY20" s="71">
        <v>8</v>
      </c>
      <c r="BZ20" s="72">
        <v>60</v>
      </c>
      <c r="CA20" s="73">
        <v>82</v>
      </c>
      <c r="CB20" s="70">
        <v>0</v>
      </c>
      <c r="CC20" s="71">
        <v>0</v>
      </c>
      <c r="CD20" s="72">
        <v>0</v>
      </c>
      <c r="CE20" s="244"/>
      <c r="CF20" s="71">
        <v>0</v>
      </c>
      <c r="CG20" s="71">
        <v>0</v>
      </c>
      <c r="CH20" s="71">
        <v>0</v>
      </c>
      <c r="CI20" s="71">
        <v>0</v>
      </c>
      <c r="CJ20" s="71">
        <v>0</v>
      </c>
      <c r="CK20" s="72">
        <v>0</v>
      </c>
      <c r="CL20" s="73">
        <v>0</v>
      </c>
      <c r="CM20" s="70">
        <v>41</v>
      </c>
      <c r="CN20" s="71">
        <v>44</v>
      </c>
      <c r="CO20" s="72">
        <v>85</v>
      </c>
      <c r="CP20" s="244"/>
      <c r="CQ20" s="71">
        <v>66</v>
      </c>
      <c r="CR20" s="71">
        <v>82</v>
      </c>
      <c r="CS20" s="71">
        <v>53</v>
      </c>
      <c r="CT20" s="71">
        <v>46</v>
      </c>
      <c r="CU20" s="71">
        <v>27</v>
      </c>
      <c r="CV20" s="72">
        <v>274</v>
      </c>
      <c r="CW20" s="73">
        <v>359</v>
      </c>
      <c r="CX20" s="123">
        <v>23</v>
      </c>
      <c r="CY20" s="82">
        <v>19</v>
      </c>
      <c r="CZ20" s="83">
        <v>42</v>
      </c>
      <c r="DA20" s="241"/>
      <c r="DB20" s="82">
        <v>33</v>
      </c>
      <c r="DC20" s="82">
        <v>29</v>
      </c>
      <c r="DD20" s="82">
        <v>35</v>
      </c>
      <c r="DE20" s="82">
        <v>26</v>
      </c>
      <c r="DF20" s="82">
        <v>27</v>
      </c>
      <c r="DG20" s="84">
        <v>150</v>
      </c>
      <c r="DH20" s="85">
        <v>192</v>
      </c>
      <c r="DI20" s="70">
        <v>2</v>
      </c>
      <c r="DJ20" s="71">
        <v>1</v>
      </c>
      <c r="DK20" s="72">
        <v>3</v>
      </c>
      <c r="DL20" s="244"/>
      <c r="DM20" s="71">
        <v>0</v>
      </c>
      <c r="DN20" s="71">
        <v>0</v>
      </c>
      <c r="DO20" s="71">
        <v>0</v>
      </c>
      <c r="DP20" s="71">
        <v>0</v>
      </c>
      <c r="DQ20" s="71">
        <v>2</v>
      </c>
      <c r="DR20" s="72">
        <v>2</v>
      </c>
      <c r="DS20" s="73">
        <v>5</v>
      </c>
      <c r="DT20" s="70">
        <v>3</v>
      </c>
      <c r="DU20" s="71">
        <v>1</v>
      </c>
      <c r="DV20" s="72">
        <v>4</v>
      </c>
      <c r="DW20" s="244"/>
      <c r="DX20" s="71">
        <v>2</v>
      </c>
      <c r="DY20" s="71">
        <v>3</v>
      </c>
      <c r="DZ20" s="71">
        <v>0</v>
      </c>
      <c r="EA20" s="71">
        <v>4</v>
      </c>
      <c r="EB20" s="71">
        <v>0</v>
      </c>
      <c r="EC20" s="72">
        <v>9</v>
      </c>
      <c r="ED20" s="73">
        <v>13</v>
      </c>
      <c r="EE20" s="70">
        <v>3</v>
      </c>
      <c r="EF20" s="71">
        <v>2</v>
      </c>
      <c r="EG20" s="72">
        <v>5</v>
      </c>
      <c r="EH20" s="244"/>
      <c r="EI20" s="71">
        <v>6</v>
      </c>
      <c r="EJ20" s="71">
        <v>4</v>
      </c>
      <c r="EK20" s="71">
        <v>2</v>
      </c>
      <c r="EL20" s="71">
        <v>0</v>
      </c>
      <c r="EM20" s="71">
        <v>1</v>
      </c>
      <c r="EN20" s="72">
        <v>13</v>
      </c>
      <c r="EO20" s="73">
        <v>18</v>
      </c>
      <c r="EP20" s="70">
        <v>4</v>
      </c>
      <c r="EQ20" s="71">
        <v>9</v>
      </c>
      <c r="ER20" s="72">
        <v>13</v>
      </c>
      <c r="ES20" s="244"/>
      <c r="ET20" s="71">
        <v>11</v>
      </c>
      <c r="EU20" s="71">
        <v>6</v>
      </c>
      <c r="EV20" s="71">
        <v>7</v>
      </c>
      <c r="EW20" s="71">
        <v>4</v>
      </c>
      <c r="EX20" s="71">
        <v>7</v>
      </c>
      <c r="EY20" s="72">
        <v>35</v>
      </c>
      <c r="EZ20" s="73">
        <v>48</v>
      </c>
      <c r="FA20" s="70">
        <v>5</v>
      </c>
      <c r="FB20" s="71">
        <v>6</v>
      </c>
      <c r="FC20" s="72">
        <v>11</v>
      </c>
      <c r="FD20" s="244"/>
      <c r="FE20" s="71">
        <v>7</v>
      </c>
      <c r="FF20" s="71">
        <v>3</v>
      </c>
      <c r="FG20" s="71">
        <v>12</v>
      </c>
      <c r="FH20" s="71">
        <v>3</v>
      </c>
      <c r="FI20" s="71">
        <v>3</v>
      </c>
      <c r="FJ20" s="72">
        <v>28</v>
      </c>
      <c r="FK20" s="73">
        <v>39</v>
      </c>
      <c r="FL20" s="70">
        <v>6</v>
      </c>
      <c r="FM20" s="71">
        <v>0</v>
      </c>
      <c r="FN20" s="72">
        <v>6</v>
      </c>
      <c r="FO20" s="244"/>
      <c r="FP20" s="71">
        <v>7</v>
      </c>
      <c r="FQ20" s="71">
        <v>13</v>
      </c>
      <c r="FR20" s="71">
        <v>14</v>
      </c>
      <c r="FS20" s="71">
        <v>15</v>
      </c>
      <c r="FT20" s="71">
        <v>14</v>
      </c>
      <c r="FU20" s="72">
        <v>63</v>
      </c>
      <c r="FV20" s="73">
        <v>69</v>
      </c>
      <c r="FW20" s="70">
        <v>0</v>
      </c>
      <c r="FX20" s="71">
        <v>0</v>
      </c>
      <c r="FY20" s="72">
        <v>0</v>
      </c>
      <c r="FZ20" s="244"/>
      <c r="GA20" s="71">
        <v>0</v>
      </c>
      <c r="GB20" s="71">
        <v>0</v>
      </c>
      <c r="GC20" s="71">
        <v>0</v>
      </c>
      <c r="GD20" s="71">
        <v>0</v>
      </c>
      <c r="GE20" s="71">
        <v>0</v>
      </c>
      <c r="GF20" s="72">
        <v>0</v>
      </c>
      <c r="GG20" s="73">
        <v>0</v>
      </c>
      <c r="GH20" s="70">
        <v>23</v>
      </c>
      <c r="GI20" s="71">
        <v>19</v>
      </c>
      <c r="GJ20" s="72">
        <v>42</v>
      </c>
      <c r="GK20" s="244"/>
      <c r="GL20" s="71">
        <v>33</v>
      </c>
      <c r="GM20" s="71">
        <v>29</v>
      </c>
      <c r="GN20" s="71">
        <v>35</v>
      </c>
      <c r="GO20" s="71">
        <v>26</v>
      </c>
      <c r="GP20" s="71">
        <v>27</v>
      </c>
      <c r="GQ20" s="72">
        <v>150</v>
      </c>
      <c r="GR20" s="73">
        <v>192</v>
      </c>
      <c r="GS20" s="123">
        <v>64</v>
      </c>
      <c r="GT20" s="82">
        <v>63</v>
      </c>
      <c r="GU20" s="83">
        <v>127</v>
      </c>
      <c r="GV20" s="241"/>
      <c r="GW20" s="82">
        <v>99</v>
      </c>
      <c r="GX20" s="82">
        <v>111</v>
      </c>
      <c r="GY20" s="82">
        <v>88</v>
      </c>
      <c r="GZ20" s="82">
        <v>72</v>
      </c>
      <c r="HA20" s="82">
        <v>54</v>
      </c>
      <c r="HB20" s="84">
        <v>424</v>
      </c>
      <c r="HC20" s="85">
        <v>551</v>
      </c>
      <c r="HD20" s="70">
        <v>2</v>
      </c>
      <c r="HE20" s="71">
        <v>3</v>
      </c>
      <c r="HF20" s="72">
        <v>5</v>
      </c>
      <c r="HG20" s="244"/>
      <c r="HH20" s="71">
        <v>1</v>
      </c>
      <c r="HI20" s="71">
        <v>5</v>
      </c>
      <c r="HJ20" s="71">
        <v>2</v>
      </c>
      <c r="HK20" s="71">
        <v>5</v>
      </c>
      <c r="HL20" s="71">
        <v>2</v>
      </c>
      <c r="HM20" s="72">
        <v>15</v>
      </c>
      <c r="HN20" s="73">
        <v>20</v>
      </c>
      <c r="HO20" s="70">
        <v>9</v>
      </c>
      <c r="HP20" s="71">
        <v>9</v>
      </c>
      <c r="HQ20" s="72">
        <v>18</v>
      </c>
      <c r="HR20" s="244"/>
      <c r="HS20" s="71">
        <v>7</v>
      </c>
      <c r="HT20" s="71">
        <v>12</v>
      </c>
      <c r="HU20" s="71">
        <v>8</v>
      </c>
      <c r="HV20" s="71">
        <v>7</v>
      </c>
      <c r="HW20" s="71">
        <v>3</v>
      </c>
      <c r="HX20" s="72">
        <v>37</v>
      </c>
      <c r="HY20" s="73">
        <v>55</v>
      </c>
      <c r="HZ20" s="70">
        <v>10</v>
      </c>
      <c r="IA20" s="71">
        <v>7</v>
      </c>
      <c r="IB20" s="72">
        <v>17</v>
      </c>
      <c r="IC20" s="244"/>
      <c r="ID20" s="71">
        <v>15</v>
      </c>
      <c r="IE20" s="71">
        <v>14</v>
      </c>
      <c r="IF20" s="71">
        <v>13</v>
      </c>
      <c r="IG20" s="71">
        <v>6</v>
      </c>
      <c r="IH20" s="71">
        <v>4</v>
      </c>
      <c r="II20" s="72">
        <v>52</v>
      </c>
      <c r="IJ20" s="73">
        <v>69</v>
      </c>
      <c r="IK20" s="70">
        <v>10</v>
      </c>
      <c r="IL20" s="71">
        <v>19</v>
      </c>
      <c r="IM20" s="72">
        <v>29</v>
      </c>
      <c r="IN20" s="244"/>
      <c r="IO20" s="71">
        <v>30</v>
      </c>
      <c r="IP20" s="71">
        <v>25</v>
      </c>
      <c r="IQ20" s="71">
        <v>19</v>
      </c>
      <c r="IR20" s="71">
        <v>15</v>
      </c>
      <c r="IS20" s="71">
        <v>10</v>
      </c>
      <c r="IT20" s="72">
        <v>99</v>
      </c>
      <c r="IU20" s="73">
        <v>128</v>
      </c>
      <c r="IV20" s="70">
        <v>14</v>
      </c>
      <c r="IW20" s="71">
        <v>16</v>
      </c>
      <c r="IX20" s="72">
        <v>30</v>
      </c>
      <c r="IY20" s="244"/>
      <c r="IZ20" s="71">
        <v>27</v>
      </c>
      <c r="JA20" s="71">
        <v>24</v>
      </c>
      <c r="JB20" s="71">
        <v>21</v>
      </c>
      <c r="JC20" s="71">
        <v>13</v>
      </c>
      <c r="JD20" s="71">
        <v>13</v>
      </c>
      <c r="JE20" s="72">
        <v>98</v>
      </c>
      <c r="JF20" s="73">
        <v>128</v>
      </c>
      <c r="JG20" s="70">
        <v>19</v>
      </c>
      <c r="JH20" s="71">
        <v>9</v>
      </c>
      <c r="JI20" s="72">
        <v>28</v>
      </c>
      <c r="JJ20" s="244"/>
      <c r="JK20" s="71">
        <v>19</v>
      </c>
      <c r="JL20" s="71">
        <v>31</v>
      </c>
      <c r="JM20" s="71">
        <v>25</v>
      </c>
      <c r="JN20" s="71">
        <v>26</v>
      </c>
      <c r="JO20" s="71">
        <v>22</v>
      </c>
      <c r="JP20" s="72">
        <v>123</v>
      </c>
      <c r="JQ20" s="73">
        <v>151</v>
      </c>
      <c r="JR20" s="70">
        <v>0</v>
      </c>
      <c r="JS20" s="71">
        <v>0</v>
      </c>
      <c r="JT20" s="72">
        <v>0</v>
      </c>
      <c r="JU20" s="244"/>
      <c r="JV20" s="71">
        <v>0</v>
      </c>
      <c r="JW20" s="71">
        <v>0</v>
      </c>
      <c r="JX20" s="71">
        <v>0</v>
      </c>
      <c r="JY20" s="71">
        <v>0</v>
      </c>
      <c r="JZ20" s="71">
        <v>0</v>
      </c>
      <c r="KA20" s="72">
        <v>0</v>
      </c>
      <c r="KB20" s="73">
        <v>0</v>
      </c>
      <c r="KC20" s="70">
        <v>64</v>
      </c>
      <c r="KD20" s="71">
        <v>63</v>
      </c>
      <c r="KE20" s="72">
        <v>127</v>
      </c>
      <c r="KF20" s="244"/>
      <c r="KG20" s="71">
        <v>99</v>
      </c>
      <c r="KH20" s="71">
        <v>111</v>
      </c>
      <c r="KI20" s="71">
        <v>88</v>
      </c>
      <c r="KJ20" s="71">
        <v>72</v>
      </c>
      <c r="KK20" s="71">
        <v>54</v>
      </c>
      <c r="KL20" s="72">
        <v>424</v>
      </c>
      <c r="KM20" s="73">
        <v>551</v>
      </c>
    </row>
    <row r="21" spans="2:299" ht="19.5" customHeight="1" x14ac:dyDescent="0.2">
      <c r="B21" s="126" t="s">
        <v>18</v>
      </c>
      <c r="C21" s="315">
        <v>60</v>
      </c>
      <c r="D21" s="82">
        <v>53</v>
      </c>
      <c r="E21" s="83">
        <v>113</v>
      </c>
      <c r="F21" s="241"/>
      <c r="G21" s="82">
        <v>111</v>
      </c>
      <c r="H21" s="82">
        <v>81</v>
      </c>
      <c r="I21" s="82">
        <v>51</v>
      </c>
      <c r="J21" s="82">
        <v>52</v>
      </c>
      <c r="K21" s="82">
        <v>33</v>
      </c>
      <c r="L21" s="84">
        <v>328</v>
      </c>
      <c r="M21" s="85">
        <v>441</v>
      </c>
      <c r="N21" s="70">
        <v>3</v>
      </c>
      <c r="O21" s="71">
        <v>3</v>
      </c>
      <c r="P21" s="72">
        <v>6</v>
      </c>
      <c r="Q21" s="244"/>
      <c r="R21" s="71">
        <v>4</v>
      </c>
      <c r="S21" s="71">
        <v>7</v>
      </c>
      <c r="T21" s="71">
        <v>5</v>
      </c>
      <c r="U21" s="71">
        <v>2</v>
      </c>
      <c r="V21" s="71">
        <v>1</v>
      </c>
      <c r="W21" s="72">
        <v>19</v>
      </c>
      <c r="X21" s="73">
        <v>25</v>
      </c>
      <c r="Y21" s="70">
        <v>10</v>
      </c>
      <c r="Z21" s="71">
        <v>5</v>
      </c>
      <c r="AA21" s="72">
        <v>15</v>
      </c>
      <c r="AB21" s="244"/>
      <c r="AC21" s="71">
        <v>14</v>
      </c>
      <c r="AD21" s="71">
        <v>13</v>
      </c>
      <c r="AE21" s="71">
        <v>4</v>
      </c>
      <c r="AF21" s="71">
        <v>6</v>
      </c>
      <c r="AG21" s="71">
        <v>4</v>
      </c>
      <c r="AH21" s="72">
        <v>41</v>
      </c>
      <c r="AI21" s="73">
        <v>56</v>
      </c>
      <c r="AJ21" s="70">
        <v>7</v>
      </c>
      <c r="AK21" s="71">
        <v>6</v>
      </c>
      <c r="AL21" s="72">
        <v>13</v>
      </c>
      <c r="AM21" s="244"/>
      <c r="AN21" s="71">
        <v>10</v>
      </c>
      <c r="AO21" s="71">
        <v>11</v>
      </c>
      <c r="AP21" s="71">
        <v>9</v>
      </c>
      <c r="AQ21" s="71">
        <v>5</v>
      </c>
      <c r="AR21" s="71">
        <v>6</v>
      </c>
      <c r="AS21" s="72">
        <v>41</v>
      </c>
      <c r="AT21" s="73">
        <v>54</v>
      </c>
      <c r="AU21" s="70">
        <v>15</v>
      </c>
      <c r="AV21" s="71">
        <v>10</v>
      </c>
      <c r="AW21" s="72">
        <v>25</v>
      </c>
      <c r="AX21" s="244"/>
      <c r="AY21" s="71">
        <v>23</v>
      </c>
      <c r="AZ21" s="71">
        <v>16</v>
      </c>
      <c r="BA21" s="71">
        <v>13</v>
      </c>
      <c r="BB21" s="71">
        <v>12</v>
      </c>
      <c r="BC21" s="71">
        <v>7</v>
      </c>
      <c r="BD21" s="72">
        <v>71</v>
      </c>
      <c r="BE21" s="73">
        <v>96</v>
      </c>
      <c r="BF21" s="70">
        <v>12</v>
      </c>
      <c r="BG21" s="71">
        <v>15</v>
      </c>
      <c r="BH21" s="72">
        <v>27</v>
      </c>
      <c r="BI21" s="244"/>
      <c r="BJ21" s="71">
        <v>36</v>
      </c>
      <c r="BK21" s="71">
        <v>17</v>
      </c>
      <c r="BL21" s="71">
        <v>9</v>
      </c>
      <c r="BM21" s="71">
        <v>14</v>
      </c>
      <c r="BN21" s="71">
        <v>7</v>
      </c>
      <c r="BO21" s="72">
        <v>83</v>
      </c>
      <c r="BP21" s="73">
        <v>110</v>
      </c>
      <c r="BQ21" s="70">
        <v>13</v>
      </c>
      <c r="BR21" s="71">
        <v>14</v>
      </c>
      <c r="BS21" s="72">
        <v>27</v>
      </c>
      <c r="BT21" s="244"/>
      <c r="BU21" s="71">
        <v>24</v>
      </c>
      <c r="BV21" s="71">
        <v>17</v>
      </c>
      <c r="BW21" s="71">
        <v>11</v>
      </c>
      <c r="BX21" s="71">
        <v>13</v>
      </c>
      <c r="BY21" s="71">
        <v>8</v>
      </c>
      <c r="BZ21" s="72">
        <v>73</v>
      </c>
      <c r="CA21" s="73">
        <v>100</v>
      </c>
      <c r="CB21" s="70">
        <v>0</v>
      </c>
      <c r="CC21" s="71">
        <v>0</v>
      </c>
      <c r="CD21" s="72">
        <v>0</v>
      </c>
      <c r="CE21" s="244"/>
      <c r="CF21" s="71">
        <v>0</v>
      </c>
      <c r="CG21" s="71">
        <v>0</v>
      </c>
      <c r="CH21" s="71">
        <v>0</v>
      </c>
      <c r="CI21" s="71">
        <v>0</v>
      </c>
      <c r="CJ21" s="71">
        <v>0</v>
      </c>
      <c r="CK21" s="72">
        <v>0</v>
      </c>
      <c r="CL21" s="73">
        <v>0</v>
      </c>
      <c r="CM21" s="70">
        <v>60</v>
      </c>
      <c r="CN21" s="71">
        <v>53</v>
      </c>
      <c r="CO21" s="72">
        <v>113</v>
      </c>
      <c r="CP21" s="244"/>
      <c r="CQ21" s="71">
        <v>111</v>
      </c>
      <c r="CR21" s="71">
        <v>81</v>
      </c>
      <c r="CS21" s="71">
        <v>51</v>
      </c>
      <c r="CT21" s="71">
        <v>52</v>
      </c>
      <c r="CU21" s="71">
        <v>33</v>
      </c>
      <c r="CV21" s="72">
        <v>328</v>
      </c>
      <c r="CW21" s="73">
        <v>441</v>
      </c>
      <c r="CX21" s="123">
        <v>23</v>
      </c>
      <c r="CY21" s="82">
        <v>31</v>
      </c>
      <c r="CZ21" s="83">
        <v>54</v>
      </c>
      <c r="DA21" s="241"/>
      <c r="DB21" s="82">
        <v>39</v>
      </c>
      <c r="DC21" s="82">
        <v>50</v>
      </c>
      <c r="DD21" s="82">
        <v>28</v>
      </c>
      <c r="DE21" s="82">
        <v>25</v>
      </c>
      <c r="DF21" s="82">
        <v>24</v>
      </c>
      <c r="DG21" s="84">
        <v>166</v>
      </c>
      <c r="DH21" s="85">
        <v>220</v>
      </c>
      <c r="DI21" s="70">
        <v>1</v>
      </c>
      <c r="DJ21" s="71">
        <v>2</v>
      </c>
      <c r="DK21" s="72">
        <v>3</v>
      </c>
      <c r="DL21" s="244"/>
      <c r="DM21" s="71">
        <v>2</v>
      </c>
      <c r="DN21" s="71">
        <v>1</v>
      </c>
      <c r="DO21" s="71">
        <v>0</v>
      </c>
      <c r="DP21" s="71">
        <v>0</v>
      </c>
      <c r="DQ21" s="71">
        <v>2</v>
      </c>
      <c r="DR21" s="72">
        <v>5</v>
      </c>
      <c r="DS21" s="73">
        <v>8</v>
      </c>
      <c r="DT21" s="70">
        <v>2</v>
      </c>
      <c r="DU21" s="71">
        <v>3</v>
      </c>
      <c r="DV21" s="72">
        <v>5</v>
      </c>
      <c r="DW21" s="244"/>
      <c r="DX21" s="71">
        <v>0</v>
      </c>
      <c r="DY21" s="71">
        <v>4</v>
      </c>
      <c r="DZ21" s="71">
        <v>1</v>
      </c>
      <c r="EA21" s="71">
        <v>0</v>
      </c>
      <c r="EB21" s="71">
        <v>0</v>
      </c>
      <c r="EC21" s="72">
        <v>5</v>
      </c>
      <c r="ED21" s="73">
        <v>10</v>
      </c>
      <c r="EE21" s="70">
        <v>8</v>
      </c>
      <c r="EF21" s="71">
        <v>8</v>
      </c>
      <c r="EG21" s="72">
        <v>16</v>
      </c>
      <c r="EH21" s="244"/>
      <c r="EI21" s="71">
        <v>6</v>
      </c>
      <c r="EJ21" s="71">
        <v>4</v>
      </c>
      <c r="EK21" s="71">
        <v>4</v>
      </c>
      <c r="EL21" s="71">
        <v>1</v>
      </c>
      <c r="EM21" s="71">
        <v>2</v>
      </c>
      <c r="EN21" s="72">
        <v>17</v>
      </c>
      <c r="EO21" s="73">
        <v>33</v>
      </c>
      <c r="EP21" s="70">
        <v>8</v>
      </c>
      <c r="EQ21" s="71">
        <v>3</v>
      </c>
      <c r="ER21" s="72">
        <v>11</v>
      </c>
      <c r="ES21" s="244"/>
      <c r="ET21" s="71">
        <v>8</v>
      </c>
      <c r="EU21" s="71">
        <v>8</v>
      </c>
      <c r="EV21" s="71">
        <v>2</v>
      </c>
      <c r="EW21" s="71">
        <v>6</v>
      </c>
      <c r="EX21" s="71">
        <v>2</v>
      </c>
      <c r="EY21" s="72">
        <v>26</v>
      </c>
      <c r="EZ21" s="73">
        <v>37</v>
      </c>
      <c r="FA21" s="70">
        <v>4</v>
      </c>
      <c r="FB21" s="71">
        <v>13</v>
      </c>
      <c r="FC21" s="72">
        <v>17</v>
      </c>
      <c r="FD21" s="244"/>
      <c r="FE21" s="71">
        <v>16</v>
      </c>
      <c r="FF21" s="71">
        <v>14</v>
      </c>
      <c r="FG21" s="71">
        <v>8</v>
      </c>
      <c r="FH21" s="71">
        <v>6</v>
      </c>
      <c r="FI21" s="71">
        <v>7</v>
      </c>
      <c r="FJ21" s="72">
        <v>51</v>
      </c>
      <c r="FK21" s="73">
        <v>68</v>
      </c>
      <c r="FL21" s="70">
        <v>0</v>
      </c>
      <c r="FM21" s="71">
        <v>2</v>
      </c>
      <c r="FN21" s="72">
        <v>2</v>
      </c>
      <c r="FO21" s="244"/>
      <c r="FP21" s="71">
        <v>7</v>
      </c>
      <c r="FQ21" s="71">
        <v>19</v>
      </c>
      <c r="FR21" s="71">
        <v>13</v>
      </c>
      <c r="FS21" s="71">
        <v>12</v>
      </c>
      <c r="FT21" s="71">
        <v>11</v>
      </c>
      <c r="FU21" s="72">
        <v>62</v>
      </c>
      <c r="FV21" s="73">
        <v>64</v>
      </c>
      <c r="FW21" s="70">
        <v>0</v>
      </c>
      <c r="FX21" s="71">
        <v>0</v>
      </c>
      <c r="FY21" s="72">
        <v>0</v>
      </c>
      <c r="FZ21" s="244"/>
      <c r="GA21" s="71">
        <v>0</v>
      </c>
      <c r="GB21" s="71">
        <v>0</v>
      </c>
      <c r="GC21" s="71">
        <v>0</v>
      </c>
      <c r="GD21" s="71">
        <v>0</v>
      </c>
      <c r="GE21" s="71">
        <v>0</v>
      </c>
      <c r="GF21" s="72">
        <v>0</v>
      </c>
      <c r="GG21" s="73">
        <v>0</v>
      </c>
      <c r="GH21" s="70">
        <v>23</v>
      </c>
      <c r="GI21" s="71">
        <v>31</v>
      </c>
      <c r="GJ21" s="72">
        <v>54</v>
      </c>
      <c r="GK21" s="244"/>
      <c r="GL21" s="71">
        <v>39</v>
      </c>
      <c r="GM21" s="71">
        <v>50</v>
      </c>
      <c r="GN21" s="71">
        <v>28</v>
      </c>
      <c r="GO21" s="71">
        <v>25</v>
      </c>
      <c r="GP21" s="71">
        <v>24</v>
      </c>
      <c r="GQ21" s="72">
        <v>166</v>
      </c>
      <c r="GR21" s="73">
        <v>220</v>
      </c>
      <c r="GS21" s="123">
        <v>83</v>
      </c>
      <c r="GT21" s="82">
        <v>84</v>
      </c>
      <c r="GU21" s="83">
        <v>167</v>
      </c>
      <c r="GV21" s="241"/>
      <c r="GW21" s="82">
        <v>150</v>
      </c>
      <c r="GX21" s="82">
        <v>131</v>
      </c>
      <c r="GY21" s="82">
        <v>79</v>
      </c>
      <c r="GZ21" s="82">
        <v>77</v>
      </c>
      <c r="HA21" s="82">
        <v>57</v>
      </c>
      <c r="HB21" s="84">
        <v>494</v>
      </c>
      <c r="HC21" s="85">
        <v>661</v>
      </c>
      <c r="HD21" s="70">
        <v>4</v>
      </c>
      <c r="HE21" s="71">
        <v>5</v>
      </c>
      <c r="HF21" s="72">
        <v>9</v>
      </c>
      <c r="HG21" s="244"/>
      <c r="HH21" s="71">
        <v>6</v>
      </c>
      <c r="HI21" s="71">
        <v>8</v>
      </c>
      <c r="HJ21" s="71">
        <v>5</v>
      </c>
      <c r="HK21" s="71">
        <v>2</v>
      </c>
      <c r="HL21" s="71">
        <v>3</v>
      </c>
      <c r="HM21" s="72">
        <v>24</v>
      </c>
      <c r="HN21" s="73">
        <v>33</v>
      </c>
      <c r="HO21" s="70">
        <v>12</v>
      </c>
      <c r="HP21" s="71">
        <v>8</v>
      </c>
      <c r="HQ21" s="72">
        <v>20</v>
      </c>
      <c r="HR21" s="244"/>
      <c r="HS21" s="71">
        <v>14</v>
      </c>
      <c r="HT21" s="71">
        <v>17</v>
      </c>
      <c r="HU21" s="71">
        <v>5</v>
      </c>
      <c r="HV21" s="71">
        <v>6</v>
      </c>
      <c r="HW21" s="71">
        <v>4</v>
      </c>
      <c r="HX21" s="72">
        <v>46</v>
      </c>
      <c r="HY21" s="73">
        <v>66</v>
      </c>
      <c r="HZ21" s="70">
        <v>15</v>
      </c>
      <c r="IA21" s="71">
        <v>14</v>
      </c>
      <c r="IB21" s="72">
        <v>29</v>
      </c>
      <c r="IC21" s="244"/>
      <c r="ID21" s="71">
        <v>16</v>
      </c>
      <c r="IE21" s="71">
        <v>15</v>
      </c>
      <c r="IF21" s="71">
        <v>13</v>
      </c>
      <c r="IG21" s="71">
        <v>6</v>
      </c>
      <c r="IH21" s="71">
        <v>8</v>
      </c>
      <c r="II21" s="72">
        <v>58</v>
      </c>
      <c r="IJ21" s="73">
        <v>87</v>
      </c>
      <c r="IK21" s="70">
        <v>23</v>
      </c>
      <c r="IL21" s="71">
        <v>13</v>
      </c>
      <c r="IM21" s="72">
        <v>36</v>
      </c>
      <c r="IN21" s="244"/>
      <c r="IO21" s="71">
        <v>31</v>
      </c>
      <c r="IP21" s="71">
        <v>24</v>
      </c>
      <c r="IQ21" s="71">
        <v>15</v>
      </c>
      <c r="IR21" s="71">
        <v>18</v>
      </c>
      <c r="IS21" s="71">
        <v>9</v>
      </c>
      <c r="IT21" s="72">
        <v>97</v>
      </c>
      <c r="IU21" s="73">
        <v>133</v>
      </c>
      <c r="IV21" s="70">
        <v>16</v>
      </c>
      <c r="IW21" s="71">
        <v>28</v>
      </c>
      <c r="IX21" s="72">
        <v>44</v>
      </c>
      <c r="IY21" s="244"/>
      <c r="IZ21" s="71">
        <v>52</v>
      </c>
      <c r="JA21" s="71">
        <v>31</v>
      </c>
      <c r="JB21" s="71">
        <v>17</v>
      </c>
      <c r="JC21" s="71">
        <v>20</v>
      </c>
      <c r="JD21" s="71">
        <v>14</v>
      </c>
      <c r="JE21" s="72">
        <v>134</v>
      </c>
      <c r="JF21" s="73">
        <v>178</v>
      </c>
      <c r="JG21" s="70">
        <v>13</v>
      </c>
      <c r="JH21" s="71">
        <v>16</v>
      </c>
      <c r="JI21" s="72">
        <v>29</v>
      </c>
      <c r="JJ21" s="244"/>
      <c r="JK21" s="71">
        <v>31</v>
      </c>
      <c r="JL21" s="71">
        <v>36</v>
      </c>
      <c r="JM21" s="71">
        <v>24</v>
      </c>
      <c r="JN21" s="71">
        <v>25</v>
      </c>
      <c r="JO21" s="71">
        <v>19</v>
      </c>
      <c r="JP21" s="72">
        <v>135</v>
      </c>
      <c r="JQ21" s="73">
        <v>164</v>
      </c>
      <c r="JR21" s="70">
        <v>0</v>
      </c>
      <c r="JS21" s="71">
        <v>0</v>
      </c>
      <c r="JT21" s="72">
        <v>0</v>
      </c>
      <c r="JU21" s="244"/>
      <c r="JV21" s="71">
        <v>0</v>
      </c>
      <c r="JW21" s="71">
        <v>0</v>
      </c>
      <c r="JX21" s="71">
        <v>0</v>
      </c>
      <c r="JY21" s="71">
        <v>0</v>
      </c>
      <c r="JZ21" s="71">
        <v>0</v>
      </c>
      <c r="KA21" s="72">
        <v>0</v>
      </c>
      <c r="KB21" s="73">
        <v>0</v>
      </c>
      <c r="KC21" s="70">
        <v>83</v>
      </c>
      <c r="KD21" s="71">
        <v>84</v>
      </c>
      <c r="KE21" s="72">
        <v>167</v>
      </c>
      <c r="KF21" s="244"/>
      <c r="KG21" s="71">
        <v>150</v>
      </c>
      <c r="KH21" s="71">
        <v>131</v>
      </c>
      <c r="KI21" s="71">
        <v>79</v>
      </c>
      <c r="KJ21" s="71">
        <v>77</v>
      </c>
      <c r="KK21" s="71">
        <v>57</v>
      </c>
      <c r="KL21" s="72">
        <v>494</v>
      </c>
      <c r="KM21" s="73">
        <v>661</v>
      </c>
    </row>
    <row r="22" spans="2:299" ht="19.5" customHeight="1" x14ac:dyDescent="0.2">
      <c r="B22" s="126" t="s">
        <v>19</v>
      </c>
      <c r="C22" s="315">
        <v>24</v>
      </c>
      <c r="D22" s="82">
        <v>26</v>
      </c>
      <c r="E22" s="83">
        <v>50</v>
      </c>
      <c r="F22" s="241"/>
      <c r="G22" s="82">
        <v>46</v>
      </c>
      <c r="H22" s="82">
        <v>32</v>
      </c>
      <c r="I22" s="82">
        <v>22</v>
      </c>
      <c r="J22" s="82">
        <v>15</v>
      </c>
      <c r="K22" s="82">
        <v>10</v>
      </c>
      <c r="L22" s="84">
        <v>125</v>
      </c>
      <c r="M22" s="85">
        <v>175</v>
      </c>
      <c r="N22" s="86">
        <v>3</v>
      </c>
      <c r="O22" s="71">
        <v>0</v>
      </c>
      <c r="P22" s="72">
        <v>3</v>
      </c>
      <c r="Q22" s="244"/>
      <c r="R22" s="71">
        <v>2</v>
      </c>
      <c r="S22" s="71">
        <v>1</v>
      </c>
      <c r="T22" s="71">
        <v>1</v>
      </c>
      <c r="U22" s="71">
        <v>1</v>
      </c>
      <c r="V22" s="71">
        <v>0</v>
      </c>
      <c r="W22" s="72">
        <v>5</v>
      </c>
      <c r="X22" s="73">
        <v>8</v>
      </c>
      <c r="Y22" s="70">
        <v>1</v>
      </c>
      <c r="Z22" s="71">
        <v>1</v>
      </c>
      <c r="AA22" s="72">
        <v>2</v>
      </c>
      <c r="AB22" s="244"/>
      <c r="AC22" s="71">
        <v>4</v>
      </c>
      <c r="AD22" s="71">
        <v>5</v>
      </c>
      <c r="AE22" s="71">
        <v>4</v>
      </c>
      <c r="AF22" s="71">
        <v>2</v>
      </c>
      <c r="AG22" s="71">
        <v>0</v>
      </c>
      <c r="AH22" s="72">
        <v>15</v>
      </c>
      <c r="AI22" s="73">
        <v>17</v>
      </c>
      <c r="AJ22" s="86">
        <v>7</v>
      </c>
      <c r="AK22" s="71">
        <v>2</v>
      </c>
      <c r="AL22" s="72">
        <v>9</v>
      </c>
      <c r="AM22" s="244"/>
      <c r="AN22" s="71">
        <v>4</v>
      </c>
      <c r="AO22" s="71">
        <v>2</v>
      </c>
      <c r="AP22" s="71">
        <v>0</v>
      </c>
      <c r="AQ22" s="71">
        <v>4</v>
      </c>
      <c r="AR22" s="71">
        <v>0</v>
      </c>
      <c r="AS22" s="72">
        <v>10</v>
      </c>
      <c r="AT22" s="73">
        <v>19</v>
      </c>
      <c r="AU22" s="70">
        <v>4</v>
      </c>
      <c r="AV22" s="71">
        <v>5</v>
      </c>
      <c r="AW22" s="72">
        <v>9</v>
      </c>
      <c r="AX22" s="244"/>
      <c r="AY22" s="71">
        <v>10</v>
      </c>
      <c r="AZ22" s="71">
        <v>5</v>
      </c>
      <c r="BA22" s="71">
        <v>6</v>
      </c>
      <c r="BB22" s="71">
        <v>4</v>
      </c>
      <c r="BC22" s="71">
        <v>2</v>
      </c>
      <c r="BD22" s="72">
        <v>27</v>
      </c>
      <c r="BE22" s="73">
        <v>36</v>
      </c>
      <c r="BF22" s="86">
        <v>7</v>
      </c>
      <c r="BG22" s="71">
        <v>7</v>
      </c>
      <c r="BH22" s="72">
        <v>14</v>
      </c>
      <c r="BI22" s="244"/>
      <c r="BJ22" s="71">
        <v>10</v>
      </c>
      <c r="BK22" s="71">
        <v>6</v>
      </c>
      <c r="BL22" s="71">
        <v>4</v>
      </c>
      <c r="BM22" s="71">
        <v>1</v>
      </c>
      <c r="BN22" s="71">
        <v>3</v>
      </c>
      <c r="BO22" s="72">
        <v>24</v>
      </c>
      <c r="BP22" s="73">
        <v>38</v>
      </c>
      <c r="BQ22" s="70">
        <v>2</v>
      </c>
      <c r="BR22" s="71">
        <v>11</v>
      </c>
      <c r="BS22" s="72">
        <v>13</v>
      </c>
      <c r="BT22" s="244"/>
      <c r="BU22" s="71">
        <v>16</v>
      </c>
      <c r="BV22" s="71">
        <v>13</v>
      </c>
      <c r="BW22" s="71">
        <v>7</v>
      </c>
      <c r="BX22" s="71">
        <v>3</v>
      </c>
      <c r="BY22" s="71">
        <v>5</v>
      </c>
      <c r="BZ22" s="72">
        <v>44</v>
      </c>
      <c r="CA22" s="73">
        <v>57</v>
      </c>
      <c r="CB22" s="70">
        <v>0</v>
      </c>
      <c r="CC22" s="71">
        <v>0</v>
      </c>
      <c r="CD22" s="72">
        <v>0</v>
      </c>
      <c r="CE22" s="244"/>
      <c r="CF22" s="71">
        <v>0</v>
      </c>
      <c r="CG22" s="71">
        <v>0</v>
      </c>
      <c r="CH22" s="71">
        <v>0</v>
      </c>
      <c r="CI22" s="71">
        <v>0</v>
      </c>
      <c r="CJ22" s="71">
        <v>0</v>
      </c>
      <c r="CK22" s="72">
        <v>0</v>
      </c>
      <c r="CL22" s="73">
        <v>0</v>
      </c>
      <c r="CM22" s="70">
        <v>24</v>
      </c>
      <c r="CN22" s="71">
        <v>26</v>
      </c>
      <c r="CO22" s="72">
        <v>50</v>
      </c>
      <c r="CP22" s="244"/>
      <c r="CQ22" s="71">
        <v>46</v>
      </c>
      <c r="CR22" s="71">
        <v>32</v>
      </c>
      <c r="CS22" s="71">
        <v>22</v>
      </c>
      <c r="CT22" s="71">
        <v>15</v>
      </c>
      <c r="CU22" s="71">
        <v>10</v>
      </c>
      <c r="CV22" s="72">
        <v>125</v>
      </c>
      <c r="CW22" s="73">
        <v>175</v>
      </c>
      <c r="CX22" s="123">
        <v>7</v>
      </c>
      <c r="CY22" s="82">
        <v>9</v>
      </c>
      <c r="CZ22" s="83">
        <v>16</v>
      </c>
      <c r="DA22" s="241"/>
      <c r="DB22" s="82">
        <v>16</v>
      </c>
      <c r="DC22" s="82">
        <v>5</v>
      </c>
      <c r="DD22" s="82">
        <v>6</v>
      </c>
      <c r="DE22" s="82">
        <v>14</v>
      </c>
      <c r="DF22" s="82">
        <v>8</v>
      </c>
      <c r="DG22" s="84">
        <v>49</v>
      </c>
      <c r="DH22" s="85">
        <v>65</v>
      </c>
      <c r="DI22" s="86">
        <v>0</v>
      </c>
      <c r="DJ22" s="71">
        <v>0</v>
      </c>
      <c r="DK22" s="72">
        <v>0</v>
      </c>
      <c r="DL22" s="244"/>
      <c r="DM22" s="71">
        <v>1</v>
      </c>
      <c r="DN22" s="71">
        <v>0</v>
      </c>
      <c r="DO22" s="71">
        <v>1</v>
      </c>
      <c r="DP22" s="71">
        <v>0</v>
      </c>
      <c r="DQ22" s="71">
        <v>1</v>
      </c>
      <c r="DR22" s="72">
        <v>3</v>
      </c>
      <c r="DS22" s="73">
        <v>3</v>
      </c>
      <c r="DT22" s="70">
        <v>1</v>
      </c>
      <c r="DU22" s="71">
        <v>0</v>
      </c>
      <c r="DV22" s="72">
        <v>1</v>
      </c>
      <c r="DW22" s="244"/>
      <c r="DX22" s="71">
        <v>1</v>
      </c>
      <c r="DY22" s="71">
        <v>1</v>
      </c>
      <c r="DZ22" s="71">
        <v>0</v>
      </c>
      <c r="EA22" s="71">
        <v>0</v>
      </c>
      <c r="EB22" s="71">
        <v>0</v>
      </c>
      <c r="EC22" s="72">
        <v>2</v>
      </c>
      <c r="ED22" s="73">
        <v>3</v>
      </c>
      <c r="EE22" s="86">
        <v>1</v>
      </c>
      <c r="EF22" s="71">
        <v>2</v>
      </c>
      <c r="EG22" s="72">
        <v>3</v>
      </c>
      <c r="EH22" s="244"/>
      <c r="EI22" s="71">
        <v>2</v>
      </c>
      <c r="EJ22" s="71">
        <v>0</v>
      </c>
      <c r="EK22" s="71">
        <v>1</v>
      </c>
      <c r="EL22" s="71">
        <v>2</v>
      </c>
      <c r="EM22" s="71">
        <v>1</v>
      </c>
      <c r="EN22" s="72">
        <v>6</v>
      </c>
      <c r="EO22" s="73">
        <v>9</v>
      </c>
      <c r="EP22" s="70">
        <v>2</v>
      </c>
      <c r="EQ22" s="71">
        <v>2</v>
      </c>
      <c r="ER22" s="72">
        <v>4</v>
      </c>
      <c r="ES22" s="244"/>
      <c r="ET22" s="71">
        <v>5</v>
      </c>
      <c r="EU22" s="71">
        <v>1</v>
      </c>
      <c r="EV22" s="71">
        <v>0</v>
      </c>
      <c r="EW22" s="71">
        <v>4</v>
      </c>
      <c r="EX22" s="71">
        <v>1</v>
      </c>
      <c r="EY22" s="72">
        <v>11</v>
      </c>
      <c r="EZ22" s="73">
        <v>15</v>
      </c>
      <c r="FA22" s="86">
        <v>0</v>
      </c>
      <c r="FB22" s="71">
        <v>1</v>
      </c>
      <c r="FC22" s="72">
        <v>1</v>
      </c>
      <c r="FD22" s="244"/>
      <c r="FE22" s="71">
        <v>0</v>
      </c>
      <c r="FF22" s="71">
        <v>1</v>
      </c>
      <c r="FG22" s="71">
        <v>1</v>
      </c>
      <c r="FH22" s="71">
        <v>5</v>
      </c>
      <c r="FI22" s="71">
        <v>3</v>
      </c>
      <c r="FJ22" s="72">
        <v>10</v>
      </c>
      <c r="FK22" s="73">
        <v>11</v>
      </c>
      <c r="FL22" s="70">
        <v>3</v>
      </c>
      <c r="FM22" s="71">
        <v>4</v>
      </c>
      <c r="FN22" s="72">
        <v>7</v>
      </c>
      <c r="FO22" s="244"/>
      <c r="FP22" s="71">
        <v>7</v>
      </c>
      <c r="FQ22" s="71">
        <v>2</v>
      </c>
      <c r="FR22" s="71">
        <v>3</v>
      </c>
      <c r="FS22" s="71">
        <v>3</v>
      </c>
      <c r="FT22" s="71">
        <v>2</v>
      </c>
      <c r="FU22" s="72">
        <v>17</v>
      </c>
      <c r="FV22" s="73">
        <v>24</v>
      </c>
      <c r="FW22" s="70">
        <v>0</v>
      </c>
      <c r="FX22" s="71">
        <v>0</v>
      </c>
      <c r="FY22" s="72">
        <v>0</v>
      </c>
      <c r="FZ22" s="244"/>
      <c r="GA22" s="71">
        <v>0</v>
      </c>
      <c r="GB22" s="71">
        <v>0</v>
      </c>
      <c r="GC22" s="71">
        <v>0</v>
      </c>
      <c r="GD22" s="71">
        <v>0</v>
      </c>
      <c r="GE22" s="71">
        <v>0</v>
      </c>
      <c r="GF22" s="72">
        <v>0</v>
      </c>
      <c r="GG22" s="73">
        <v>0</v>
      </c>
      <c r="GH22" s="70">
        <v>7</v>
      </c>
      <c r="GI22" s="71">
        <v>9</v>
      </c>
      <c r="GJ22" s="72">
        <v>16</v>
      </c>
      <c r="GK22" s="244"/>
      <c r="GL22" s="71">
        <v>16</v>
      </c>
      <c r="GM22" s="71">
        <v>5</v>
      </c>
      <c r="GN22" s="71">
        <v>6</v>
      </c>
      <c r="GO22" s="71">
        <v>14</v>
      </c>
      <c r="GP22" s="71">
        <v>8</v>
      </c>
      <c r="GQ22" s="72">
        <v>49</v>
      </c>
      <c r="GR22" s="73">
        <v>65</v>
      </c>
      <c r="GS22" s="123">
        <v>31</v>
      </c>
      <c r="GT22" s="82">
        <v>35</v>
      </c>
      <c r="GU22" s="83">
        <v>66</v>
      </c>
      <c r="GV22" s="241"/>
      <c r="GW22" s="82">
        <v>62</v>
      </c>
      <c r="GX22" s="82">
        <v>37</v>
      </c>
      <c r="GY22" s="82">
        <v>28</v>
      </c>
      <c r="GZ22" s="82">
        <v>29</v>
      </c>
      <c r="HA22" s="82">
        <v>18</v>
      </c>
      <c r="HB22" s="84">
        <v>174</v>
      </c>
      <c r="HC22" s="85">
        <v>240</v>
      </c>
      <c r="HD22" s="86">
        <v>3</v>
      </c>
      <c r="HE22" s="71">
        <v>0</v>
      </c>
      <c r="HF22" s="72">
        <v>3</v>
      </c>
      <c r="HG22" s="244"/>
      <c r="HH22" s="71">
        <v>3</v>
      </c>
      <c r="HI22" s="71">
        <v>1</v>
      </c>
      <c r="HJ22" s="71">
        <v>2</v>
      </c>
      <c r="HK22" s="71">
        <v>1</v>
      </c>
      <c r="HL22" s="71">
        <v>1</v>
      </c>
      <c r="HM22" s="72">
        <v>8</v>
      </c>
      <c r="HN22" s="73">
        <v>11</v>
      </c>
      <c r="HO22" s="70">
        <v>2</v>
      </c>
      <c r="HP22" s="71">
        <v>1</v>
      </c>
      <c r="HQ22" s="72">
        <v>3</v>
      </c>
      <c r="HR22" s="244"/>
      <c r="HS22" s="71">
        <v>5</v>
      </c>
      <c r="HT22" s="71">
        <v>6</v>
      </c>
      <c r="HU22" s="71">
        <v>4</v>
      </c>
      <c r="HV22" s="71">
        <v>2</v>
      </c>
      <c r="HW22" s="71">
        <v>0</v>
      </c>
      <c r="HX22" s="72">
        <v>17</v>
      </c>
      <c r="HY22" s="73">
        <v>20</v>
      </c>
      <c r="HZ22" s="86">
        <v>8</v>
      </c>
      <c r="IA22" s="71">
        <v>4</v>
      </c>
      <c r="IB22" s="72">
        <v>12</v>
      </c>
      <c r="IC22" s="244"/>
      <c r="ID22" s="71">
        <v>6</v>
      </c>
      <c r="IE22" s="71">
        <v>2</v>
      </c>
      <c r="IF22" s="71">
        <v>1</v>
      </c>
      <c r="IG22" s="71">
        <v>6</v>
      </c>
      <c r="IH22" s="71">
        <v>1</v>
      </c>
      <c r="II22" s="72">
        <v>16</v>
      </c>
      <c r="IJ22" s="73">
        <v>28</v>
      </c>
      <c r="IK22" s="70">
        <v>6</v>
      </c>
      <c r="IL22" s="71">
        <v>7</v>
      </c>
      <c r="IM22" s="72">
        <v>13</v>
      </c>
      <c r="IN22" s="244"/>
      <c r="IO22" s="71">
        <v>15</v>
      </c>
      <c r="IP22" s="71">
        <v>6</v>
      </c>
      <c r="IQ22" s="71">
        <v>6</v>
      </c>
      <c r="IR22" s="71">
        <v>8</v>
      </c>
      <c r="IS22" s="71">
        <v>3</v>
      </c>
      <c r="IT22" s="72">
        <v>38</v>
      </c>
      <c r="IU22" s="73">
        <v>51</v>
      </c>
      <c r="IV22" s="86">
        <v>7</v>
      </c>
      <c r="IW22" s="71">
        <v>8</v>
      </c>
      <c r="IX22" s="72">
        <v>15</v>
      </c>
      <c r="IY22" s="244"/>
      <c r="IZ22" s="71">
        <v>10</v>
      </c>
      <c r="JA22" s="71">
        <v>7</v>
      </c>
      <c r="JB22" s="71">
        <v>5</v>
      </c>
      <c r="JC22" s="71">
        <v>6</v>
      </c>
      <c r="JD22" s="71">
        <v>6</v>
      </c>
      <c r="JE22" s="72">
        <v>34</v>
      </c>
      <c r="JF22" s="73">
        <v>49</v>
      </c>
      <c r="JG22" s="70">
        <v>5</v>
      </c>
      <c r="JH22" s="71">
        <v>15</v>
      </c>
      <c r="JI22" s="72">
        <v>20</v>
      </c>
      <c r="JJ22" s="244"/>
      <c r="JK22" s="71">
        <v>23</v>
      </c>
      <c r="JL22" s="71">
        <v>15</v>
      </c>
      <c r="JM22" s="71">
        <v>10</v>
      </c>
      <c r="JN22" s="71">
        <v>6</v>
      </c>
      <c r="JO22" s="71">
        <v>7</v>
      </c>
      <c r="JP22" s="72">
        <v>61</v>
      </c>
      <c r="JQ22" s="73">
        <v>81</v>
      </c>
      <c r="JR22" s="70">
        <v>0</v>
      </c>
      <c r="JS22" s="71">
        <v>0</v>
      </c>
      <c r="JT22" s="72">
        <v>0</v>
      </c>
      <c r="JU22" s="244"/>
      <c r="JV22" s="71">
        <v>0</v>
      </c>
      <c r="JW22" s="71">
        <v>0</v>
      </c>
      <c r="JX22" s="71">
        <v>0</v>
      </c>
      <c r="JY22" s="71">
        <v>0</v>
      </c>
      <c r="JZ22" s="71">
        <v>0</v>
      </c>
      <c r="KA22" s="72">
        <v>0</v>
      </c>
      <c r="KB22" s="73">
        <v>0</v>
      </c>
      <c r="KC22" s="70">
        <v>31</v>
      </c>
      <c r="KD22" s="71">
        <v>35</v>
      </c>
      <c r="KE22" s="72">
        <v>66</v>
      </c>
      <c r="KF22" s="244"/>
      <c r="KG22" s="71">
        <v>62</v>
      </c>
      <c r="KH22" s="71">
        <v>37</v>
      </c>
      <c r="KI22" s="71">
        <v>28</v>
      </c>
      <c r="KJ22" s="71">
        <v>29</v>
      </c>
      <c r="KK22" s="71">
        <v>18</v>
      </c>
      <c r="KL22" s="72">
        <v>174</v>
      </c>
      <c r="KM22" s="73">
        <v>240</v>
      </c>
    </row>
    <row r="23" spans="2:299" ht="19.5" customHeight="1" x14ac:dyDescent="0.2">
      <c r="B23" s="126" t="s">
        <v>20</v>
      </c>
      <c r="C23" s="315">
        <v>32</v>
      </c>
      <c r="D23" s="82">
        <v>43</v>
      </c>
      <c r="E23" s="83">
        <v>75</v>
      </c>
      <c r="F23" s="241"/>
      <c r="G23" s="82">
        <v>61</v>
      </c>
      <c r="H23" s="82">
        <v>43</v>
      </c>
      <c r="I23" s="82">
        <v>33</v>
      </c>
      <c r="J23" s="82">
        <v>16</v>
      </c>
      <c r="K23" s="82">
        <v>14</v>
      </c>
      <c r="L23" s="84">
        <v>167</v>
      </c>
      <c r="M23" s="85">
        <v>242</v>
      </c>
      <c r="N23" s="70">
        <v>0</v>
      </c>
      <c r="O23" s="71">
        <v>2</v>
      </c>
      <c r="P23" s="72">
        <v>2</v>
      </c>
      <c r="Q23" s="244"/>
      <c r="R23" s="71">
        <v>3</v>
      </c>
      <c r="S23" s="71">
        <v>2</v>
      </c>
      <c r="T23" s="71">
        <v>2</v>
      </c>
      <c r="U23" s="71">
        <v>1</v>
      </c>
      <c r="V23" s="71">
        <v>0</v>
      </c>
      <c r="W23" s="72">
        <v>8</v>
      </c>
      <c r="X23" s="73">
        <v>10</v>
      </c>
      <c r="Y23" s="70">
        <v>5</v>
      </c>
      <c r="Z23" s="71">
        <v>1</v>
      </c>
      <c r="AA23" s="72">
        <v>6</v>
      </c>
      <c r="AB23" s="244"/>
      <c r="AC23" s="71">
        <v>12</v>
      </c>
      <c r="AD23" s="71">
        <v>3</v>
      </c>
      <c r="AE23" s="71">
        <v>4</v>
      </c>
      <c r="AF23" s="71">
        <v>1</v>
      </c>
      <c r="AG23" s="71">
        <v>2</v>
      </c>
      <c r="AH23" s="72">
        <v>22</v>
      </c>
      <c r="AI23" s="73">
        <v>28</v>
      </c>
      <c r="AJ23" s="70">
        <v>7</v>
      </c>
      <c r="AK23" s="71">
        <v>6</v>
      </c>
      <c r="AL23" s="72">
        <v>13</v>
      </c>
      <c r="AM23" s="244"/>
      <c r="AN23" s="71">
        <v>8</v>
      </c>
      <c r="AO23" s="71">
        <v>8</v>
      </c>
      <c r="AP23" s="71">
        <v>5</v>
      </c>
      <c r="AQ23" s="71">
        <v>1</v>
      </c>
      <c r="AR23" s="71">
        <v>3</v>
      </c>
      <c r="AS23" s="72">
        <v>25</v>
      </c>
      <c r="AT23" s="73">
        <v>38</v>
      </c>
      <c r="AU23" s="70">
        <v>6</v>
      </c>
      <c r="AV23" s="71">
        <v>16</v>
      </c>
      <c r="AW23" s="72">
        <v>22</v>
      </c>
      <c r="AX23" s="244"/>
      <c r="AY23" s="71">
        <v>18</v>
      </c>
      <c r="AZ23" s="71">
        <v>16</v>
      </c>
      <c r="BA23" s="71">
        <v>10</v>
      </c>
      <c r="BB23" s="71">
        <v>5</v>
      </c>
      <c r="BC23" s="71">
        <v>4</v>
      </c>
      <c r="BD23" s="72">
        <v>53</v>
      </c>
      <c r="BE23" s="73">
        <v>75</v>
      </c>
      <c r="BF23" s="70">
        <v>6</v>
      </c>
      <c r="BG23" s="71">
        <v>13</v>
      </c>
      <c r="BH23" s="72">
        <v>19</v>
      </c>
      <c r="BI23" s="244"/>
      <c r="BJ23" s="71">
        <v>13</v>
      </c>
      <c r="BK23" s="71">
        <v>7</v>
      </c>
      <c r="BL23" s="71">
        <v>5</v>
      </c>
      <c r="BM23" s="71">
        <v>4</v>
      </c>
      <c r="BN23" s="71">
        <v>3</v>
      </c>
      <c r="BO23" s="72">
        <v>32</v>
      </c>
      <c r="BP23" s="73">
        <v>51</v>
      </c>
      <c r="BQ23" s="70">
        <v>8</v>
      </c>
      <c r="BR23" s="71">
        <v>5</v>
      </c>
      <c r="BS23" s="72">
        <v>13</v>
      </c>
      <c r="BT23" s="244"/>
      <c r="BU23" s="71">
        <v>7</v>
      </c>
      <c r="BV23" s="71">
        <v>7</v>
      </c>
      <c r="BW23" s="71">
        <v>7</v>
      </c>
      <c r="BX23" s="71">
        <v>4</v>
      </c>
      <c r="BY23" s="71">
        <v>2</v>
      </c>
      <c r="BZ23" s="72">
        <v>27</v>
      </c>
      <c r="CA23" s="73">
        <v>40</v>
      </c>
      <c r="CB23" s="70">
        <v>0</v>
      </c>
      <c r="CC23" s="71">
        <v>0</v>
      </c>
      <c r="CD23" s="72">
        <v>0</v>
      </c>
      <c r="CE23" s="244"/>
      <c r="CF23" s="71">
        <v>0</v>
      </c>
      <c r="CG23" s="71">
        <v>0</v>
      </c>
      <c r="CH23" s="71">
        <v>0</v>
      </c>
      <c r="CI23" s="71">
        <v>0</v>
      </c>
      <c r="CJ23" s="71">
        <v>0</v>
      </c>
      <c r="CK23" s="72">
        <v>0</v>
      </c>
      <c r="CL23" s="73">
        <v>0</v>
      </c>
      <c r="CM23" s="70">
        <v>32</v>
      </c>
      <c r="CN23" s="71">
        <v>43</v>
      </c>
      <c r="CO23" s="72">
        <v>75</v>
      </c>
      <c r="CP23" s="244"/>
      <c r="CQ23" s="71">
        <v>61</v>
      </c>
      <c r="CR23" s="71">
        <v>43</v>
      </c>
      <c r="CS23" s="71">
        <v>33</v>
      </c>
      <c r="CT23" s="71">
        <v>16</v>
      </c>
      <c r="CU23" s="71">
        <v>14</v>
      </c>
      <c r="CV23" s="72">
        <v>167</v>
      </c>
      <c r="CW23" s="73">
        <v>242</v>
      </c>
      <c r="CX23" s="123">
        <v>10</v>
      </c>
      <c r="CY23" s="82">
        <v>25</v>
      </c>
      <c r="CZ23" s="83">
        <v>35</v>
      </c>
      <c r="DA23" s="241"/>
      <c r="DB23" s="82">
        <v>21</v>
      </c>
      <c r="DC23" s="82">
        <v>16</v>
      </c>
      <c r="DD23" s="82">
        <v>11</v>
      </c>
      <c r="DE23" s="82">
        <v>13</v>
      </c>
      <c r="DF23" s="82">
        <v>6</v>
      </c>
      <c r="DG23" s="84">
        <v>67</v>
      </c>
      <c r="DH23" s="85">
        <v>102</v>
      </c>
      <c r="DI23" s="70">
        <v>1</v>
      </c>
      <c r="DJ23" s="71">
        <v>0</v>
      </c>
      <c r="DK23" s="72">
        <v>1</v>
      </c>
      <c r="DL23" s="244"/>
      <c r="DM23" s="71">
        <v>0</v>
      </c>
      <c r="DN23" s="71">
        <v>0</v>
      </c>
      <c r="DO23" s="71">
        <v>1</v>
      </c>
      <c r="DP23" s="71">
        <v>0</v>
      </c>
      <c r="DQ23" s="71">
        <v>0</v>
      </c>
      <c r="DR23" s="72">
        <v>1</v>
      </c>
      <c r="DS23" s="73">
        <v>2</v>
      </c>
      <c r="DT23" s="70">
        <v>0</v>
      </c>
      <c r="DU23" s="71">
        <v>2</v>
      </c>
      <c r="DV23" s="72">
        <v>2</v>
      </c>
      <c r="DW23" s="244"/>
      <c r="DX23" s="71">
        <v>0</v>
      </c>
      <c r="DY23" s="71">
        <v>1</v>
      </c>
      <c r="DZ23" s="71">
        <v>1</v>
      </c>
      <c r="EA23" s="71">
        <v>1</v>
      </c>
      <c r="EB23" s="71">
        <v>1</v>
      </c>
      <c r="EC23" s="72">
        <v>4</v>
      </c>
      <c r="ED23" s="73">
        <v>6</v>
      </c>
      <c r="EE23" s="70">
        <v>2</v>
      </c>
      <c r="EF23" s="71">
        <v>2</v>
      </c>
      <c r="EG23" s="72">
        <v>4</v>
      </c>
      <c r="EH23" s="244"/>
      <c r="EI23" s="71">
        <v>1</v>
      </c>
      <c r="EJ23" s="71">
        <v>1</v>
      </c>
      <c r="EK23" s="71">
        <v>1</v>
      </c>
      <c r="EL23" s="71">
        <v>0</v>
      </c>
      <c r="EM23" s="71">
        <v>1</v>
      </c>
      <c r="EN23" s="72">
        <v>4</v>
      </c>
      <c r="EO23" s="73">
        <v>8</v>
      </c>
      <c r="EP23" s="70">
        <v>2</v>
      </c>
      <c r="EQ23" s="71">
        <v>7</v>
      </c>
      <c r="ER23" s="72">
        <v>9</v>
      </c>
      <c r="ES23" s="244"/>
      <c r="ET23" s="71">
        <v>6</v>
      </c>
      <c r="EU23" s="71">
        <v>4</v>
      </c>
      <c r="EV23" s="71">
        <v>0</v>
      </c>
      <c r="EW23" s="71">
        <v>1</v>
      </c>
      <c r="EX23" s="71">
        <v>2</v>
      </c>
      <c r="EY23" s="72">
        <v>13</v>
      </c>
      <c r="EZ23" s="73">
        <v>22</v>
      </c>
      <c r="FA23" s="70">
        <v>3</v>
      </c>
      <c r="FB23" s="71">
        <v>6</v>
      </c>
      <c r="FC23" s="72">
        <v>9</v>
      </c>
      <c r="FD23" s="244"/>
      <c r="FE23" s="71">
        <v>6</v>
      </c>
      <c r="FF23" s="71">
        <v>4</v>
      </c>
      <c r="FG23" s="71">
        <v>5</v>
      </c>
      <c r="FH23" s="71">
        <v>3</v>
      </c>
      <c r="FI23" s="71">
        <v>0</v>
      </c>
      <c r="FJ23" s="72">
        <v>18</v>
      </c>
      <c r="FK23" s="73">
        <v>27</v>
      </c>
      <c r="FL23" s="70">
        <v>2</v>
      </c>
      <c r="FM23" s="71">
        <v>8</v>
      </c>
      <c r="FN23" s="72">
        <v>10</v>
      </c>
      <c r="FO23" s="244"/>
      <c r="FP23" s="71">
        <v>8</v>
      </c>
      <c r="FQ23" s="71">
        <v>6</v>
      </c>
      <c r="FR23" s="71">
        <v>3</v>
      </c>
      <c r="FS23" s="71">
        <v>8</v>
      </c>
      <c r="FT23" s="71">
        <v>2</v>
      </c>
      <c r="FU23" s="72">
        <v>27</v>
      </c>
      <c r="FV23" s="73">
        <v>37</v>
      </c>
      <c r="FW23" s="70">
        <v>0</v>
      </c>
      <c r="FX23" s="71">
        <v>0</v>
      </c>
      <c r="FY23" s="72">
        <v>0</v>
      </c>
      <c r="FZ23" s="244"/>
      <c r="GA23" s="71">
        <v>0</v>
      </c>
      <c r="GB23" s="71">
        <v>0</v>
      </c>
      <c r="GC23" s="71">
        <v>0</v>
      </c>
      <c r="GD23" s="71">
        <v>0</v>
      </c>
      <c r="GE23" s="71">
        <v>0</v>
      </c>
      <c r="GF23" s="72">
        <v>0</v>
      </c>
      <c r="GG23" s="73">
        <v>0</v>
      </c>
      <c r="GH23" s="70">
        <v>10</v>
      </c>
      <c r="GI23" s="71">
        <v>25</v>
      </c>
      <c r="GJ23" s="72">
        <v>35</v>
      </c>
      <c r="GK23" s="244"/>
      <c r="GL23" s="71">
        <v>21</v>
      </c>
      <c r="GM23" s="71">
        <v>16</v>
      </c>
      <c r="GN23" s="71">
        <v>11</v>
      </c>
      <c r="GO23" s="71">
        <v>13</v>
      </c>
      <c r="GP23" s="71">
        <v>6</v>
      </c>
      <c r="GQ23" s="72">
        <v>67</v>
      </c>
      <c r="GR23" s="73">
        <v>102</v>
      </c>
      <c r="GS23" s="123">
        <v>42</v>
      </c>
      <c r="GT23" s="82">
        <v>68</v>
      </c>
      <c r="GU23" s="83">
        <v>110</v>
      </c>
      <c r="GV23" s="241"/>
      <c r="GW23" s="82">
        <v>82</v>
      </c>
      <c r="GX23" s="82">
        <v>59</v>
      </c>
      <c r="GY23" s="82">
        <v>44</v>
      </c>
      <c r="GZ23" s="82">
        <v>29</v>
      </c>
      <c r="HA23" s="82">
        <v>20</v>
      </c>
      <c r="HB23" s="84">
        <v>234</v>
      </c>
      <c r="HC23" s="85">
        <v>344</v>
      </c>
      <c r="HD23" s="70">
        <v>1</v>
      </c>
      <c r="HE23" s="71">
        <v>2</v>
      </c>
      <c r="HF23" s="72">
        <v>3</v>
      </c>
      <c r="HG23" s="244"/>
      <c r="HH23" s="71">
        <v>3</v>
      </c>
      <c r="HI23" s="71">
        <v>2</v>
      </c>
      <c r="HJ23" s="71">
        <v>3</v>
      </c>
      <c r="HK23" s="71">
        <v>1</v>
      </c>
      <c r="HL23" s="71">
        <v>0</v>
      </c>
      <c r="HM23" s="72">
        <v>9</v>
      </c>
      <c r="HN23" s="73">
        <v>12</v>
      </c>
      <c r="HO23" s="70">
        <v>5</v>
      </c>
      <c r="HP23" s="71">
        <v>3</v>
      </c>
      <c r="HQ23" s="72">
        <v>8</v>
      </c>
      <c r="HR23" s="244"/>
      <c r="HS23" s="71">
        <v>12</v>
      </c>
      <c r="HT23" s="71">
        <v>4</v>
      </c>
      <c r="HU23" s="71">
        <v>5</v>
      </c>
      <c r="HV23" s="71">
        <v>2</v>
      </c>
      <c r="HW23" s="71">
        <v>3</v>
      </c>
      <c r="HX23" s="72">
        <v>26</v>
      </c>
      <c r="HY23" s="73">
        <v>34</v>
      </c>
      <c r="HZ23" s="70">
        <v>9</v>
      </c>
      <c r="IA23" s="71">
        <v>8</v>
      </c>
      <c r="IB23" s="72">
        <v>17</v>
      </c>
      <c r="IC23" s="244"/>
      <c r="ID23" s="71">
        <v>9</v>
      </c>
      <c r="IE23" s="71">
        <v>9</v>
      </c>
      <c r="IF23" s="71">
        <v>6</v>
      </c>
      <c r="IG23" s="71">
        <v>1</v>
      </c>
      <c r="IH23" s="71">
        <v>4</v>
      </c>
      <c r="II23" s="72">
        <v>29</v>
      </c>
      <c r="IJ23" s="73">
        <v>46</v>
      </c>
      <c r="IK23" s="70">
        <v>8</v>
      </c>
      <c r="IL23" s="71">
        <v>23</v>
      </c>
      <c r="IM23" s="72">
        <v>31</v>
      </c>
      <c r="IN23" s="244"/>
      <c r="IO23" s="71">
        <v>24</v>
      </c>
      <c r="IP23" s="71">
        <v>20</v>
      </c>
      <c r="IQ23" s="71">
        <v>10</v>
      </c>
      <c r="IR23" s="71">
        <v>6</v>
      </c>
      <c r="IS23" s="71">
        <v>6</v>
      </c>
      <c r="IT23" s="72">
        <v>66</v>
      </c>
      <c r="IU23" s="73">
        <v>97</v>
      </c>
      <c r="IV23" s="70">
        <v>9</v>
      </c>
      <c r="IW23" s="71">
        <v>19</v>
      </c>
      <c r="IX23" s="72">
        <v>28</v>
      </c>
      <c r="IY23" s="244"/>
      <c r="IZ23" s="71">
        <v>19</v>
      </c>
      <c r="JA23" s="71">
        <v>11</v>
      </c>
      <c r="JB23" s="71">
        <v>10</v>
      </c>
      <c r="JC23" s="71">
        <v>7</v>
      </c>
      <c r="JD23" s="71">
        <v>3</v>
      </c>
      <c r="JE23" s="72">
        <v>50</v>
      </c>
      <c r="JF23" s="73">
        <v>78</v>
      </c>
      <c r="JG23" s="70">
        <v>10</v>
      </c>
      <c r="JH23" s="71">
        <v>13</v>
      </c>
      <c r="JI23" s="72">
        <v>23</v>
      </c>
      <c r="JJ23" s="244"/>
      <c r="JK23" s="71">
        <v>15</v>
      </c>
      <c r="JL23" s="71">
        <v>13</v>
      </c>
      <c r="JM23" s="71">
        <v>10</v>
      </c>
      <c r="JN23" s="71">
        <v>12</v>
      </c>
      <c r="JO23" s="71">
        <v>4</v>
      </c>
      <c r="JP23" s="72">
        <v>54</v>
      </c>
      <c r="JQ23" s="73">
        <v>77</v>
      </c>
      <c r="JR23" s="70">
        <v>0</v>
      </c>
      <c r="JS23" s="71">
        <v>0</v>
      </c>
      <c r="JT23" s="72">
        <v>0</v>
      </c>
      <c r="JU23" s="244"/>
      <c r="JV23" s="71">
        <v>0</v>
      </c>
      <c r="JW23" s="71">
        <v>0</v>
      </c>
      <c r="JX23" s="71">
        <v>0</v>
      </c>
      <c r="JY23" s="71">
        <v>0</v>
      </c>
      <c r="JZ23" s="71">
        <v>0</v>
      </c>
      <c r="KA23" s="72">
        <v>0</v>
      </c>
      <c r="KB23" s="73">
        <v>0</v>
      </c>
      <c r="KC23" s="70">
        <v>42</v>
      </c>
      <c r="KD23" s="71">
        <v>68</v>
      </c>
      <c r="KE23" s="72">
        <v>110</v>
      </c>
      <c r="KF23" s="244"/>
      <c r="KG23" s="71">
        <v>82</v>
      </c>
      <c r="KH23" s="71">
        <v>59</v>
      </c>
      <c r="KI23" s="71">
        <v>44</v>
      </c>
      <c r="KJ23" s="71">
        <v>29</v>
      </c>
      <c r="KK23" s="71">
        <v>20</v>
      </c>
      <c r="KL23" s="72">
        <v>234</v>
      </c>
      <c r="KM23" s="73">
        <v>344</v>
      </c>
    </row>
    <row r="24" spans="2:299" ht="19.5" customHeight="1" x14ac:dyDescent="0.2">
      <c r="B24" s="126" t="s">
        <v>21</v>
      </c>
      <c r="C24" s="315">
        <v>35</v>
      </c>
      <c r="D24" s="82">
        <v>19</v>
      </c>
      <c r="E24" s="83">
        <v>54</v>
      </c>
      <c r="F24" s="241"/>
      <c r="G24" s="82">
        <v>55</v>
      </c>
      <c r="H24" s="82">
        <v>35</v>
      </c>
      <c r="I24" s="82">
        <v>21</v>
      </c>
      <c r="J24" s="82">
        <v>24</v>
      </c>
      <c r="K24" s="82">
        <v>17</v>
      </c>
      <c r="L24" s="84">
        <v>152</v>
      </c>
      <c r="M24" s="85">
        <v>206</v>
      </c>
      <c r="N24" s="70">
        <v>2</v>
      </c>
      <c r="O24" s="71">
        <v>1</v>
      </c>
      <c r="P24" s="72">
        <v>3</v>
      </c>
      <c r="Q24" s="244"/>
      <c r="R24" s="71">
        <v>3</v>
      </c>
      <c r="S24" s="71">
        <v>2</v>
      </c>
      <c r="T24" s="71">
        <v>0</v>
      </c>
      <c r="U24" s="71">
        <v>0</v>
      </c>
      <c r="V24" s="71">
        <v>3</v>
      </c>
      <c r="W24" s="72">
        <v>8</v>
      </c>
      <c r="X24" s="73">
        <v>11</v>
      </c>
      <c r="Y24" s="70">
        <v>2</v>
      </c>
      <c r="Z24" s="71">
        <v>2</v>
      </c>
      <c r="AA24" s="72">
        <v>4</v>
      </c>
      <c r="AB24" s="244"/>
      <c r="AC24" s="71">
        <v>5</v>
      </c>
      <c r="AD24" s="71">
        <v>2</v>
      </c>
      <c r="AE24" s="71">
        <v>5</v>
      </c>
      <c r="AF24" s="71">
        <v>2</v>
      </c>
      <c r="AG24" s="71">
        <v>3</v>
      </c>
      <c r="AH24" s="72">
        <v>17</v>
      </c>
      <c r="AI24" s="73">
        <v>21</v>
      </c>
      <c r="AJ24" s="70">
        <v>4</v>
      </c>
      <c r="AK24" s="71">
        <v>2</v>
      </c>
      <c r="AL24" s="72">
        <v>6</v>
      </c>
      <c r="AM24" s="244"/>
      <c r="AN24" s="71">
        <v>8</v>
      </c>
      <c r="AO24" s="71">
        <v>6</v>
      </c>
      <c r="AP24" s="71">
        <v>2</v>
      </c>
      <c r="AQ24" s="71">
        <v>6</v>
      </c>
      <c r="AR24" s="71">
        <v>0</v>
      </c>
      <c r="AS24" s="72">
        <v>22</v>
      </c>
      <c r="AT24" s="73">
        <v>28</v>
      </c>
      <c r="AU24" s="70">
        <v>9</v>
      </c>
      <c r="AV24" s="71">
        <v>6</v>
      </c>
      <c r="AW24" s="72">
        <v>15</v>
      </c>
      <c r="AX24" s="244"/>
      <c r="AY24" s="71">
        <v>12</v>
      </c>
      <c r="AZ24" s="71">
        <v>9</v>
      </c>
      <c r="BA24" s="71">
        <v>2</v>
      </c>
      <c r="BB24" s="71">
        <v>2</v>
      </c>
      <c r="BC24" s="71">
        <v>2</v>
      </c>
      <c r="BD24" s="72">
        <v>27</v>
      </c>
      <c r="BE24" s="73">
        <v>42</v>
      </c>
      <c r="BF24" s="70">
        <v>11</v>
      </c>
      <c r="BG24" s="71">
        <v>3</v>
      </c>
      <c r="BH24" s="72">
        <v>14</v>
      </c>
      <c r="BI24" s="244"/>
      <c r="BJ24" s="71">
        <v>20</v>
      </c>
      <c r="BK24" s="71">
        <v>7</v>
      </c>
      <c r="BL24" s="71">
        <v>9</v>
      </c>
      <c r="BM24" s="71">
        <v>6</v>
      </c>
      <c r="BN24" s="71">
        <v>4</v>
      </c>
      <c r="BO24" s="72">
        <v>46</v>
      </c>
      <c r="BP24" s="73">
        <v>60</v>
      </c>
      <c r="BQ24" s="70">
        <v>7</v>
      </c>
      <c r="BR24" s="71">
        <v>5</v>
      </c>
      <c r="BS24" s="72">
        <v>12</v>
      </c>
      <c r="BT24" s="244"/>
      <c r="BU24" s="71">
        <v>7</v>
      </c>
      <c r="BV24" s="71">
        <v>9</v>
      </c>
      <c r="BW24" s="71">
        <v>3</v>
      </c>
      <c r="BX24" s="71">
        <v>8</v>
      </c>
      <c r="BY24" s="71">
        <v>5</v>
      </c>
      <c r="BZ24" s="72">
        <v>32</v>
      </c>
      <c r="CA24" s="73">
        <v>44</v>
      </c>
      <c r="CB24" s="70">
        <v>0</v>
      </c>
      <c r="CC24" s="71">
        <v>0</v>
      </c>
      <c r="CD24" s="72">
        <v>0</v>
      </c>
      <c r="CE24" s="244"/>
      <c r="CF24" s="71">
        <v>0</v>
      </c>
      <c r="CG24" s="71">
        <v>0</v>
      </c>
      <c r="CH24" s="71">
        <v>0</v>
      </c>
      <c r="CI24" s="71">
        <v>0</v>
      </c>
      <c r="CJ24" s="71">
        <v>0</v>
      </c>
      <c r="CK24" s="72">
        <v>0</v>
      </c>
      <c r="CL24" s="73">
        <v>0</v>
      </c>
      <c r="CM24" s="70">
        <v>35</v>
      </c>
      <c r="CN24" s="71">
        <v>19</v>
      </c>
      <c r="CO24" s="72">
        <v>54</v>
      </c>
      <c r="CP24" s="244"/>
      <c r="CQ24" s="71">
        <v>55</v>
      </c>
      <c r="CR24" s="71">
        <v>35</v>
      </c>
      <c r="CS24" s="71">
        <v>21</v>
      </c>
      <c r="CT24" s="71">
        <v>24</v>
      </c>
      <c r="CU24" s="71">
        <v>17</v>
      </c>
      <c r="CV24" s="72">
        <v>152</v>
      </c>
      <c r="CW24" s="73">
        <v>206</v>
      </c>
      <c r="CX24" s="123">
        <v>14</v>
      </c>
      <c r="CY24" s="82">
        <v>11</v>
      </c>
      <c r="CZ24" s="83">
        <v>25</v>
      </c>
      <c r="DA24" s="241"/>
      <c r="DB24" s="82">
        <v>13</v>
      </c>
      <c r="DC24" s="82">
        <v>17</v>
      </c>
      <c r="DD24" s="82">
        <v>11</v>
      </c>
      <c r="DE24" s="82">
        <v>8</v>
      </c>
      <c r="DF24" s="82">
        <v>6</v>
      </c>
      <c r="DG24" s="84">
        <v>55</v>
      </c>
      <c r="DH24" s="85">
        <v>80</v>
      </c>
      <c r="DI24" s="70">
        <v>0</v>
      </c>
      <c r="DJ24" s="71">
        <v>1</v>
      </c>
      <c r="DK24" s="72">
        <v>1</v>
      </c>
      <c r="DL24" s="244"/>
      <c r="DM24" s="71">
        <v>0</v>
      </c>
      <c r="DN24" s="71">
        <v>0</v>
      </c>
      <c r="DO24" s="71">
        <v>0</v>
      </c>
      <c r="DP24" s="71">
        <v>0</v>
      </c>
      <c r="DQ24" s="71">
        <v>1</v>
      </c>
      <c r="DR24" s="72">
        <v>1</v>
      </c>
      <c r="DS24" s="73">
        <v>2</v>
      </c>
      <c r="DT24" s="70">
        <v>3</v>
      </c>
      <c r="DU24" s="71">
        <v>1</v>
      </c>
      <c r="DV24" s="72">
        <v>4</v>
      </c>
      <c r="DW24" s="244"/>
      <c r="DX24" s="71">
        <v>1</v>
      </c>
      <c r="DY24" s="71">
        <v>1</v>
      </c>
      <c r="DZ24" s="71">
        <v>1</v>
      </c>
      <c r="EA24" s="71">
        <v>0</v>
      </c>
      <c r="EB24" s="71">
        <v>1</v>
      </c>
      <c r="EC24" s="72">
        <v>4</v>
      </c>
      <c r="ED24" s="73">
        <v>8</v>
      </c>
      <c r="EE24" s="70">
        <v>2</v>
      </c>
      <c r="EF24" s="71">
        <v>1</v>
      </c>
      <c r="EG24" s="72">
        <v>3</v>
      </c>
      <c r="EH24" s="244"/>
      <c r="EI24" s="71">
        <v>2</v>
      </c>
      <c r="EJ24" s="71">
        <v>3</v>
      </c>
      <c r="EK24" s="71">
        <v>1</v>
      </c>
      <c r="EL24" s="71">
        <v>0</v>
      </c>
      <c r="EM24" s="71">
        <v>0</v>
      </c>
      <c r="EN24" s="72">
        <v>6</v>
      </c>
      <c r="EO24" s="73">
        <v>9</v>
      </c>
      <c r="EP24" s="70">
        <v>7</v>
      </c>
      <c r="EQ24" s="71">
        <v>4</v>
      </c>
      <c r="ER24" s="72">
        <v>11</v>
      </c>
      <c r="ES24" s="244"/>
      <c r="ET24" s="71">
        <v>3</v>
      </c>
      <c r="EU24" s="71">
        <v>1</v>
      </c>
      <c r="EV24" s="71">
        <v>1</v>
      </c>
      <c r="EW24" s="71">
        <v>0</v>
      </c>
      <c r="EX24" s="71">
        <v>1</v>
      </c>
      <c r="EY24" s="72">
        <v>6</v>
      </c>
      <c r="EZ24" s="73">
        <v>17</v>
      </c>
      <c r="FA24" s="70">
        <v>0</v>
      </c>
      <c r="FB24" s="71">
        <v>4</v>
      </c>
      <c r="FC24" s="72">
        <v>4</v>
      </c>
      <c r="FD24" s="244"/>
      <c r="FE24" s="71">
        <v>2</v>
      </c>
      <c r="FF24" s="71">
        <v>5</v>
      </c>
      <c r="FG24" s="71">
        <v>2</v>
      </c>
      <c r="FH24" s="71">
        <v>1</v>
      </c>
      <c r="FI24" s="71">
        <v>1</v>
      </c>
      <c r="FJ24" s="72">
        <v>11</v>
      </c>
      <c r="FK24" s="73">
        <v>15</v>
      </c>
      <c r="FL24" s="70">
        <v>2</v>
      </c>
      <c r="FM24" s="71">
        <v>0</v>
      </c>
      <c r="FN24" s="72">
        <v>2</v>
      </c>
      <c r="FO24" s="244"/>
      <c r="FP24" s="71">
        <v>5</v>
      </c>
      <c r="FQ24" s="71">
        <v>7</v>
      </c>
      <c r="FR24" s="71">
        <v>6</v>
      </c>
      <c r="FS24" s="71">
        <v>7</v>
      </c>
      <c r="FT24" s="71">
        <v>2</v>
      </c>
      <c r="FU24" s="72">
        <v>27</v>
      </c>
      <c r="FV24" s="73">
        <v>29</v>
      </c>
      <c r="FW24" s="70">
        <v>0</v>
      </c>
      <c r="FX24" s="71">
        <v>0</v>
      </c>
      <c r="FY24" s="72">
        <v>0</v>
      </c>
      <c r="FZ24" s="244"/>
      <c r="GA24" s="71">
        <v>0</v>
      </c>
      <c r="GB24" s="71">
        <v>0</v>
      </c>
      <c r="GC24" s="71">
        <v>0</v>
      </c>
      <c r="GD24" s="71">
        <v>0</v>
      </c>
      <c r="GE24" s="71">
        <v>0</v>
      </c>
      <c r="GF24" s="72">
        <v>0</v>
      </c>
      <c r="GG24" s="73">
        <v>0</v>
      </c>
      <c r="GH24" s="70">
        <v>14</v>
      </c>
      <c r="GI24" s="71">
        <v>11</v>
      </c>
      <c r="GJ24" s="72">
        <v>25</v>
      </c>
      <c r="GK24" s="244"/>
      <c r="GL24" s="71">
        <v>13</v>
      </c>
      <c r="GM24" s="71">
        <v>17</v>
      </c>
      <c r="GN24" s="71">
        <v>11</v>
      </c>
      <c r="GO24" s="71">
        <v>8</v>
      </c>
      <c r="GP24" s="71">
        <v>6</v>
      </c>
      <c r="GQ24" s="72">
        <v>55</v>
      </c>
      <c r="GR24" s="73">
        <v>80</v>
      </c>
      <c r="GS24" s="123">
        <v>49</v>
      </c>
      <c r="GT24" s="82">
        <v>30</v>
      </c>
      <c r="GU24" s="83">
        <v>79</v>
      </c>
      <c r="GV24" s="241"/>
      <c r="GW24" s="82">
        <v>68</v>
      </c>
      <c r="GX24" s="82">
        <v>52</v>
      </c>
      <c r="GY24" s="82">
        <v>32</v>
      </c>
      <c r="GZ24" s="82">
        <v>32</v>
      </c>
      <c r="HA24" s="82">
        <v>23</v>
      </c>
      <c r="HB24" s="84">
        <v>207</v>
      </c>
      <c r="HC24" s="85">
        <v>286</v>
      </c>
      <c r="HD24" s="70">
        <v>2</v>
      </c>
      <c r="HE24" s="71">
        <v>2</v>
      </c>
      <c r="HF24" s="72">
        <v>4</v>
      </c>
      <c r="HG24" s="244"/>
      <c r="HH24" s="71">
        <v>3</v>
      </c>
      <c r="HI24" s="71">
        <v>2</v>
      </c>
      <c r="HJ24" s="71">
        <v>0</v>
      </c>
      <c r="HK24" s="71">
        <v>0</v>
      </c>
      <c r="HL24" s="71">
        <v>4</v>
      </c>
      <c r="HM24" s="72">
        <v>9</v>
      </c>
      <c r="HN24" s="73">
        <v>13</v>
      </c>
      <c r="HO24" s="70">
        <v>5</v>
      </c>
      <c r="HP24" s="71">
        <v>3</v>
      </c>
      <c r="HQ24" s="72">
        <v>8</v>
      </c>
      <c r="HR24" s="244"/>
      <c r="HS24" s="71">
        <v>6</v>
      </c>
      <c r="HT24" s="71">
        <v>3</v>
      </c>
      <c r="HU24" s="71">
        <v>6</v>
      </c>
      <c r="HV24" s="71">
        <v>2</v>
      </c>
      <c r="HW24" s="71">
        <v>4</v>
      </c>
      <c r="HX24" s="72">
        <v>21</v>
      </c>
      <c r="HY24" s="73">
        <v>29</v>
      </c>
      <c r="HZ24" s="70">
        <v>6</v>
      </c>
      <c r="IA24" s="71">
        <v>3</v>
      </c>
      <c r="IB24" s="72">
        <v>9</v>
      </c>
      <c r="IC24" s="244"/>
      <c r="ID24" s="71">
        <v>10</v>
      </c>
      <c r="IE24" s="71">
        <v>9</v>
      </c>
      <c r="IF24" s="71">
        <v>3</v>
      </c>
      <c r="IG24" s="71">
        <v>6</v>
      </c>
      <c r="IH24" s="71">
        <v>0</v>
      </c>
      <c r="II24" s="72">
        <v>28</v>
      </c>
      <c r="IJ24" s="73">
        <v>37</v>
      </c>
      <c r="IK24" s="70">
        <v>16</v>
      </c>
      <c r="IL24" s="71">
        <v>10</v>
      </c>
      <c r="IM24" s="72">
        <v>26</v>
      </c>
      <c r="IN24" s="244"/>
      <c r="IO24" s="71">
        <v>15</v>
      </c>
      <c r="IP24" s="71">
        <v>10</v>
      </c>
      <c r="IQ24" s="71">
        <v>3</v>
      </c>
      <c r="IR24" s="71">
        <v>2</v>
      </c>
      <c r="IS24" s="71">
        <v>3</v>
      </c>
      <c r="IT24" s="72">
        <v>33</v>
      </c>
      <c r="IU24" s="73">
        <v>59</v>
      </c>
      <c r="IV24" s="70">
        <v>11</v>
      </c>
      <c r="IW24" s="71">
        <v>7</v>
      </c>
      <c r="IX24" s="72">
        <v>18</v>
      </c>
      <c r="IY24" s="244"/>
      <c r="IZ24" s="71">
        <v>22</v>
      </c>
      <c r="JA24" s="71">
        <v>12</v>
      </c>
      <c r="JB24" s="71">
        <v>11</v>
      </c>
      <c r="JC24" s="71">
        <v>7</v>
      </c>
      <c r="JD24" s="71">
        <v>5</v>
      </c>
      <c r="JE24" s="72">
        <v>57</v>
      </c>
      <c r="JF24" s="73">
        <v>75</v>
      </c>
      <c r="JG24" s="70">
        <v>9</v>
      </c>
      <c r="JH24" s="71">
        <v>5</v>
      </c>
      <c r="JI24" s="72">
        <v>14</v>
      </c>
      <c r="JJ24" s="244"/>
      <c r="JK24" s="71">
        <v>12</v>
      </c>
      <c r="JL24" s="71">
        <v>16</v>
      </c>
      <c r="JM24" s="71">
        <v>9</v>
      </c>
      <c r="JN24" s="71">
        <v>15</v>
      </c>
      <c r="JO24" s="71">
        <v>7</v>
      </c>
      <c r="JP24" s="72">
        <v>59</v>
      </c>
      <c r="JQ24" s="73">
        <v>73</v>
      </c>
      <c r="JR24" s="70">
        <v>0</v>
      </c>
      <c r="JS24" s="71">
        <v>0</v>
      </c>
      <c r="JT24" s="72">
        <v>0</v>
      </c>
      <c r="JU24" s="244"/>
      <c r="JV24" s="71">
        <v>0</v>
      </c>
      <c r="JW24" s="71">
        <v>0</v>
      </c>
      <c r="JX24" s="71">
        <v>0</v>
      </c>
      <c r="JY24" s="71">
        <v>0</v>
      </c>
      <c r="JZ24" s="71">
        <v>0</v>
      </c>
      <c r="KA24" s="72">
        <v>0</v>
      </c>
      <c r="KB24" s="73">
        <v>0</v>
      </c>
      <c r="KC24" s="70">
        <v>49</v>
      </c>
      <c r="KD24" s="71">
        <v>30</v>
      </c>
      <c r="KE24" s="72">
        <v>79</v>
      </c>
      <c r="KF24" s="244"/>
      <c r="KG24" s="71">
        <v>68</v>
      </c>
      <c r="KH24" s="71">
        <v>52</v>
      </c>
      <c r="KI24" s="71">
        <v>32</v>
      </c>
      <c r="KJ24" s="71">
        <v>32</v>
      </c>
      <c r="KK24" s="71">
        <v>23</v>
      </c>
      <c r="KL24" s="72">
        <v>207</v>
      </c>
      <c r="KM24" s="73">
        <v>286</v>
      </c>
    </row>
    <row r="25" spans="2:299" ht="19.5" customHeight="1" x14ac:dyDescent="0.2">
      <c r="B25" s="126" t="s">
        <v>22</v>
      </c>
      <c r="C25" s="315">
        <v>13</v>
      </c>
      <c r="D25" s="82">
        <v>7</v>
      </c>
      <c r="E25" s="83">
        <v>20</v>
      </c>
      <c r="F25" s="241"/>
      <c r="G25" s="82">
        <v>28</v>
      </c>
      <c r="H25" s="82">
        <v>16</v>
      </c>
      <c r="I25" s="82">
        <v>12</v>
      </c>
      <c r="J25" s="82">
        <v>8</v>
      </c>
      <c r="K25" s="82">
        <v>8</v>
      </c>
      <c r="L25" s="84">
        <v>72</v>
      </c>
      <c r="M25" s="85">
        <v>92</v>
      </c>
      <c r="N25" s="70">
        <v>0</v>
      </c>
      <c r="O25" s="71">
        <v>0</v>
      </c>
      <c r="P25" s="72">
        <v>0</v>
      </c>
      <c r="Q25" s="244"/>
      <c r="R25" s="71">
        <v>2</v>
      </c>
      <c r="S25" s="71">
        <v>0</v>
      </c>
      <c r="T25" s="71">
        <v>0</v>
      </c>
      <c r="U25" s="71">
        <v>0</v>
      </c>
      <c r="V25" s="71">
        <v>0</v>
      </c>
      <c r="W25" s="72">
        <v>2</v>
      </c>
      <c r="X25" s="73">
        <v>2</v>
      </c>
      <c r="Y25" s="70">
        <v>2</v>
      </c>
      <c r="Z25" s="71">
        <v>2</v>
      </c>
      <c r="AA25" s="72">
        <v>4</v>
      </c>
      <c r="AB25" s="244"/>
      <c r="AC25" s="71">
        <v>4</v>
      </c>
      <c r="AD25" s="71">
        <v>1</v>
      </c>
      <c r="AE25" s="71">
        <v>1</v>
      </c>
      <c r="AF25" s="71">
        <v>0</v>
      </c>
      <c r="AG25" s="71">
        <v>1</v>
      </c>
      <c r="AH25" s="72">
        <v>7</v>
      </c>
      <c r="AI25" s="73">
        <v>11</v>
      </c>
      <c r="AJ25" s="70">
        <v>2</v>
      </c>
      <c r="AK25" s="71">
        <v>0</v>
      </c>
      <c r="AL25" s="72">
        <v>2</v>
      </c>
      <c r="AM25" s="244"/>
      <c r="AN25" s="71">
        <v>3</v>
      </c>
      <c r="AO25" s="71">
        <v>2</v>
      </c>
      <c r="AP25" s="71">
        <v>0</v>
      </c>
      <c r="AQ25" s="71">
        <v>0</v>
      </c>
      <c r="AR25" s="71">
        <v>1</v>
      </c>
      <c r="AS25" s="72">
        <v>6</v>
      </c>
      <c r="AT25" s="73">
        <v>8</v>
      </c>
      <c r="AU25" s="70">
        <v>3</v>
      </c>
      <c r="AV25" s="71">
        <v>3</v>
      </c>
      <c r="AW25" s="72">
        <v>6</v>
      </c>
      <c r="AX25" s="244"/>
      <c r="AY25" s="71">
        <v>9</v>
      </c>
      <c r="AZ25" s="71">
        <v>4</v>
      </c>
      <c r="BA25" s="71">
        <v>4</v>
      </c>
      <c r="BB25" s="71">
        <v>3</v>
      </c>
      <c r="BC25" s="71">
        <v>2</v>
      </c>
      <c r="BD25" s="72">
        <v>22</v>
      </c>
      <c r="BE25" s="73">
        <v>28</v>
      </c>
      <c r="BF25" s="70">
        <v>1</v>
      </c>
      <c r="BG25" s="71">
        <v>2</v>
      </c>
      <c r="BH25" s="72">
        <v>3</v>
      </c>
      <c r="BI25" s="244"/>
      <c r="BJ25" s="71">
        <v>2</v>
      </c>
      <c r="BK25" s="71">
        <v>4</v>
      </c>
      <c r="BL25" s="71">
        <v>3</v>
      </c>
      <c r="BM25" s="71">
        <v>3</v>
      </c>
      <c r="BN25" s="71">
        <v>1</v>
      </c>
      <c r="BO25" s="72">
        <v>13</v>
      </c>
      <c r="BP25" s="73">
        <v>16</v>
      </c>
      <c r="BQ25" s="70">
        <v>5</v>
      </c>
      <c r="BR25" s="71">
        <v>0</v>
      </c>
      <c r="BS25" s="72">
        <v>5</v>
      </c>
      <c r="BT25" s="244"/>
      <c r="BU25" s="71">
        <v>8</v>
      </c>
      <c r="BV25" s="71">
        <v>5</v>
      </c>
      <c r="BW25" s="71">
        <v>4</v>
      </c>
      <c r="BX25" s="71">
        <v>2</v>
      </c>
      <c r="BY25" s="71">
        <v>3</v>
      </c>
      <c r="BZ25" s="72">
        <v>22</v>
      </c>
      <c r="CA25" s="73">
        <v>27</v>
      </c>
      <c r="CB25" s="70">
        <v>0</v>
      </c>
      <c r="CC25" s="71">
        <v>0</v>
      </c>
      <c r="CD25" s="72">
        <v>0</v>
      </c>
      <c r="CE25" s="244"/>
      <c r="CF25" s="71">
        <v>0</v>
      </c>
      <c r="CG25" s="71">
        <v>0</v>
      </c>
      <c r="CH25" s="71">
        <v>0</v>
      </c>
      <c r="CI25" s="71">
        <v>0</v>
      </c>
      <c r="CJ25" s="71">
        <v>0</v>
      </c>
      <c r="CK25" s="72">
        <v>0</v>
      </c>
      <c r="CL25" s="73">
        <v>0</v>
      </c>
      <c r="CM25" s="70">
        <v>13</v>
      </c>
      <c r="CN25" s="71">
        <v>7</v>
      </c>
      <c r="CO25" s="72">
        <v>20</v>
      </c>
      <c r="CP25" s="244"/>
      <c r="CQ25" s="71">
        <v>28</v>
      </c>
      <c r="CR25" s="71">
        <v>16</v>
      </c>
      <c r="CS25" s="71">
        <v>12</v>
      </c>
      <c r="CT25" s="71">
        <v>8</v>
      </c>
      <c r="CU25" s="71">
        <v>8</v>
      </c>
      <c r="CV25" s="72">
        <v>72</v>
      </c>
      <c r="CW25" s="73">
        <v>92</v>
      </c>
      <c r="CX25" s="123">
        <v>3</v>
      </c>
      <c r="CY25" s="82">
        <v>6</v>
      </c>
      <c r="CZ25" s="83">
        <v>9</v>
      </c>
      <c r="DA25" s="241"/>
      <c r="DB25" s="82">
        <v>9</v>
      </c>
      <c r="DC25" s="82">
        <v>2</v>
      </c>
      <c r="DD25" s="82">
        <v>3</v>
      </c>
      <c r="DE25" s="82">
        <v>4</v>
      </c>
      <c r="DF25" s="82">
        <v>4</v>
      </c>
      <c r="DG25" s="84">
        <v>22</v>
      </c>
      <c r="DH25" s="85">
        <v>31</v>
      </c>
      <c r="DI25" s="70">
        <v>0</v>
      </c>
      <c r="DJ25" s="71">
        <v>1</v>
      </c>
      <c r="DK25" s="72">
        <v>1</v>
      </c>
      <c r="DL25" s="244"/>
      <c r="DM25" s="71">
        <v>0</v>
      </c>
      <c r="DN25" s="71">
        <v>0</v>
      </c>
      <c r="DO25" s="71">
        <v>0</v>
      </c>
      <c r="DP25" s="71">
        <v>0</v>
      </c>
      <c r="DQ25" s="71">
        <v>0</v>
      </c>
      <c r="DR25" s="72">
        <v>0</v>
      </c>
      <c r="DS25" s="73">
        <v>1</v>
      </c>
      <c r="DT25" s="70">
        <v>0</v>
      </c>
      <c r="DU25" s="71">
        <v>1</v>
      </c>
      <c r="DV25" s="72">
        <v>1</v>
      </c>
      <c r="DW25" s="244"/>
      <c r="DX25" s="71">
        <v>0</v>
      </c>
      <c r="DY25" s="71">
        <v>0</v>
      </c>
      <c r="DZ25" s="71">
        <v>1</v>
      </c>
      <c r="EA25" s="71">
        <v>0</v>
      </c>
      <c r="EB25" s="71">
        <v>0</v>
      </c>
      <c r="EC25" s="72">
        <v>1</v>
      </c>
      <c r="ED25" s="73">
        <v>2</v>
      </c>
      <c r="EE25" s="70">
        <v>1</v>
      </c>
      <c r="EF25" s="71">
        <v>2</v>
      </c>
      <c r="EG25" s="72">
        <v>3</v>
      </c>
      <c r="EH25" s="244"/>
      <c r="EI25" s="71">
        <v>1</v>
      </c>
      <c r="EJ25" s="71">
        <v>0</v>
      </c>
      <c r="EK25" s="71">
        <v>1</v>
      </c>
      <c r="EL25" s="71">
        <v>0</v>
      </c>
      <c r="EM25" s="71">
        <v>1</v>
      </c>
      <c r="EN25" s="72">
        <v>3</v>
      </c>
      <c r="EO25" s="73">
        <v>6</v>
      </c>
      <c r="EP25" s="70">
        <v>2</v>
      </c>
      <c r="EQ25" s="71">
        <v>1</v>
      </c>
      <c r="ER25" s="72">
        <v>3</v>
      </c>
      <c r="ES25" s="244"/>
      <c r="ET25" s="71">
        <v>3</v>
      </c>
      <c r="EU25" s="71">
        <v>0</v>
      </c>
      <c r="EV25" s="71">
        <v>1</v>
      </c>
      <c r="EW25" s="71">
        <v>1</v>
      </c>
      <c r="EX25" s="71">
        <v>0</v>
      </c>
      <c r="EY25" s="72">
        <v>5</v>
      </c>
      <c r="EZ25" s="73">
        <v>8</v>
      </c>
      <c r="FA25" s="70">
        <v>0</v>
      </c>
      <c r="FB25" s="71">
        <v>0</v>
      </c>
      <c r="FC25" s="72">
        <v>0</v>
      </c>
      <c r="FD25" s="244"/>
      <c r="FE25" s="71">
        <v>3</v>
      </c>
      <c r="FF25" s="71">
        <v>0</v>
      </c>
      <c r="FG25" s="71">
        <v>0</v>
      </c>
      <c r="FH25" s="71">
        <v>0</v>
      </c>
      <c r="FI25" s="71">
        <v>1</v>
      </c>
      <c r="FJ25" s="72">
        <v>4</v>
      </c>
      <c r="FK25" s="73">
        <v>4</v>
      </c>
      <c r="FL25" s="70">
        <v>0</v>
      </c>
      <c r="FM25" s="71">
        <v>1</v>
      </c>
      <c r="FN25" s="72">
        <v>1</v>
      </c>
      <c r="FO25" s="244"/>
      <c r="FP25" s="71">
        <v>2</v>
      </c>
      <c r="FQ25" s="71">
        <v>2</v>
      </c>
      <c r="FR25" s="71">
        <v>0</v>
      </c>
      <c r="FS25" s="71">
        <v>3</v>
      </c>
      <c r="FT25" s="71">
        <v>2</v>
      </c>
      <c r="FU25" s="72">
        <v>9</v>
      </c>
      <c r="FV25" s="73">
        <v>10</v>
      </c>
      <c r="FW25" s="70">
        <v>0</v>
      </c>
      <c r="FX25" s="71">
        <v>0</v>
      </c>
      <c r="FY25" s="72">
        <v>0</v>
      </c>
      <c r="FZ25" s="244"/>
      <c r="GA25" s="71">
        <v>0</v>
      </c>
      <c r="GB25" s="71">
        <v>0</v>
      </c>
      <c r="GC25" s="71">
        <v>0</v>
      </c>
      <c r="GD25" s="71">
        <v>0</v>
      </c>
      <c r="GE25" s="71">
        <v>0</v>
      </c>
      <c r="GF25" s="72">
        <v>0</v>
      </c>
      <c r="GG25" s="73">
        <v>0</v>
      </c>
      <c r="GH25" s="70">
        <v>3</v>
      </c>
      <c r="GI25" s="71">
        <v>6</v>
      </c>
      <c r="GJ25" s="72">
        <v>9</v>
      </c>
      <c r="GK25" s="244"/>
      <c r="GL25" s="71">
        <v>9</v>
      </c>
      <c r="GM25" s="71">
        <v>2</v>
      </c>
      <c r="GN25" s="71">
        <v>3</v>
      </c>
      <c r="GO25" s="71">
        <v>4</v>
      </c>
      <c r="GP25" s="71">
        <v>4</v>
      </c>
      <c r="GQ25" s="72">
        <v>22</v>
      </c>
      <c r="GR25" s="73">
        <v>31</v>
      </c>
      <c r="GS25" s="123">
        <v>16</v>
      </c>
      <c r="GT25" s="82">
        <v>13</v>
      </c>
      <c r="GU25" s="83">
        <v>29</v>
      </c>
      <c r="GV25" s="241"/>
      <c r="GW25" s="82">
        <v>37</v>
      </c>
      <c r="GX25" s="82">
        <v>18</v>
      </c>
      <c r="GY25" s="82">
        <v>15</v>
      </c>
      <c r="GZ25" s="82">
        <v>12</v>
      </c>
      <c r="HA25" s="82">
        <v>12</v>
      </c>
      <c r="HB25" s="84">
        <v>94</v>
      </c>
      <c r="HC25" s="85">
        <v>123</v>
      </c>
      <c r="HD25" s="70">
        <v>0</v>
      </c>
      <c r="HE25" s="71">
        <v>1</v>
      </c>
      <c r="HF25" s="72">
        <v>1</v>
      </c>
      <c r="HG25" s="244"/>
      <c r="HH25" s="71">
        <v>2</v>
      </c>
      <c r="HI25" s="71">
        <v>0</v>
      </c>
      <c r="HJ25" s="71">
        <v>0</v>
      </c>
      <c r="HK25" s="71">
        <v>0</v>
      </c>
      <c r="HL25" s="71">
        <v>0</v>
      </c>
      <c r="HM25" s="72">
        <v>2</v>
      </c>
      <c r="HN25" s="73">
        <v>3</v>
      </c>
      <c r="HO25" s="70">
        <v>2</v>
      </c>
      <c r="HP25" s="71">
        <v>3</v>
      </c>
      <c r="HQ25" s="72">
        <v>5</v>
      </c>
      <c r="HR25" s="244"/>
      <c r="HS25" s="71">
        <v>4</v>
      </c>
      <c r="HT25" s="71">
        <v>1</v>
      </c>
      <c r="HU25" s="71">
        <v>2</v>
      </c>
      <c r="HV25" s="71">
        <v>0</v>
      </c>
      <c r="HW25" s="71">
        <v>1</v>
      </c>
      <c r="HX25" s="72">
        <v>8</v>
      </c>
      <c r="HY25" s="73">
        <v>13</v>
      </c>
      <c r="HZ25" s="70">
        <v>3</v>
      </c>
      <c r="IA25" s="71">
        <v>2</v>
      </c>
      <c r="IB25" s="72">
        <v>5</v>
      </c>
      <c r="IC25" s="244"/>
      <c r="ID25" s="71">
        <v>4</v>
      </c>
      <c r="IE25" s="71">
        <v>2</v>
      </c>
      <c r="IF25" s="71">
        <v>1</v>
      </c>
      <c r="IG25" s="71">
        <v>0</v>
      </c>
      <c r="IH25" s="71">
        <v>2</v>
      </c>
      <c r="II25" s="72">
        <v>9</v>
      </c>
      <c r="IJ25" s="73">
        <v>14</v>
      </c>
      <c r="IK25" s="70">
        <v>5</v>
      </c>
      <c r="IL25" s="71">
        <v>4</v>
      </c>
      <c r="IM25" s="72">
        <v>9</v>
      </c>
      <c r="IN25" s="244"/>
      <c r="IO25" s="71">
        <v>12</v>
      </c>
      <c r="IP25" s="71">
        <v>4</v>
      </c>
      <c r="IQ25" s="71">
        <v>5</v>
      </c>
      <c r="IR25" s="71">
        <v>4</v>
      </c>
      <c r="IS25" s="71">
        <v>2</v>
      </c>
      <c r="IT25" s="72">
        <v>27</v>
      </c>
      <c r="IU25" s="73">
        <v>36</v>
      </c>
      <c r="IV25" s="70">
        <v>1</v>
      </c>
      <c r="IW25" s="71">
        <v>2</v>
      </c>
      <c r="IX25" s="72">
        <v>3</v>
      </c>
      <c r="IY25" s="244"/>
      <c r="IZ25" s="71">
        <v>5</v>
      </c>
      <c r="JA25" s="71">
        <v>4</v>
      </c>
      <c r="JB25" s="71">
        <v>3</v>
      </c>
      <c r="JC25" s="71">
        <v>3</v>
      </c>
      <c r="JD25" s="71">
        <v>2</v>
      </c>
      <c r="JE25" s="72">
        <v>17</v>
      </c>
      <c r="JF25" s="73">
        <v>20</v>
      </c>
      <c r="JG25" s="70">
        <v>5</v>
      </c>
      <c r="JH25" s="71">
        <v>1</v>
      </c>
      <c r="JI25" s="72">
        <v>6</v>
      </c>
      <c r="JJ25" s="244"/>
      <c r="JK25" s="71">
        <v>10</v>
      </c>
      <c r="JL25" s="71">
        <v>7</v>
      </c>
      <c r="JM25" s="71">
        <v>4</v>
      </c>
      <c r="JN25" s="71">
        <v>5</v>
      </c>
      <c r="JO25" s="71">
        <v>5</v>
      </c>
      <c r="JP25" s="72">
        <v>31</v>
      </c>
      <c r="JQ25" s="73">
        <v>37</v>
      </c>
      <c r="JR25" s="70">
        <v>0</v>
      </c>
      <c r="JS25" s="71">
        <v>0</v>
      </c>
      <c r="JT25" s="72">
        <v>0</v>
      </c>
      <c r="JU25" s="244"/>
      <c r="JV25" s="71">
        <v>0</v>
      </c>
      <c r="JW25" s="71">
        <v>0</v>
      </c>
      <c r="JX25" s="71">
        <v>0</v>
      </c>
      <c r="JY25" s="71">
        <v>0</v>
      </c>
      <c r="JZ25" s="71">
        <v>0</v>
      </c>
      <c r="KA25" s="72">
        <v>0</v>
      </c>
      <c r="KB25" s="73">
        <v>0</v>
      </c>
      <c r="KC25" s="70">
        <v>16</v>
      </c>
      <c r="KD25" s="71">
        <v>13</v>
      </c>
      <c r="KE25" s="72">
        <v>29</v>
      </c>
      <c r="KF25" s="244"/>
      <c r="KG25" s="71">
        <v>37</v>
      </c>
      <c r="KH25" s="71">
        <v>18</v>
      </c>
      <c r="KI25" s="71">
        <v>15</v>
      </c>
      <c r="KJ25" s="71">
        <v>12</v>
      </c>
      <c r="KK25" s="71">
        <v>12</v>
      </c>
      <c r="KL25" s="72">
        <v>94</v>
      </c>
      <c r="KM25" s="73">
        <v>123</v>
      </c>
    </row>
    <row r="26" spans="2:299" ht="19.5" customHeight="1" x14ac:dyDescent="0.2">
      <c r="B26" s="126" t="s">
        <v>23</v>
      </c>
      <c r="C26" s="315">
        <v>14</v>
      </c>
      <c r="D26" s="82">
        <v>15</v>
      </c>
      <c r="E26" s="83">
        <v>29</v>
      </c>
      <c r="F26" s="241"/>
      <c r="G26" s="82">
        <v>24</v>
      </c>
      <c r="H26" s="82">
        <v>21</v>
      </c>
      <c r="I26" s="82">
        <v>22</v>
      </c>
      <c r="J26" s="82">
        <v>17</v>
      </c>
      <c r="K26" s="82">
        <v>10</v>
      </c>
      <c r="L26" s="84">
        <v>94</v>
      </c>
      <c r="M26" s="85">
        <v>123</v>
      </c>
      <c r="N26" s="70">
        <v>0</v>
      </c>
      <c r="O26" s="71">
        <v>1</v>
      </c>
      <c r="P26" s="72">
        <v>1</v>
      </c>
      <c r="Q26" s="244"/>
      <c r="R26" s="71">
        <v>0</v>
      </c>
      <c r="S26" s="71">
        <v>0</v>
      </c>
      <c r="T26" s="71">
        <v>0</v>
      </c>
      <c r="U26" s="71">
        <v>0</v>
      </c>
      <c r="V26" s="71">
        <v>0</v>
      </c>
      <c r="W26" s="72">
        <v>0</v>
      </c>
      <c r="X26" s="73">
        <v>1</v>
      </c>
      <c r="Y26" s="70">
        <v>4</v>
      </c>
      <c r="Z26" s="71">
        <v>0</v>
      </c>
      <c r="AA26" s="72">
        <v>4</v>
      </c>
      <c r="AB26" s="244"/>
      <c r="AC26" s="71">
        <v>3</v>
      </c>
      <c r="AD26" s="71">
        <v>2</v>
      </c>
      <c r="AE26" s="71">
        <v>2</v>
      </c>
      <c r="AF26" s="71">
        <v>0</v>
      </c>
      <c r="AG26" s="71">
        <v>2</v>
      </c>
      <c r="AH26" s="72">
        <v>9</v>
      </c>
      <c r="AI26" s="73">
        <v>13</v>
      </c>
      <c r="AJ26" s="70">
        <v>4</v>
      </c>
      <c r="AK26" s="71">
        <v>0</v>
      </c>
      <c r="AL26" s="72">
        <v>4</v>
      </c>
      <c r="AM26" s="244"/>
      <c r="AN26" s="71">
        <v>4</v>
      </c>
      <c r="AO26" s="71">
        <v>6</v>
      </c>
      <c r="AP26" s="71">
        <v>1</v>
      </c>
      <c r="AQ26" s="71">
        <v>3</v>
      </c>
      <c r="AR26" s="71">
        <v>4</v>
      </c>
      <c r="AS26" s="72">
        <v>18</v>
      </c>
      <c r="AT26" s="73">
        <v>22</v>
      </c>
      <c r="AU26" s="70">
        <v>0</v>
      </c>
      <c r="AV26" s="71">
        <v>8</v>
      </c>
      <c r="AW26" s="72">
        <v>8</v>
      </c>
      <c r="AX26" s="244"/>
      <c r="AY26" s="71">
        <v>6</v>
      </c>
      <c r="AZ26" s="71">
        <v>3</v>
      </c>
      <c r="BA26" s="71">
        <v>8</v>
      </c>
      <c r="BB26" s="71">
        <v>3</v>
      </c>
      <c r="BC26" s="71">
        <v>1</v>
      </c>
      <c r="BD26" s="72">
        <v>21</v>
      </c>
      <c r="BE26" s="73">
        <v>29</v>
      </c>
      <c r="BF26" s="70">
        <v>3</v>
      </c>
      <c r="BG26" s="71">
        <v>4</v>
      </c>
      <c r="BH26" s="72">
        <v>7</v>
      </c>
      <c r="BI26" s="244"/>
      <c r="BJ26" s="71">
        <v>6</v>
      </c>
      <c r="BK26" s="71">
        <v>8</v>
      </c>
      <c r="BL26" s="71">
        <v>9</v>
      </c>
      <c r="BM26" s="71">
        <v>3</v>
      </c>
      <c r="BN26" s="71">
        <v>3</v>
      </c>
      <c r="BO26" s="72">
        <v>29</v>
      </c>
      <c r="BP26" s="73">
        <v>36</v>
      </c>
      <c r="BQ26" s="70">
        <v>3</v>
      </c>
      <c r="BR26" s="71">
        <v>2</v>
      </c>
      <c r="BS26" s="72">
        <v>5</v>
      </c>
      <c r="BT26" s="244"/>
      <c r="BU26" s="71">
        <v>5</v>
      </c>
      <c r="BV26" s="71">
        <v>2</v>
      </c>
      <c r="BW26" s="71">
        <v>2</v>
      </c>
      <c r="BX26" s="71">
        <v>8</v>
      </c>
      <c r="BY26" s="71">
        <v>0</v>
      </c>
      <c r="BZ26" s="72">
        <v>17</v>
      </c>
      <c r="CA26" s="73">
        <v>22</v>
      </c>
      <c r="CB26" s="70">
        <v>0</v>
      </c>
      <c r="CC26" s="71">
        <v>0</v>
      </c>
      <c r="CD26" s="72">
        <v>0</v>
      </c>
      <c r="CE26" s="244"/>
      <c r="CF26" s="71">
        <v>0</v>
      </c>
      <c r="CG26" s="71">
        <v>0</v>
      </c>
      <c r="CH26" s="71">
        <v>0</v>
      </c>
      <c r="CI26" s="71">
        <v>0</v>
      </c>
      <c r="CJ26" s="71">
        <v>0</v>
      </c>
      <c r="CK26" s="72">
        <v>0</v>
      </c>
      <c r="CL26" s="73">
        <v>0</v>
      </c>
      <c r="CM26" s="70">
        <v>14</v>
      </c>
      <c r="CN26" s="71">
        <v>15</v>
      </c>
      <c r="CO26" s="72">
        <v>29</v>
      </c>
      <c r="CP26" s="244"/>
      <c r="CQ26" s="71">
        <v>24</v>
      </c>
      <c r="CR26" s="71">
        <v>21</v>
      </c>
      <c r="CS26" s="71">
        <v>22</v>
      </c>
      <c r="CT26" s="71">
        <v>17</v>
      </c>
      <c r="CU26" s="71">
        <v>10</v>
      </c>
      <c r="CV26" s="72">
        <v>94</v>
      </c>
      <c r="CW26" s="73">
        <v>123</v>
      </c>
      <c r="CX26" s="123">
        <v>8</v>
      </c>
      <c r="CY26" s="82">
        <v>6</v>
      </c>
      <c r="CZ26" s="83">
        <v>14</v>
      </c>
      <c r="DA26" s="241"/>
      <c r="DB26" s="82">
        <v>13</v>
      </c>
      <c r="DC26" s="82">
        <v>10</v>
      </c>
      <c r="DD26" s="82">
        <v>1</v>
      </c>
      <c r="DE26" s="82">
        <v>13</v>
      </c>
      <c r="DF26" s="82">
        <v>6</v>
      </c>
      <c r="DG26" s="84">
        <v>43</v>
      </c>
      <c r="DH26" s="85">
        <v>57</v>
      </c>
      <c r="DI26" s="70">
        <v>0</v>
      </c>
      <c r="DJ26" s="71">
        <v>1</v>
      </c>
      <c r="DK26" s="72">
        <v>1</v>
      </c>
      <c r="DL26" s="244"/>
      <c r="DM26" s="71">
        <v>0</v>
      </c>
      <c r="DN26" s="71">
        <v>0</v>
      </c>
      <c r="DO26" s="71">
        <v>0</v>
      </c>
      <c r="DP26" s="71">
        <v>0</v>
      </c>
      <c r="DQ26" s="71">
        <v>0</v>
      </c>
      <c r="DR26" s="72">
        <v>0</v>
      </c>
      <c r="DS26" s="73">
        <v>1</v>
      </c>
      <c r="DT26" s="70">
        <v>0</v>
      </c>
      <c r="DU26" s="71">
        <v>0</v>
      </c>
      <c r="DV26" s="72">
        <v>0</v>
      </c>
      <c r="DW26" s="244"/>
      <c r="DX26" s="71">
        <v>0</v>
      </c>
      <c r="DY26" s="71">
        <v>2</v>
      </c>
      <c r="DZ26" s="71">
        <v>0</v>
      </c>
      <c r="EA26" s="71">
        <v>0</v>
      </c>
      <c r="EB26" s="71">
        <v>1</v>
      </c>
      <c r="EC26" s="72">
        <v>3</v>
      </c>
      <c r="ED26" s="73">
        <v>3</v>
      </c>
      <c r="EE26" s="70">
        <v>2</v>
      </c>
      <c r="EF26" s="71">
        <v>2</v>
      </c>
      <c r="EG26" s="72">
        <v>4</v>
      </c>
      <c r="EH26" s="244"/>
      <c r="EI26" s="71">
        <v>2</v>
      </c>
      <c r="EJ26" s="71">
        <v>0</v>
      </c>
      <c r="EK26" s="71">
        <v>0</v>
      </c>
      <c r="EL26" s="71">
        <v>0</v>
      </c>
      <c r="EM26" s="71">
        <v>0</v>
      </c>
      <c r="EN26" s="72">
        <v>2</v>
      </c>
      <c r="EO26" s="73">
        <v>6</v>
      </c>
      <c r="EP26" s="70">
        <v>2</v>
      </c>
      <c r="EQ26" s="71">
        <v>2</v>
      </c>
      <c r="ER26" s="72">
        <v>4</v>
      </c>
      <c r="ES26" s="244"/>
      <c r="ET26" s="71">
        <v>3</v>
      </c>
      <c r="EU26" s="71">
        <v>2</v>
      </c>
      <c r="EV26" s="71">
        <v>1</v>
      </c>
      <c r="EW26" s="71">
        <v>1</v>
      </c>
      <c r="EX26" s="71">
        <v>1</v>
      </c>
      <c r="EY26" s="72">
        <v>8</v>
      </c>
      <c r="EZ26" s="73">
        <v>12</v>
      </c>
      <c r="FA26" s="70">
        <v>3</v>
      </c>
      <c r="FB26" s="71">
        <v>1</v>
      </c>
      <c r="FC26" s="72">
        <v>4</v>
      </c>
      <c r="FD26" s="244"/>
      <c r="FE26" s="71">
        <v>2</v>
      </c>
      <c r="FF26" s="71">
        <v>3</v>
      </c>
      <c r="FG26" s="71">
        <v>0</v>
      </c>
      <c r="FH26" s="71">
        <v>2</v>
      </c>
      <c r="FI26" s="71">
        <v>1</v>
      </c>
      <c r="FJ26" s="72">
        <v>8</v>
      </c>
      <c r="FK26" s="73">
        <v>12</v>
      </c>
      <c r="FL26" s="70">
        <v>1</v>
      </c>
      <c r="FM26" s="71">
        <v>0</v>
      </c>
      <c r="FN26" s="72">
        <v>1</v>
      </c>
      <c r="FO26" s="244"/>
      <c r="FP26" s="71">
        <v>6</v>
      </c>
      <c r="FQ26" s="71">
        <v>3</v>
      </c>
      <c r="FR26" s="71">
        <v>0</v>
      </c>
      <c r="FS26" s="71">
        <v>10</v>
      </c>
      <c r="FT26" s="71">
        <v>3</v>
      </c>
      <c r="FU26" s="72">
        <v>22</v>
      </c>
      <c r="FV26" s="73">
        <v>23</v>
      </c>
      <c r="FW26" s="70">
        <v>0</v>
      </c>
      <c r="FX26" s="71">
        <v>0</v>
      </c>
      <c r="FY26" s="72">
        <v>0</v>
      </c>
      <c r="FZ26" s="244"/>
      <c r="GA26" s="71">
        <v>0</v>
      </c>
      <c r="GB26" s="71">
        <v>0</v>
      </c>
      <c r="GC26" s="71">
        <v>0</v>
      </c>
      <c r="GD26" s="71">
        <v>0</v>
      </c>
      <c r="GE26" s="71">
        <v>0</v>
      </c>
      <c r="GF26" s="72">
        <v>0</v>
      </c>
      <c r="GG26" s="73">
        <v>0</v>
      </c>
      <c r="GH26" s="70">
        <v>8</v>
      </c>
      <c r="GI26" s="71">
        <v>6</v>
      </c>
      <c r="GJ26" s="72">
        <v>14</v>
      </c>
      <c r="GK26" s="244"/>
      <c r="GL26" s="71">
        <v>13</v>
      </c>
      <c r="GM26" s="71">
        <v>10</v>
      </c>
      <c r="GN26" s="71">
        <v>1</v>
      </c>
      <c r="GO26" s="71">
        <v>13</v>
      </c>
      <c r="GP26" s="71">
        <v>6</v>
      </c>
      <c r="GQ26" s="72">
        <v>43</v>
      </c>
      <c r="GR26" s="73">
        <v>57</v>
      </c>
      <c r="GS26" s="123">
        <v>22</v>
      </c>
      <c r="GT26" s="82">
        <v>21</v>
      </c>
      <c r="GU26" s="83">
        <v>43</v>
      </c>
      <c r="GV26" s="241"/>
      <c r="GW26" s="82">
        <v>37</v>
      </c>
      <c r="GX26" s="82">
        <v>31</v>
      </c>
      <c r="GY26" s="82">
        <v>23</v>
      </c>
      <c r="GZ26" s="82">
        <v>30</v>
      </c>
      <c r="HA26" s="82">
        <v>16</v>
      </c>
      <c r="HB26" s="84">
        <v>137</v>
      </c>
      <c r="HC26" s="85">
        <v>180</v>
      </c>
      <c r="HD26" s="70">
        <v>0</v>
      </c>
      <c r="HE26" s="71">
        <v>2</v>
      </c>
      <c r="HF26" s="72">
        <v>2</v>
      </c>
      <c r="HG26" s="244"/>
      <c r="HH26" s="71">
        <v>0</v>
      </c>
      <c r="HI26" s="71">
        <v>0</v>
      </c>
      <c r="HJ26" s="71">
        <v>0</v>
      </c>
      <c r="HK26" s="71">
        <v>0</v>
      </c>
      <c r="HL26" s="71">
        <v>0</v>
      </c>
      <c r="HM26" s="72">
        <v>0</v>
      </c>
      <c r="HN26" s="73">
        <v>2</v>
      </c>
      <c r="HO26" s="70">
        <v>4</v>
      </c>
      <c r="HP26" s="71">
        <v>0</v>
      </c>
      <c r="HQ26" s="72">
        <v>4</v>
      </c>
      <c r="HR26" s="244"/>
      <c r="HS26" s="71">
        <v>3</v>
      </c>
      <c r="HT26" s="71">
        <v>4</v>
      </c>
      <c r="HU26" s="71">
        <v>2</v>
      </c>
      <c r="HV26" s="71">
        <v>0</v>
      </c>
      <c r="HW26" s="71">
        <v>3</v>
      </c>
      <c r="HX26" s="72">
        <v>12</v>
      </c>
      <c r="HY26" s="73">
        <v>16</v>
      </c>
      <c r="HZ26" s="70">
        <v>6</v>
      </c>
      <c r="IA26" s="71">
        <v>2</v>
      </c>
      <c r="IB26" s="72">
        <v>8</v>
      </c>
      <c r="IC26" s="244"/>
      <c r="ID26" s="71">
        <v>6</v>
      </c>
      <c r="IE26" s="71">
        <v>6</v>
      </c>
      <c r="IF26" s="71">
        <v>1</v>
      </c>
      <c r="IG26" s="71">
        <v>3</v>
      </c>
      <c r="IH26" s="71">
        <v>4</v>
      </c>
      <c r="II26" s="72">
        <v>20</v>
      </c>
      <c r="IJ26" s="73">
        <v>28</v>
      </c>
      <c r="IK26" s="70">
        <v>2</v>
      </c>
      <c r="IL26" s="71">
        <v>10</v>
      </c>
      <c r="IM26" s="72">
        <v>12</v>
      </c>
      <c r="IN26" s="244"/>
      <c r="IO26" s="71">
        <v>9</v>
      </c>
      <c r="IP26" s="71">
        <v>5</v>
      </c>
      <c r="IQ26" s="71">
        <v>9</v>
      </c>
      <c r="IR26" s="71">
        <v>4</v>
      </c>
      <c r="IS26" s="71">
        <v>2</v>
      </c>
      <c r="IT26" s="72">
        <v>29</v>
      </c>
      <c r="IU26" s="73">
        <v>41</v>
      </c>
      <c r="IV26" s="70">
        <v>6</v>
      </c>
      <c r="IW26" s="71">
        <v>5</v>
      </c>
      <c r="IX26" s="72">
        <v>11</v>
      </c>
      <c r="IY26" s="244"/>
      <c r="IZ26" s="71">
        <v>8</v>
      </c>
      <c r="JA26" s="71">
        <v>11</v>
      </c>
      <c r="JB26" s="71">
        <v>9</v>
      </c>
      <c r="JC26" s="71">
        <v>5</v>
      </c>
      <c r="JD26" s="71">
        <v>4</v>
      </c>
      <c r="JE26" s="72">
        <v>37</v>
      </c>
      <c r="JF26" s="73">
        <v>48</v>
      </c>
      <c r="JG26" s="70">
        <v>4</v>
      </c>
      <c r="JH26" s="71">
        <v>2</v>
      </c>
      <c r="JI26" s="72">
        <v>6</v>
      </c>
      <c r="JJ26" s="244"/>
      <c r="JK26" s="71">
        <v>11</v>
      </c>
      <c r="JL26" s="71">
        <v>5</v>
      </c>
      <c r="JM26" s="71">
        <v>2</v>
      </c>
      <c r="JN26" s="71">
        <v>18</v>
      </c>
      <c r="JO26" s="71">
        <v>3</v>
      </c>
      <c r="JP26" s="72">
        <v>39</v>
      </c>
      <c r="JQ26" s="73">
        <v>45</v>
      </c>
      <c r="JR26" s="70">
        <v>0</v>
      </c>
      <c r="JS26" s="71">
        <v>0</v>
      </c>
      <c r="JT26" s="72">
        <v>0</v>
      </c>
      <c r="JU26" s="244"/>
      <c r="JV26" s="71">
        <v>0</v>
      </c>
      <c r="JW26" s="71">
        <v>0</v>
      </c>
      <c r="JX26" s="71">
        <v>0</v>
      </c>
      <c r="JY26" s="71">
        <v>0</v>
      </c>
      <c r="JZ26" s="71">
        <v>0</v>
      </c>
      <c r="KA26" s="72">
        <v>0</v>
      </c>
      <c r="KB26" s="73">
        <v>0</v>
      </c>
      <c r="KC26" s="70">
        <v>22</v>
      </c>
      <c r="KD26" s="71">
        <v>21</v>
      </c>
      <c r="KE26" s="72">
        <v>43</v>
      </c>
      <c r="KF26" s="244"/>
      <c r="KG26" s="71">
        <v>37</v>
      </c>
      <c r="KH26" s="71">
        <v>31</v>
      </c>
      <c r="KI26" s="71">
        <v>23</v>
      </c>
      <c r="KJ26" s="71">
        <v>30</v>
      </c>
      <c r="KK26" s="71">
        <v>16</v>
      </c>
      <c r="KL26" s="72">
        <v>137</v>
      </c>
      <c r="KM26" s="73">
        <v>180</v>
      </c>
    </row>
    <row r="27" spans="2:299" ht="19.5" customHeight="1" x14ac:dyDescent="0.2">
      <c r="B27" s="126" t="s">
        <v>24</v>
      </c>
      <c r="C27" s="315">
        <v>21</v>
      </c>
      <c r="D27" s="82">
        <v>16</v>
      </c>
      <c r="E27" s="83">
        <v>37</v>
      </c>
      <c r="F27" s="241"/>
      <c r="G27" s="82">
        <v>29</v>
      </c>
      <c r="H27" s="82">
        <v>20</v>
      </c>
      <c r="I27" s="82">
        <v>21</v>
      </c>
      <c r="J27" s="82">
        <v>10</v>
      </c>
      <c r="K27" s="82">
        <v>11</v>
      </c>
      <c r="L27" s="84">
        <v>91</v>
      </c>
      <c r="M27" s="85">
        <v>128</v>
      </c>
      <c r="N27" s="70">
        <v>0</v>
      </c>
      <c r="O27" s="71">
        <v>0</v>
      </c>
      <c r="P27" s="72">
        <v>0</v>
      </c>
      <c r="Q27" s="244"/>
      <c r="R27" s="71">
        <v>0</v>
      </c>
      <c r="S27" s="71">
        <v>0</v>
      </c>
      <c r="T27" s="71">
        <v>1</v>
      </c>
      <c r="U27" s="71">
        <v>0</v>
      </c>
      <c r="V27" s="71">
        <v>1</v>
      </c>
      <c r="W27" s="72">
        <v>2</v>
      </c>
      <c r="X27" s="73">
        <v>2</v>
      </c>
      <c r="Y27" s="70">
        <v>0</v>
      </c>
      <c r="Z27" s="71">
        <v>0</v>
      </c>
      <c r="AA27" s="72">
        <v>0</v>
      </c>
      <c r="AB27" s="244"/>
      <c r="AC27" s="71">
        <v>1</v>
      </c>
      <c r="AD27" s="71">
        <v>1</v>
      </c>
      <c r="AE27" s="71">
        <v>2</v>
      </c>
      <c r="AF27" s="71">
        <v>0</v>
      </c>
      <c r="AG27" s="71">
        <v>0</v>
      </c>
      <c r="AH27" s="72">
        <v>4</v>
      </c>
      <c r="AI27" s="73">
        <v>4</v>
      </c>
      <c r="AJ27" s="70">
        <v>3</v>
      </c>
      <c r="AK27" s="71">
        <v>2</v>
      </c>
      <c r="AL27" s="72">
        <v>5</v>
      </c>
      <c r="AM27" s="244"/>
      <c r="AN27" s="71">
        <v>5</v>
      </c>
      <c r="AO27" s="71">
        <v>1</v>
      </c>
      <c r="AP27" s="71">
        <v>2</v>
      </c>
      <c r="AQ27" s="71">
        <v>1</v>
      </c>
      <c r="AR27" s="71">
        <v>2</v>
      </c>
      <c r="AS27" s="72">
        <v>11</v>
      </c>
      <c r="AT27" s="73">
        <v>16</v>
      </c>
      <c r="AU27" s="70">
        <v>8</v>
      </c>
      <c r="AV27" s="71">
        <v>5</v>
      </c>
      <c r="AW27" s="72">
        <v>13</v>
      </c>
      <c r="AX27" s="244"/>
      <c r="AY27" s="71">
        <v>6</v>
      </c>
      <c r="AZ27" s="71">
        <v>5</v>
      </c>
      <c r="BA27" s="71">
        <v>4</v>
      </c>
      <c r="BB27" s="71">
        <v>1</v>
      </c>
      <c r="BC27" s="71">
        <v>2</v>
      </c>
      <c r="BD27" s="72">
        <v>18</v>
      </c>
      <c r="BE27" s="73">
        <v>31</v>
      </c>
      <c r="BF27" s="70">
        <v>8</v>
      </c>
      <c r="BG27" s="71">
        <v>6</v>
      </c>
      <c r="BH27" s="72">
        <v>14</v>
      </c>
      <c r="BI27" s="244"/>
      <c r="BJ27" s="71">
        <v>11</v>
      </c>
      <c r="BK27" s="71">
        <v>6</v>
      </c>
      <c r="BL27" s="71">
        <v>6</v>
      </c>
      <c r="BM27" s="71">
        <v>2</v>
      </c>
      <c r="BN27" s="71">
        <v>4</v>
      </c>
      <c r="BO27" s="72">
        <v>29</v>
      </c>
      <c r="BP27" s="73">
        <v>43</v>
      </c>
      <c r="BQ27" s="70">
        <v>2</v>
      </c>
      <c r="BR27" s="71">
        <v>3</v>
      </c>
      <c r="BS27" s="72">
        <v>5</v>
      </c>
      <c r="BT27" s="244"/>
      <c r="BU27" s="71">
        <v>6</v>
      </c>
      <c r="BV27" s="71">
        <v>7</v>
      </c>
      <c r="BW27" s="71">
        <v>6</v>
      </c>
      <c r="BX27" s="71">
        <v>6</v>
      </c>
      <c r="BY27" s="71">
        <v>2</v>
      </c>
      <c r="BZ27" s="72">
        <v>27</v>
      </c>
      <c r="CA27" s="73">
        <v>32</v>
      </c>
      <c r="CB27" s="70">
        <v>0</v>
      </c>
      <c r="CC27" s="71">
        <v>0</v>
      </c>
      <c r="CD27" s="72">
        <v>0</v>
      </c>
      <c r="CE27" s="244"/>
      <c r="CF27" s="71">
        <v>0</v>
      </c>
      <c r="CG27" s="71">
        <v>0</v>
      </c>
      <c r="CH27" s="71">
        <v>0</v>
      </c>
      <c r="CI27" s="71">
        <v>0</v>
      </c>
      <c r="CJ27" s="71">
        <v>0</v>
      </c>
      <c r="CK27" s="72">
        <v>0</v>
      </c>
      <c r="CL27" s="73">
        <v>0</v>
      </c>
      <c r="CM27" s="70">
        <v>21</v>
      </c>
      <c r="CN27" s="71">
        <v>16</v>
      </c>
      <c r="CO27" s="72">
        <v>37</v>
      </c>
      <c r="CP27" s="244"/>
      <c r="CQ27" s="71">
        <v>29</v>
      </c>
      <c r="CR27" s="71">
        <v>20</v>
      </c>
      <c r="CS27" s="71">
        <v>21</v>
      </c>
      <c r="CT27" s="71">
        <v>10</v>
      </c>
      <c r="CU27" s="71">
        <v>11</v>
      </c>
      <c r="CV27" s="72">
        <v>91</v>
      </c>
      <c r="CW27" s="73">
        <v>128</v>
      </c>
      <c r="CX27" s="123">
        <v>10</v>
      </c>
      <c r="CY27" s="82">
        <v>5</v>
      </c>
      <c r="CZ27" s="83">
        <v>15</v>
      </c>
      <c r="DA27" s="241"/>
      <c r="DB27" s="82">
        <v>9</v>
      </c>
      <c r="DC27" s="82">
        <v>7</v>
      </c>
      <c r="DD27" s="82">
        <v>6</v>
      </c>
      <c r="DE27" s="82">
        <v>6</v>
      </c>
      <c r="DF27" s="82">
        <v>5</v>
      </c>
      <c r="DG27" s="84">
        <v>33</v>
      </c>
      <c r="DH27" s="85">
        <v>48</v>
      </c>
      <c r="DI27" s="70">
        <v>1</v>
      </c>
      <c r="DJ27" s="71">
        <v>0</v>
      </c>
      <c r="DK27" s="72">
        <v>1</v>
      </c>
      <c r="DL27" s="244"/>
      <c r="DM27" s="71">
        <v>0</v>
      </c>
      <c r="DN27" s="71">
        <v>0</v>
      </c>
      <c r="DO27" s="71">
        <v>0</v>
      </c>
      <c r="DP27" s="71">
        <v>0</v>
      </c>
      <c r="DQ27" s="71">
        <v>0</v>
      </c>
      <c r="DR27" s="72">
        <v>0</v>
      </c>
      <c r="DS27" s="73">
        <v>1</v>
      </c>
      <c r="DT27" s="70">
        <v>1</v>
      </c>
      <c r="DU27" s="71">
        <v>0</v>
      </c>
      <c r="DV27" s="72">
        <v>1</v>
      </c>
      <c r="DW27" s="244"/>
      <c r="DX27" s="71">
        <v>1</v>
      </c>
      <c r="DY27" s="71">
        <v>0</v>
      </c>
      <c r="DZ27" s="71">
        <v>1</v>
      </c>
      <c r="EA27" s="71">
        <v>1</v>
      </c>
      <c r="EB27" s="71">
        <v>0</v>
      </c>
      <c r="EC27" s="72">
        <v>3</v>
      </c>
      <c r="ED27" s="73">
        <v>4</v>
      </c>
      <c r="EE27" s="70">
        <v>1</v>
      </c>
      <c r="EF27" s="71">
        <v>1</v>
      </c>
      <c r="EG27" s="72">
        <v>2</v>
      </c>
      <c r="EH27" s="244"/>
      <c r="EI27" s="71">
        <v>1</v>
      </c>
      <c r="EJ27" s="71">
        <v>1</v>
      </c>
      <c r="EK27" s="71">
        <v>0</v>
      </c>
      <c r="EL27" s="71">
        <v>0</v>
      </c>
      <c r="EM27" s="71">
        <v>0</v>
      </c>
      <c r="EN27" s="72">
        <v>2</v>
      </c>
      <c r="EO27" s="73">
        <v>4</v>
      </c>
      <c r="EP27" s="70">
        <v>1</v>
      </c>
      <c r="EQ27" s="71">
        <v>2</v>
      </c>
      <c r="ER27" s="72">
        <v>3</v>
      </c>
      <c r="ES27" s="244"/>
      <c r="ET27" s="71">
        <v>3</v>
      </c>
      <c r="EU27" s="71">
        <v>1</v>
      </c>
      <c r="EV27" s="71">
        <v>3</v>
      </c>
      <c r="EW27" s="71">
        <v>1</v>
      </c>
      <c r="EX27" s="71">
        <v>1</v>
      </c>
      <c r="EY27" s="72">
        <v>9</v>
      </c>
      <c r="EZ27" s="73">
        <v>12</v>
      </c>
      <c r="FA27" s="70">
        <v>4</v>
      </c>
      <c r="FB27" s="71">
        <v>1</v>
      </c>
      <c r="FC27" s="72">
        <v>5</v>
      </c>
      <c r="FD27" s="244"/>
      <c r="FE27" s="71">
        <v>1</v>
      </c>
      <c r="FF27" s="71">
        <v>2</v>
      </c>
      <c r="FG27" s="71">
        <v>1</v>
      </c>
      <c r="FH27" s="71">
        <v>1</v>
      </c>
      <c r="FI27" s="71">
        <v>3</v>
      </c>
      <c r="FJ27" s="72">
        <v>8</v>
      </c>
      <c r="FK27" s="73">
        <v>13</v>
      </c>
      <c r="FL27" s="70">
        <v>2</v>
      </c>
      <c r="FM27" s="71">
        <v>1</v>
      </c>
      <c r="FN27" s="72">
        <v>3</v>
      </c>
      <c r="FO27" s="244"/>
      <c r="FP27" s="71">
        <v>3</v>
      </c>
      <c r="FQ27" s="71">
        <v>3</v>
      </c>
      <c r="FR27" s="71">
        <v>1</v>
      </c>
      <c r="FS27" s="71">
        <v>3</v>
      </c>
      <c r="FT27" s="71">
        <v>1</v>
      </c>
      <c r="FU27" s="72">
        <v>11</v>
      </c>
      <c r="FV27" s="73">
        <v>14</v>
      </c>
      <c r="FW27" s="70">
        <v>0</v>
      </c>
      <c r="FX27" s="71">
        <v>0</v>
      </c>
      <c r="FY27" s="72">
        <v>0</v>
      </c>
      <c r="FZ27" s="244"/>
      <c r="GA27" s="71">
        <v>0</v>
      </c>
      <c r="GB27" s="71">
        <v>0</v>
      </c>
      <c r="GC27" s="71">
        <v>0</v>
      </c>
      <c r="GD27" s="71">
        <v>0</v>
      </c>
      <c r="GE27" s="71">
        <v>0</v>
      </c>
      <c r="GF27" s="72">
        <v>0</v>
      </c>
      <c r="GG27" s="73">
        <v>0</v>
      </c>
      <c r="GH27" s="70">
        <v>10</v>
      </c>
      <c r="GI27" s="71">
        <v>5</v>
      </c>
      <c r="GJ27" s="72">
        <v>15</v>
      </c>
      <c r="GK27" s="244"/>
      <c r="GL27" s="71">
        <v>9</v>
      </c>
      <c r="GM27" s="71">
        <v>7</v>
      </c>
      <c r="GN27" s="71">
        <v>6</v>
      </c>
      <c r="GO27" s="71">
        <v>6</v>
      </c>
      <c r="GP27" s="71">
        <v>5</v>
      </c>
      <c r="GQ27" s="72">
        <v>33</v>
      </c>
      <c r="GR27" s="73">
        <v>48</v>
      </c>
      <c r="GS27" s="123">
        <v>31</v>
      </c>
      <c r="GT27" s="82">
        <v>21</v>
      </c>
      <c r="GU27" s="83">
        <v>52</v>
      </c>
      <c r="GV27" s="241"/>
      <c r="GW27" s="82">
        <v>38</v>
      </c>
      <c r="GX27" s="82">
        <v>27</v>
      </c>
      <c r="GY27" s="82">
        <v>27</v>
      </c>
      <c r="GZ27" s="82">
        <v>16</v>
      </c>
      <c r="HA27" s="82">
        <v>16</v>
      </c>
      <c r="HB27" s="84">
        <v>124</v>
      </c>
      <c r="HC27" s="85">
        <v>176</v>
      </c>
      <c r="HD27" s="70">
        <v>1</v>
      </c>
      <c r="HE27" s="71">
        <v>0</v>
      </c>
      <c r="HF27" s="72">
        <v>1</v>
      </c>
      <c r="HG27" s="244"/>
      <c r="HH27" s="71">
        <v>0</v>
      </c>
      <c r="HI27" s="71">
        <v>0</v>
      </c>
      <c r="HJ27" s="71">
        <v>1</v>
      </c>
      <c r="HK27" s="71">
        <v>0</v>
      </c>
      <c r="HL27" s="71">
        <v>1</v>
      </c>
      <c r="HM27" s="72">
        <v>2</v>
      </c>
      <c r="HN27" s="73">
        <v>3</v>
      </c>
      <c r="HO27" s="70">
        <v>1</v>
      </c>
      <c r="HP27" s="71">
        <v>0</v>
      </c>
      <c r="HQ27" s="72">
        <v>1</v>
      </c>
      <c r="HR27" s="244"/>
      <c r="HS27" s="71">
        <v>2</v>
      </c>
      <c r="HT27" s="71">
        <v>1</v>
      </c>
      <c r="HU27" s="71">
        <v>3</v>
      </c>
      <c r="HV27" s="71">
        <v>1</v>
      </c>
      <c r="HW27" s="71">
        <v>0</v>
      </c>
      <c r="HX27" s="72">
        <v>7</v>
      </c>
      <c r="HY27" s="73">
        <v>8</v>
      </c>
      <c r="HZ27" s="70">
        <v>4</v>
      </c>
      <c r="IA27" s="71">
        <v>3</v>
      </c>
      <c r="IB27" s="72">
        <v>7</v>
      </c>
      <c r="IC27" s="244"/>
      <c r="ID27" s="71">
        <v>6</v>
      </c>
      <c r="IE27" s="71">
        <v>2</v>
      </c>
      <c r="IF27" s="71">
        <v>2</v>
      </c>
      <c r="IG27" s="71">
        <v>1</v>
      </c>
      <c r="IH27" s="71">
        <v>2</v>
      </c>
      <c r="II27" s="72">
        <v>13</v>
      </c>
      <c r="IJ27" s="73">
        <v>20</v>
      </c>
      <c r="IK27" s="70">
        <v>9</v>
      </c>
      <c r="IL27" s="71">
        <v>7</v>
      </c>
      <c r="IM27" s="72">
        <v>16</v>
      </c>
      <c r="IN27" s="244"/>
      <c r="IO27" s="71">
        <v>9</v>
      </c>
      <c r="IP27" s="71">
        <v>6</v>
      </c>
      <c r="IQ27" s="71">
        <v>7</v>
      </c>
      <c r="IR27" s="71">
        <v>2</v>
      </c>
      <c r="IS27" s="71">
        <v>3</v>
      </c>
      <c r="IT27" s="72">
        <v>27</v>
      </c>
      <c r="IU27" s="73">
        <v>43</v>
      </c>
      <c r="IV27" s="70">
        <v>12</v>
      </c>
      <c r="IW27" s="71">
        <v>7</v>
      </c>
      <c r="IX27" s="72">
        <v>19</v>
      </c>
      <c r="IY27" s="244"/>
      <c r="IZ27" s="71">
        <v>12</v>
      </c>
      <c r="JA27" s="71">
        <v>8</v>
      </c>
      <c r="JB27" s="71">
        <v>7</v>
      </c>
      <c r="JC27" s="71">
        <v>3</v>
      </c>
      <c r="JD27" s="71">
        <v>7</v>
      </c>
      <c r="JE27" s="72">
        <v>37</v>
      </c>
      <c r="JF27" s="73">
        <v>56</v>
      </c>
      <c r="JG27" s="70">
        <v>4</v>
      </c>
      <c r="JH27" s="71">
        <v>4</v>
      </c>
      <c r="JI27" s="72">
        <v>8</v>
      </c>
      <c r="JJ27" s="244"/>
      <c r="JK27" s="71">
        <v>9</v>
      </c>
      <c r="JL27" s="71">
        <v>10</v>
      </c>
      <c r="JM27" s="71">
        <v>7</v>
      </c>
      <c r="JN27" s="71">
        <v>9</v>
      </c>
      <c r="JO27" s="71">
        <v>3</v>
      </c>
      <c r="JP27" s="72">
        <v>38</v>
      </c>
      <c r="JQ27" s="73">
        <v>46</v>
      </c>
      <c r="JR27" s="70">
        <v>0</v>
      </c>
      <c r="JS27" s="71">
        <v>0</v>
      </c>
      <c r="JT27" s="72">
        <v>0</v>
      </c>
      <c r="JU27" s="244"/>
      <c r="JV27" s="71">
        <v>0</v>
      </c>
      <c r="JW27" s="71">
        <v>0</v>
      </c>
      <c r="JX27" s="71">
        <v>0</v>
      </c>
      <c r="JY27" s="71">
        <v>0</v>
      </c>
      <c r="JZ27" s="71">
        <v>0</v>
      </c>
      <c r="KA27" s="72">
        <v>0</v>
      </c>
      <c r="KB27" s="73">
        <v>0</v>
      </c>
      <c r="KC27" s="70">
        <v>31</v>
      </c>
      <c r="KD27" s="71">
        <v>21</v>
      </c>
      <c r="KE27" s="72">
        <v>52</v>
      </c>
      <c r="KF27" s="244"/>
      <c r="KG27" s="71">
        <v>38</v>
      </c>
      <c r="KH27" s="71">
        <v>27</v>
      </c>
      <c r="KI27" s="71">
        <v>27</v>
      </c>
      <c r="KJ27" s="71">
        <v>16</v>
      </c>
      <c r="KK27" s="71">
        <v>16</v>
      </c>
      <c r="KL27" s="72">
        <v>124</v>
      </c>
      <c r="KM27" s="73">
        <v>176</v>
      </c>
    </row>
    <row r="28" spans="2:299" ht="19.5" customHeight="1" x14ac:dyDescent="0.2">
      <c r="B28" s="126" t="s">
        <v>25</v>
      </c>
      <c r="C28" s="315">
        <v>7</v>
      </c>
      <c r="D28" s="82">
        <v>8</v>
      </c>
      <c r="E28" s="83">
        <v>15</v>
      </c>
      <c r="F28" s="241"/>
      <c r="G28" s="82">
        <v>11</v>
      </c>
      <c r="H28" s="82">
        <v>13</v>
      </c>
      <c r="I28" s="82">
        <v>6</v>
      </c>
      <c r="J28" s="82">
        <v>3</v>
      </c>
      <c r="K28" s="82">
        <v>4</v>
      </c>
      <c r="L28" s="84">
        <v>37</v>
      </c>
      <c r="M28" s="85">
        <v>52</v>
      </c>
      <c r="N28" s="70">
        <v>0</v>
      </c>
      <c r="O28" s="71">
        <v>0</v>
      </c>
      <c r="P28" s="72">
        <v>0</v>
      </c>
      <c r="Q28" s="244"/>
      <c r="R28" s="71">
        <v>0</v>
      </c>
      <c r="S28" s="71">
        <v>1</v>
      </c>
      <c r="T28" s="71">
        <v>0</v>
      </c>
      <c r="U28" s="71">
        <v>1</v>
      </c>
      <c r="V28" s="71">
        <v>0</v>
      </c>
      <c r="W28" s="72">
        <v>2</v>
      </c>
      <c r="X28" s="73">
        <v>2</v>
      </c>
      <c r="Y28" s="70">
        <v>1</v>
      </c>
      <c r="Z28" s="71">
        <v>0</v>
      </c>
      <c r="AA28" s="72">
        <v>1</v>
      </c>
      <c r="AB28" s="244"/>
      <c r="AC28" s="71">
        <v>2</v>
      </c>
      <c r="AD28" s="71">
        <v>2</v>
      </c>
      <c r="AE28" s="71">
        <v>0</v>
      </c>
      <c r="AF28" s="71">
        <v>0</v>
      </c>
      <c r="AG28" s="71">
        <v>1</v>
      </c>
      <c r="AH28" s="72">
        <v>5</v>
      </c>
      <c r="AI28" s="73">
        <v>6</v>
      </c>
      <c r="AJ28" s="70">
        <v>1</v>
      </c>
      <c r="AK28" s="71">
        <v>0</v>
      </c>
      <c r="AL28" s="72">
        <v>1</v>
      </c>
      <c r="AM28" s="244"/>
      <c r="AN28" s="71">
        <v>3</v>
      </c>
      <c r="AO28" s="71">
        <v>1</v>
      </c>
      <c r="AP28" s="71">
        <v>0</v>
      </c>
      <c r="AQ28" s="71">
        <v>0</v>
      </c>
      <c r="AR28" s="71">
        <v>0</v>
      </c>
      <c r="AS28" s="72">
        <v>4</v>
      </c>
      <c r="AT28" s="73">
        <v>5</v>
      </c>
      <c r="AU28" s="70">
        <v>3</v>
      </c>
      <c r="AV28" s="71">
        <v>5</v>
      </c>
      <c r="AW28" s="72">
        <v>8</v>
      </c>
      <c r="AX28" s="244"/>
      <c r="AY28" s="71">
        <v>1</v>
      </c>
      <c r="AZ28" s="71">
        <v>3</v>
      </c>
      <c r="BA28" s="71">
        <v>2</v>
      </c>
      <c r="BB28" s="71">
        <v>0</v>
      </c>
      <c r="BC28" s="71">
        <v>1</v>
      </c>
      <c r="BD28" s="72">
        <v>7</v>
      </c>
      <c r="BE28" s="73">
        <v>15</v>
      </c>
      <c r="BF28" s="70">
        <v>0</v>
      </c>
      <c r="BG28" s="71">
        <v>2</v>
      </c>
      <c r="BH28" s="72">
        <v>2</v>
      </c>
      <c r="BI28" s="244"/>
      <c r="BJ28" s="71">
        <v>2</v>
      </c>
      <c r="BK28" s="71">
        <v>1</v>
      </c>
      <c r="BL28" s="71">
        <v>3</v>
      </c>
      <c r="BM28" s="71">
        <v>1</v>
      </c>
      <c r="BN28" s="71">
        <v>2</v>
      </c>
      <c r="BO28" s="72">
        <v>9</v>
      </c>
      <c r="BP28" s="73">
        <v>11</v>
      </c>
      <c r="BQ28" s="70">
        <v>2</v>
      </c>
      <c r="BR28" s="71">
        <v>1</v>
      </c>
      <c r="BS28" s="72">
        <v>3</v>
      </c>
      <c r="BT28" s="244"/>
      <c r="BU28" s="71">
        <v>3</v>
      </c>
      <c r="BV28" s="71">
        <v>5</v>
      </c>
      <c r="BW28" s="71">
        <v>1</v>
      </c>
      <c r="BX28" s="71">
        <v>1</v>
      </c>
      <c r="BY28" s="71">
        <v>0</v>
      </c>
      <c r="BZ28" s="72">
        <v>10</v>
      </c>
      <c r="CA28" s="73">
        <v>13</v>
      </c>
      <c r="CB28" s="70">
        <v>0</v>
      </c>
      <c r="CC28" s="71">
        <v>0</v>
      </c>
      <c r="CD28" s="72">
        <v>0</v>
      </c>
      <c r="CE28" s="244"/>
      <c r="CF28" s="71">
        <v>0</v>
      </c>
      <c r="CG28" s="71">
        <v>0</v>
      </c>
      <c r="CH28" s="71">
        <v>0</v>
      </c>
      <c r="CI28" s="71">
        <v>0</v>
      </c>
      <c r="CJ28" s="71">
        <v>0</v>
      </c>
      <c r="CK28" s="72">
        <v>0</v>
      </c>
      <c r="CL28" s="73">
        <v>0</v>
      </c>
      <c r="CM28" s="70">
        <v>7</v>
      </c>
      <c r="CN28" s="71">
        <v>8</v>
      </c>
      <c r="CO28" s="72">
        <v>15</v>
      </c>
      <c r="CP28" s="244"/>
      <c r="CQ28" s="71">
        <v>11</v>
      </c>
      <c r="CR28" s="71">
        <v>13</v>
      </c>
      <c r="CS28" s="71">
        <v>6</v>
      </c>
      <c r="CT28" s="71">
        <v>3</v>
      </c>
      <c r="CU28" s="71">
        <v>4</v>
      </c>
      <c r="CV28" s="72">
        <v>37</v>
      </c>
      <c r="CW28" s="73">
        <v>52</v>
      </c>
      <c r="CX28" s="123">
        <v>10</v>
      </c>
      <c r="CY28" s="82">
        <v>14</v>
      </c>
      <c r="CZ28" s="83">
        <v>24</v>
      </c>
      <c r="DA28" s="241"/>
      <c r="DB28" s="82">
        <v>8</v>
      </c>
      <c r="DC28" s="82">
        <v>7</v>
      </c>
      <c r="DD28" s="82">
        <v>3</v>
      </c>
      <c r="DE28" s="82">
        <v>5</v>
      </c>
      <c r="DF28" s="82">
        <v>4</v>
      </c>
      <c r="DG28" s="84">
        <v>27</v>
      </c>
      <c r="DH28" s="85">
        <v>51</v>
      </c>
      <c r="DI28" s="70">
        <v>0</v>
      </c>
      <c r="DJ28" s="71">
        <v>1</v>
      </c>
      <c r="DK28" s="72">
        <v>1</v>
      </c>
      <c r="DL28" s="244"/>
      <c r="DM28" s="71">
        <v>0</v>
      </c>
      <c r="DN28" s="71">
        <v>0</v>
      </c>
      <c r="DO28" s="71">
        <v>0</v>
      </c>
      <c r="DP28" s="71">
        <v>0</v>
      </c>
      <c r="DQ28" s="71">
        <v>0</v>
      </c>
      <c r="DR28" s="72">
        <v>0</v>
      </c>
      <c r="DS28" s="73">
        <v>1</v>
      </c>
      <c r="DT28" s="70">
        <v>2</v>
      </c>
      <c r="DU28" s="71">
        <v>0</v>
      </c>
      <c r="DV28" s="72">
        <v>2</v>
      </c>
      <c r="DW28" s="244"/>
      <c r="DX28" s="71">
        <v>0</v>
      </c>
      <c r="DY28" s="71">
        <v>1</v>
      </c>
      <c r="DZ28" s="71">
        <v>0</v>
      </c>
      <c r="EA28" s="71">
        <v>0</v>
      </c>
      <c r="EB28" s="71">
        <v>1</v>
      </c>
      <c r="EC28" s="72">
        <v>2</v>
      </c>
      <c r="ED28" s="73">
        <v>4</v>
      </c>
      <c r="EE28" s="70">
        <v>1</v>
      </c>
      <c r="EF28" s="71">
        <v>3</v>
      </c>
      <c r="EG28" s="72">
        <v>4</v>
      </c>
      <c r="EH28" s="244"/>
      <c r="EI28" s="71">
        <v>0</v>
      </c>
      <c r="EJ28" s="71">
        <v>1</v>
      </c>
      <c r="EK28" s="71">
        <v>0</v>
      </c>
      <c r="EL28" s="71">
        <v>0</v>
      </c>
      <c r="EM28" s="71">
        <v>0</v>
      </c>
      <c r="EN28" s="72">
        <v>1</v>
      </c>
      <c r="EO28" s="73">
        <v>5</v>
      </c>
      <c r="EP28" s="70">
        <v>2</v>
      </c>
      <c r="EQ28" s="71">
        <v>2</v>
      </c>
      <c r="ER28" s="72">
        <v>4</v>
      </c>
      <c r="ES28" s="244"/>
      <c r="ET28" s="71">
        <v>1</v>
      </c>
      <c r="EU28" s="71">
        <v>0</v>
      </c>
      <c r="EV28" s="71">
        <v>0</v>
      </c>
      <c r="EW28" s="71">
        <v>1</v>
      </c>
      <c r="EX28" s="71">
        <v>0</v>
      </c>
      <c r="EY28" s="72">
        <v>2</v>
      </c>
      <c r="EZ28" s="73">
        <v>6</v>
      </c>
      <c r="FA28" s="70">
        <v>1</v>
      </c>
      <c r="FB28" s="71">
        <v>6</v>
      </c>
      <c r="FC28" s="72">
        <v>7</v>
      </c>
      <c r="FD28" s="244"/>
      <c r="FE28" s="71">
        <v>3</v>
      </c>
      <c r="FF28" s="71">
        <v>1</v>
      </c>
      <c r="FG28" s="71">
        <v>1</v>
      </c>
      <c r="FH28" s="71">
        <v>1</v>
      </c>
      <c r="FI28" s="71">
        <v>1</v>
      </c>
      <c r="FJ28" s="72">
        <v>7</v>
      </c>
      <c r="FK28" s="73">
        <v>14</v>
      </c>
      <c r="FL28" s="70">
        <v>4</v>
      </c>
      <c r="FM28" s="71">
        <v>2</v>
      </c>
      <c r="FN28" s="72">
        <v>6</v>
      </c>
      <c r="FO28" s="244"/>
      <c r="FP28" s="71">
        <v>4</v>
      </c>
      <c r="FQ28" s="71">
        <v>4</v>
      </c>
      <c r="FR28" s="71">
        <v>2</v>
      </c>
      <c r="FS28" s="71">
        <v>3</v>
      </c>
      <c r="FT28" s="71">
        <v>2</v>
      </c>
      <c r="FU28" s="72">
        <v>15</v>
      </c>
      <c r="FV28" s="73">
        <v>21</v>
      </c>
      <c r="FW28" s="70">
        <v>0</v>
      </c>
      <c r="FX28" s="71">
        <v>0</v>
      </c>
      <c r="FY28" s="72">
        <v>0</v>
      </c>
      <c r="FZ28" s="244"/>
      <c r="GA28" s="71">
        <v>0</v>
      </c>
      <c r="GB28" s="71">
        <v>0</v>
      </c>
      <c r="GC28" s="71">
        <v>0</v>
      </c>
      <c r="GD28" s="71">
        <v>0</v>
      </c>
      <c r="GE28" s="71">
        <v>0</v>
      </c>
      <c r="GF28" s="72">
        <v>0</v>
      </c>
      <c r="GG28" s="73">
        <v>0</v>
      </c>
      <c r="GH28" s="70">
        <v>10</v>
      </c>
      <c r="GI28" s="71">
        <v>14</v>
      </c>
      <c r="GJ28" s="72">
        <v>24</v>
      </c>
      <c r="GK28" s="244"/>
      <c r="GL28" s="71">
        <v>8</v>
      </c>
      <c r="GM28" s="71">
        <v>7</v>
      </c>
      <c r="GN28" s="71">
        <v>3</v>
      </c>
      <c r="GO28" s="71">
        <v>5</v>
      </c>
      <c r="GP28" s="71">
        <v>4</v>
      </c>
      <c r="GQ28" s="72">
        <v>27</v>
      </c>
      <c r="GR28" s="73">
        <v>51</v>
      </c>
      <c r="GS28" s="123">
        <v>17</v>
      </c>
      <c r="GT28" s="82">
        <v>22</v>
      </c>
      <c r="GU28" s="83">
        <v>39</v>
      </c>
      <c r="GV28" s="241"/>
      <c r="GW28" s="82">
        <v>19</v>
      </c>
      <c r="GX28" s="82">
        <v>20</v>
      </c>
      <c r="GY28" s="82">
        <v>9</v>
      </c>
      <c r="GZ28" s="82">
        <v>8</v>
      </c>
      <c r="HA28" s="82">
        <v>8</v>
      </c>
      <c r="HB28" s="84">
        <v>64</v>
      </c>
      <c r="HC28" s="85">
        <v>103</v>
      </c>
      <c r="HD28" s="70">
        <v>0</v>
      </c>
      <c r="HE28" s="71">
        <v>1</v>
      </c>
      <c r="HF28" s="72">
        <v>1</v>
      </c>
      <c r="HG28" s="244"/>
      <c r="HH28" s="71">
        <v>0</v>
      </c>
      <c r="HI28" s="71">
        <v>1</v>
      </c>
      <c r="HJ28" s="71">
        <v>0</v>
      </c>
      <c r="HK28" s="71">
        <v>1</v>
      </c>
      <c r="HL28" s="71">
        <v>0</v>
      </c>
      <c r="HM28" s="72">
        <v>2</v>
      </c>
      <c r="HN28" s="73">
        <v>3</v>
      </c>
      <c r="HO28" s="70">
        <v>3</v>
      </c>
      <c r="HP28" s="71">
        <v>0</v>
      </c>
      <c r="HQ28" s="72">
        <v>3</v>
      </c>
      <c r="HR28" s="244"/>
      <c r="HS28" s="71">
        <v>2</v>
      </c>
      <c r="HT28" s="71">
        <v>3</v>
      </c>
      <c r="HU28" s="71">
        <v>0</v>
      </c>
      <c r="HV28" s="71">
        <v>0</v>
      </c>
      <c r="HW28" s="71">
        <v>2</v>
      </c>
      <c r="HX28" s="72">
        <v>7</v>
      </c>
      <c r="HY28" s="73">
        <v>10</v>
      </c>
      <c r="HZ28" s="70">
        <v>2</v>
      </c>
      <c r="IA28" s="71">
        <v>3</v>
      </c>
      <c r="IB28" s="72">
        <v>5</v>
      </c>
      <c r="IC28" s="244"/>
      <c r="ID28" s="71">
        <v>3</v>
      </c>
      <c r="IE28" s="71">
        <v>2</v>
      </c>
      <c r="IF28" s="71">
        <v>0</v>
      </c>
      <c r="IG28" s="71">
        <v>0</v>
      </c>
      <c r="IH28" s="71">
        <v>0</v>
      </c>
      <c r="II28" s="72">
        <v>5</v>
      </c>
      <c r="IJ28" s="73">
        <v>10</v>
      </c>
      <c r="IK28" s="70">
        <v>5</v>
      </c>
      <c r="IL28" s="71">
        <v>7</v>
      </c>
      <c r="IM28" s="72">
        <v>12</v>
      </c>
      <c r="IN28" s="244"/>
      <c r="IO28" s="71">
        <v>2</v>
      </c>
      <c r="IP28" s="71">
        <v>3</v>
      </c>
      <c r="IQ28" s="71">
        <v>2</v>
      </c>
      <c r="IR28" s="71">
        <v>1</v>
      </c>
      <c r="IS28" s="71">
        <v>1</v>
      </c>
      <c r="IT28" s="72">
        <v>9</v>
      </c>
      <c r="IU28" s="73">
        <v>21</v>
      </c>
      <c r="IV28" s="70">
        <v>1</v>
      </c>
      <c r="IW28" s="71">
        <v>8</v>
      </c>
      <c r="IX28" s="72">
        <v>9</v>
      </c>
      <c r="IY28" s="244"/>
      <c r="IZ28" s="71">
        <v>5</v>
      </c>
      <c r="JA28" s="71">
        <v>2</v>
      </c>
      <c r="JB28" s="71">
        <v>4</v>
      </c>
      <c r="JC28" s="71">
        <v>2</v>
      </c>
      <c r="JD28" s="71">
        <v>3</v>
      </c>
      <c r="JE28" s="72">
        <v>16</v>
      </c>
      <c r="JF28" s="73">
        <v>25</v>
      </c>
      <c r="JG28" s="70">
        <v>6</v>
      </c>
      <c r="JH28" s="71">
        <v>3</v>
      </c>
      <c r="JI28" s="72">
        <v>9</v>
      </c>
      <c r="JJ28" s="244"/>
      <c r="JK28" s="71">
        <v>7</v>
      </c>
      <c r="JL28" s="71">
        <v>9</v>
      </c>
      <c r="JM28" s="71">
        <v>3</v>
      </c>
      <c r="JN28" s="71">
        <v>4</v>
      </c>
      <c r="JO28" s="71">
        <v>2</v>
      </c>
      <c r="JP28" s="72">
        <v>25</v>
      </c>
      <c r="JQ28" s="73">
        <v>34</v>
      </c>
      <c r="JR28" s="70">
        <v>0</v>
      </c>
      <c r="JS28" s="71">
        <v>0</v>
      </c>
      <c r="JT28" s="72">
        <v>0</v>
      </c>
      <c r="JU28" s="244"/>
      <c r="JV28" s="71">
        <v>0</v>
      </c>
      <c r="JW28" s="71">
        <v>0</v>
      </c>
      <c r="JX28" s="71">
        <v>0</v>
      </c>
      <c r="JY28" s="71">
        <v>0</v>
      </c>
      <c r="JZ28" s="71">
        <v>0</v>
      </c>
      <c r="KA28" s="72">
        <v>0</v>
      </c>
      <c r="KB28" s="73">
        <v>0</v>
      </c>
      <c r="KC28" s="70">
        <v>17</v>
      </c>
      <c r="KD28" s="71">
        <v>22</v>
      </c>
      <c r="KE28" s="72">
        <v>39</v>
      </c>
      <c r="KF28" s="244"/>
      <c r="KG28" s="71">
        <v>19</v>
      </c>
      <c r="KH28" s="71">
        <v>20</v>
      </c>
      <c r="KI28" s="71">
        <v>9</v>
      </c>
      <c r="KJ28" s="71">
        <v>8</v>
      </c>
      <c r="KK28" s="71">
        <v>8</v>
      </c>
      <c r="KL28" s="72">
        <v>64</v>
      </c>
      <c r="KM28" s="73">
        <v>103</v>
      </c>
    </row>
    <row r="29" spans="2:299" ht="19.5" customHeight="1" x14ac:dyDescent="0.2">
      <c r="B29" s="126" t="s">
        <v>26</v>
      </c>
      <c r="C29" s="315">
        <v>14</v>
      </c>
      <c r="D29" s="82">
        <v>11</v>
      </c>
      <c r="E29" s="83">
        <v>25</v>
      </c>
      <c r="F29" s="241"/>
      <c r="G29" s="82">
        <v>23</v>
      </c>
      <c r="H29" s="82">
        <v>18</v>
      </c>
      <c r="I29" s="82">
        <v>8</v>
      </c>
      <c r="J29" s="82">
        <v>4</v>
      </c>
      <c r="K29" s="82">
        <v>2</v>
      </c>
      <c r="L29" s="84">
        <v>55</v>
      </c>
      <c r="M29" s="85">
        <v>80</v>
      </c>
      <c r="N29" s="70">
        <v>1</v>
      </c>
      <c r="O29" s="71">
        <v>0</v>
      </c>
      <c r="P29" s="72">
        <v>1</v>
      </c>
      <c r="Q29" s="244"/>
      <c r="R29" s="71">
        <v>2</v>
      </c>
      <c r="S29" s="71">
        <v>1</v>
      </c>
      <c r="T29" s="71">
        <v>0</v>
      </c>
      <c r="U29" s="71">
        <v>0</v>
      </c>
      <c r="V29" s="71">
        <v>0</v>
      </c>
      <c r="W29" s="72">
        <v>3</v>
      </c>
      <c r="X29" s="73">
        <v>4</v>
      </c>
      <c r="Y29" s="70">
        <v>2</v>
      </c>
      <c r="Z29" s="71">
        <v>0</v>
      </c>
      <c r="AA29" s="72">
        <v>2</v>
      </c>
      <c r="AB29" s="244"/>
      <c r="AC29" s="71">
        <v>0</v>
      </c>
      <c r="AD29" s="71">
        <v>3</v>
      </c>
      <c r="AE29" s="71">
        <v>1</v>
      </c>
      <c r="AF29" s="71">
        <v>0</v>
      </c>
      <c r="AG29" s="71">
        <v>0</v>
      </c>
      <c r="AH29" s="72">
        <v>4</v>
      </c>
      <c r="AI29" s="73">
        <v>6</v>
      </c>
      <c r="AJ29" s="70">
        <v>0</v>
      </c>
      <c r="AK29" s="71">
        <v>2</v>
      </c>
      <c r="AL29" s="72">
        <v>2</v>
      </c>
      <c r="AM29" s="244"/>
      <c r="AN29" s="71">
        <v>2</v>
      </c>
      <c r="AO29" s="71">
        <v>3</v>
      </c>
      <c r="AP29" s="71">
        <v>1</v>
      </c>
      <c r="AQ29" s="71">
        <v>1</v>
      </c>
      <c r="AR29" s="71">
        <v>0</v>
      </c>
      <c r="AS29" s="72">
        <v>7</v>
      </c>
      <c r="AT29" s="73">
        <v>9</v>
      </c>
      <c r="AU29" s="70">
        <v>1</v>
      </c>
      <c r="AV29" s="71">
        <v>2</v>
      </c>
      <c r="AW29" s="72">
        <v>3</v>
      </c>
      <c r="AX29" s="244"/>
      <c r="AY29" s="71">
        <v>7</v>
      </c>
      <c r="AZ29" s="71">
        <v>2</v>
      </c>
      <c r="BA29" s="71">
        <v>2</v>
      </c>
      <c r="BB29" s="71">
        <v>0</v>
      </c>
      <c r="BC29" s="71">
        <v>0</v>
      </c>
      <c r="BD29" s="72">
        <v>11</v>
      </c>
      <c r="BE29" s="73">
        <v>14</v>
      </c>
      <c r="BF29" s="70">
        <v>7</v>
      </c>
      <c r="BG29" s="71">
        <v>4</v>
      </c>
      <c r="BH29" s="72">
        <v>11</v>
      </c>
      <c r="BI29" s="244"/>
      <c r="BJ29" s="71">
        <v>2</v>
      </c>
      <c r="BK29" s="71">
        <v>6</v>
      </c>
      <c r="BL29" s="71">
        <v>1</v>
      </c>
      <c r="BM29" s="71">
        <v>1</v>
      </c>
      <c r="BN29" s="71">
        <v>2</v>
      </c>
      <c r="BO29" s="72">
        <v>12</v>
      </c>
      <c r="BP29" s="73">
        <v>23</v>
      </c>
      <c r="BQ29" s="70">
        <v>3</v>
      </c>
      <c r="BR29" s="71">
        <v>3</v>
      </c>
      <c r="BS29" s="72">
        <v>6</v>
      </c>
      <c r="BT29" s="244"/>
      <c r="BU29" s="71">
        <v>10</v>
      </c>
      <c r="BV29" s="71">
        <v>3</v>
      </c>
      <c r="BW29" s="71">
        <v>3</v>
      </c>
      <c r="BX29" s="71">
        <v>2</v>
      </c>
      <c r="BY29" s="71">
        <v>0</v>
      </c>
      <c r="BZ29" s="72">
        <v>18</v>
      </c>
      <c r="CA29" s="73">
        <v>24</v>
      </c>
      <c r="CB29" s="70">
        <v>0</v>
      </c>
      <c r="CC29" s="71">
        <v>0</v>
      </c>
      <c r="CD29" s="72">
        <v>0</v>
      </c>
      <c r="CE29" s="244"/>
      <c r="CF29" s="71">
        <v>0</v>
      </c>
      <c r="CG29" s="71">
        <v>0</v>
      </c>
      <c r="CH29" s="71">
        <v>0</v>
      </c>
      <c r="CI29" s="71">
        <v>0</v>
      </c>
      <c r="CJ29" s="71">
        <v>0</v>
      </c>
      <c r="CK29" s="72">
        <v>0</v>
      </c>
      <c r="CL29" s="73">
        <v>0</v>
      </c>
      <c r="CM29" s="70">
        <v>14</v>
      </c>
      <c r="CN29" s="71">
        <v>11</v>
      </c>
      <c r="CO29" s="72">
        <v>25</v>
      </c>
      <c r="CP29" s="244"/>
      <c r="CQ29" s="71">
        <v>23</v>
      </c>
      <c r="CR29" s="71">
        <v>18</v>
      </c>
      <c r="CS29" s="71">
        <v>8</v>
      </c>
      <c r="CT29" s="71">
        <v>4</v>
      </c>
      <c r="CU29" s="71">
        <v>2</v>
      </c>
      <c r="CV29" s="72">
        <v>55</v>
      </c>
      <c r="CW29" s="73">
        <v>80</v>
      </c>
      <c r="CX29" s="123">
        <v>7</v>
      </c>
      <c r="CY29" s="82">
        <v>6</v>
      </c>
      <c r="CZ29" s="83">
        <v>13</v>
      </c>
      <c r="DA29" s="241"/>
      <c r="DB29" s="82">
        <v>6</v>
      </c>
      <c r="DC29" s="82">
        <v>3</v>
      </c>
      <c r="DD29" s="82">
        <v>1</v>
      </c>
      <c r="DE29" s="82">
        <v>3</v>
      </c>
      <c r="DF29" s="82">
        <v>4</v>
      </c>
      <c r="DG29" s="84">
        <v>17</v>
      </c>
      <c r="DH29" s="85">
        <v>30</v>
      </c>
      <c r="DI29" s="70">
        <v>0</v>
      </c>
      <c r="DJ29" s="71">
        <v>0</v>
      </c>
      <c r="DK29" s="72">
        <v>0</v>
      </c>
      <c r="DL29" s="244"/>
      <c r="DM29" s="71">
        <v>0</v>
      </c>
      <c r="DN29" s="71">
        <v>0</v>
      </c>
      <c r="DO29" s="71">
        <v>0</v>
      </c>
      <c r="DP29" s="71">
        <v>0</v>
      </c>
      <c r="DQ29" s="71">
        <v>0</v>
      </c>
      <c r="DR29" s="72">
        <v>0</v>
      </c>
      <c r="DS29" s="73">
        <v>0</v>
      </c>
      <c r="DT29" s="70">
        <v>1</v>
      </c>
      <c r="DU29" s="71">
        <v>0</v>
      </c>
      <c r="DV29" s="72">
        <v>1</v>
      </c>
      <c r="DW29" s="244"/>
      <c r="DX29" s="71">
        <v>0</v>
      </c>
      <c r="DY29" s="71">
        <v>0</v>
      </c>
      <c r="DZ29" s="71">
        <v>0</v>
      </c>
      <c r="EA29" s="71">
        <v>0</v>
      </c>
      <c r="EB29" s="71">
        <v>0</v>
      </c>
      <c r="EC29" s="72">
        <v>0</v>
      </c>
      <c r="ED29" s="73">
        <v>1</v>
      </c>
      <c r="EE29" s="70">
        <v>2</v>
      </c>
      <c r="EF29" s="71">
        <v>0</v>
      </c>
      <c r="EG29" s="72">
        <v>2</v>
      </c>
      <c r="EH29" s="244"/>
      <c r="EI29" s="71">
        <v>0</v>
      </c>
      <c r="EJ29" s="71">
        <v>0</v>
      </c>
      <c r="EK29" s="71">
        <v>0</v>
      </c>
      <c r="EL29" s="71">
        <v>0</v>
      </c>
      <c r="EM29" s="71">
        <v>0</v>
      </c>
      <c r="EN29" s="72">
        <v>0</v>
      </c>
      <c r="EO29" s="73">
        <v>2</v>
      </c>
      <c r="EP29" s="70">
        <v>0</v>
      </c>
      <c r="EQ29" s="71">
        <v>0</v>
      </c>
      <c r="ER29" s="72">
        <v>0</v>
      </c>
      <c r="ES29" s="244"/>
      <c r="ET29" s="71">
        <v>0</v>
      </c>
      <c r="EU29" s="71">
        <v>0</v>
      </c>
      <c r="EV29" s="71">
        <v>0</v>
      </c>
      <c r="EW29" s="71">
        <v>0</v>
      </c>
      <c r="EX29" s="71">
        <v>0</v>
      </c>
      <c r="EY29" s="72">
        <v>0</v>
      </c>
      <c r="EZ29" s="73">
        <v>0</v>
      </c>
      <c r="FA29" s="70">
        <v>1</v>
      </c>
      <c r="FB29" s="71">
        <v>3</v>
      </c>
      <c r="FC29" s="72">
        <v>4</v>
      </c>
      <c r="FD29" s="244"/>
      <c r="FE29" s="71">
        <v>2</v>
      </c>
      <c r="FF29" s="71">
        <v>3</v>
      </c>
      <c r="FG29" s="71">
        <v>1</v>
      </c>
      <c r="FH29" s="71">
        <v>0</v>
      </c>
      <c r="FI29" s="71">
        <v>0</v>
      </c>
      <c r="FJ29" s="72">
        <v>6</v>
      </c>
      <c r="FK29" s="73">
        <v>10</v>
      </c>
      <c r="FL29" s="70">
        <v>3</v>
      </c>
      <c r="FM29" s="71">
        <v>3</v>
      </c>
      <c r="FN29" s="72">
        <v>6</v>
      </c>
      <c r="FO29" s="244"/>
      <c r="FP29" s="71">
        <v>4</v>
      </c>
      <c r="FQ29" s="71">
        <v>0</v>
      </c>
      <c r="FR29" s="71">
        <v>0</v>
      </c>
      <c r="FS29" s="71">
        <v>3</v>
      </c>
      <c r="FT29" s="71">
        <v>4</v>
      </c>
      <c r="FU29" s="72">
        <v>11</v>
      </c>
      <c r="FV29" s="73">
        <v>17</v>
      </c>
      <c r="FW29" s="70">
        <v>0</v>
      </c>
      <c r="FX29" s="71">
        <v>0</v>
      </c>
      <c r="FY29" s="72">
        <v>0</v>
      </c>
      <c r="FZ29" s="244"/>
      <c r="GA29" s="71">
        <v>0</v>
      </c>
      <c r="GB29" s="71">
        <v>0</v>
      </c>
      <c r="GC29" s="71">
        <v>0</v>
      </c>
      <c r="GD29" s="71">
        <v>0</v>
      </c>
      <c r="GE29" s="71">
        <v>0</v>
      </c>
      <c r="GF29" s="72">
        <v>0</v>
      </c>
      <c r="GG29" s="73">
        <v>0</v>
      </c>
      <c r="GH29" s="70">
        <v>7</v>
      </c>
      <c r="GI29" s="71">
        <v>6</v>
      </c>
      <c r="GJ29" s="72">
        <v>13</v>
      </c>
      <c r="GK29" s="244"/>
      <c r="GL29" s="71">
        <v>6</v>
      </c>
      <c r="GM29" s="71">
        <v>3</v>
      </c>
      <c r="GN29" s="71">
        <v>1</v>
      </c>
      <c r="GO29" s="71">
        <v>3</v>
      </c>
      <c r="GP29" s="71">
        <v>4</v>
      </c>
      <c r="GQ29" s="72">
        <v>17</v>
      </c>
      <c r="GR29" s="73">
        <v>30</v>
      </c>
      <c r="GS29" s="123">
        <v>21</v>
      </c>
      <c r="GT29" s="82">
        <v>17</v>
      </c>
      <c r="GU29" s="83">
        <v>38</v>
      </c>
      <c r="GV29" s="241"/>
      <c r="GW29" s="82">
        <v>29</v>
      </c>
      <c r="GX29" s="82">
        <v>21</v>
      </c>
      <c r="GY29" s="82">
        <v>9</v>
      </c>
      <c r="GZ29" s="82">
        <v>7</v>
      </c>
      <c r="HA29" s="82">
        <v>6</v>
      </c>
      <c r="HB29" s="84">
        <v>72</v>
      </c>
      <c r="HC29" s="85">
        <v>110</v>
      </c>
      <c r="HD29" s="70">
        <v>1</v>
      </c>
      <c r="HE29" s="71">
        <v>0</v>
      </c>
      <c r="HF29" s="72">
        <v>1</v>
      </c>
      <c r="HG29" s="244"/>
      <c r="HH29" s="71">
        <v>2</v>
      </c>
      <c r="HI29" s="71">
        <v>1</v>
      </c>
      <c r="HJ29" s="71">
        <v>0</v>
      </c>
      <c r="HK29" s="71">
        <v>0</v>
      </c>
      <c r="HL29" s="71">
        <v>0</v>
      </c>
      <c r="HM29" s="72">
        <v>3</v>
      </c>
      <c r="HN29" s="73">
        <v>4</v>
      </c>
      <c r="HO29" s="70">
        <v>3</v>
      </c>
      <c r="HP29" s="71">
        <v>0</v>
      </c>
      <c r="HQ29" s="72">
        <v>3</v>
      </c>
      <c r="HR29" s="244"/>
      <c r="HS29" s="71">
        <v>0</v>
      </c>
      <c r="HT29" s="71">
        <v>3</v>
      </c>
      <c r="HU29" s="71">
        <v>1</v>
      </c>
      <c r="HV29" s="71">
        <v>0</v>
      </c>
      <c r="HW29" s="71">
        <v>0</v>
      </c>
      <c r="HX29" s="72">
        <v>4</v>
      </c>
      <c r="HY29" s="73">
        <v>7</v>
      </c>
      <c r="HZ29" s="70">
        <v>2</v>
      </c>
      <c r="IA29" s="71">
        <v>2</v>
      </c>
      <c r="IB29" s="72">
        <v>4</v>
      </c>
      <c r="IC29" s="244"/>
      <c r="ID29" s="71">
        <v>2</v>
      </c>
      <c r="IE29" s="71">
        <v>3</v>
      </c>
      <c r="IF29" s="71">
        <v>1</v>
      </c>
      <c r="IG29" s="71">
        <v>1</v>
      </c>
      <c r="IH29" s="71">
        <v>0</v>
      </c>
      <c r="II29" s="72">
        <v>7</v>
      </c>
      <c r="IJ29" s="73">
        <v>11</v>
      </c>
      <c r="IK29" s="70">
        <v>1</v>
      </c>
      <c r="IL29" s="71">
        <v>2</v>
      </c>
      <c r="IM29" s="72">
        <v>3</v>
      </c>
      <c r="IN29" s="244"/>
      <c r="IO29" s="71">
        <v>7</v>
      </c>
      <c r="IP29" s="71">
        <v>2</v>
      </c>
      <c r="IQ29" s="71">
        <v>2</v>
      </c>
      <c r="IR29" s="71">
        <v>0</v>
      </c>
      <c r="IS29" s="71">
        <v>0</v>
      </c>
      <c r="IT29" s="72">
        <v>11</v>
      </c>
      <c r="IU29" s="73">
        <v>14</v>
      </c>
      <c r="IV29" s="70">
        <v>8</v>
      </c>
      <c r="IW29" s="71">
        <v>7</v>
      </c>
      <c r="IX29" s="72">
        <v>15</v>
      </c>
      <c r="IY29" s="244"/>
      <c r="IZ29" s="71">
        <v>4</v>
      </c>
      <c r="JA29" s="71">
        <v>9</v>
      </c>
      <c r="JB29" s="71">
        <v>2</v>
      </c>
      <c r="JC29" s="71">
        <v>1</v>
      </c>
      <c r="JD29" s="71">
        <v>2</v>
      </c>
      <c r="JE29" s="72">
        <v>18</v>
      </c>
      <c r="JF29" s="73">
        <v>33</v>
      </c>
      <c r="JG29" s="70">
        <v>6</v>
      </c>
      <c r="JH29" s="71">
        <v>6</v>
      </c>
      <c r="JI29" s="72">
        <v>12</v>
      </c>
      <c r="JJ29" s="244"/>
      <c r="JK29" s="71">
        <v>14</v>
      </c>
      <c r="JL29" s="71">
        <v>3</v>
      </c>
      <c r="JM29" s="71">
        <v>3</v>
      </c>
      <c r="JN29" s="71">
        <v>5</v>
      </c>
      <c r="JO29" s="71">
        <v>4</v>
      </c>
      <c r="JP29" s="72">
        <v>29</v>
      </c>
      <c r="JQ29" s="73">
        <v>41</v>
      </c>
      <c r="JR29" s="70">
        <v>0</v>
      </c>
      <c r="JS29" s="71">
        <v>0</v>
      </c>
      <c r="JT29" s="72">
        <v>0</v>
      </c>
      <c r="JU29" s="244"/>
      <c r="JV29" s="71">
        <v>0</v>
      </c>
      <c r="JW29" s="71">
        <v>0</v>
      </c>
      <c r="JX29" s="71">
        <v>0</v>
      </c>
      <c r="JY29" s="71">
        <v>0</v>
      </c>
      <c r="JZ29" s="71">
        <v>0</v>
      </c>
      <c r="KA29" s="72">
        <v>0</v>
      </c>
      <c r="KB29" s="73">
        <v>0</v>
      </c>
      <c r="KC29" s="70">
        <v>21</v>
      </c>
      <c r="KD29" s="71">
        <v>17</v>
      </c>
      <c r="KE29" s="72">
        <v>38</v>
      </c>
      <c r="KF29" s="244"/>
      <c r="KG29" s="71">
        <v>29</v>
      </c>
      <c r="KH29" s="71">
        <v>21</v>
      </c>
      <c r="KI29" s="71">
        <v>9</v>
      </c>
      <c r="KJ29" s="71">
        <v>7</v>
      </c>
      <c r="KK29" s="71">
        <v>6</v>
      </c>
      <c r="KL29" s="72">
        <v>72</v>
      </c>
      <c r="KM29" s="73">
        <v>110</v>
      </c>
    </row>
    <row r="30" spans="2:299" ht="19.5" customHeight="1" x14ac:dyDescent="0.2">
      <c r="B30" s="126" t="s">
        <v>27</v>
      </c>
      <c r="C30" s="315">
        <v>15</v>
      </c>
      <c r="D30" s="82">
        <v>20</v>
      </c>
      <c r="E30" s="83">
        <v>35</v>
      </c>
      <c r="F30" s="241"/>
      <c r="G30" s="82">
        <v>13</v>
      </c>
      <c r="H30" s="82">
        <v>12</v>
      </c>
      <c r="I30" s="82">
        <v>10</v>
      </c>
      <c r="J30" s="82">
        <v>5</v>
      </c>
      <c r="K30" s="82">
        <v>2</v>
      </c>
      <c r="L30" s="84">
        <v>42</v>
      </c>
      <c r="M30" s="85">
        <v>77</v>
      </c>
      <c r="N30" s="70">
        <v>2</v>
      </c>
      <c r="O30" s="71">
        <v>0</v>
      </c>
      <c r="P30" s="72">
        <v>2</v>
      </c>
      <c r="Q30" s="244"/>
      <c r="R30" s="71">
        <v>0</v>
      </c>
      <c r="S30" s="71">
        <v>0</v>
      </c>
      <c r="T30" s="71">
        <v>1</v>
      </c>
      <c r="U30" s="71">
        <v>0</v>
      </c>
      <c r="V30" s="71">
        <v>0</v>
      </c>
      <c r="W30" s="72">
        <v>1</v>
      </c>
      <c r="X30" s="73">
        <v>3</v>
      </c>
      <c r="Y30" s="70">
        <v>1</v>
      </c>
      <c r="Z30" s="71">
        <v>1</v>
      </c>
      <c r="AA30" s="72">
        <v>2</v>
      </c>
      <c r="AB30" s="244"/>
      <c r="AC30" s="71">
        <v>1</v>
      </c>
      <c r="AD30" s="71">
        <v>1</v>
      </c>
      <c r="AE30" s="71">
        <v>0</v>
      </c>
      <c r="AF30" s="71">
        <v>0</v>
      </c>
      <c r="AG30" s="71">
        <v>0</v>
      </c>
      <c r="AH30" s="72">
        <v>2</v>
      </c>
      <c r="AI30" s="73">
        <v>4</v>
      </c>
      <c r="AJ30" s="70">
        <v>1</v>
      </c>
      <c r="AK30" s="71">
        <v>4</v>
      </c>
      <c r="AL30" s="72">
        <v>5</v>
      </c>
      <c r="AM30" s="244"/>
      <c r="AN30" s="71">
        <v>1</v>
      </c>
      <c r="AO30" s="71">
        <v>2</v>
      </c>
      <c r="AP30" s="71">
        <v>1</v>
      </c>
      <c r="AQ30" s="71">
        <v>1</v>
      </c>
      <c r="AR30" s="71">
        <v>0</v>
      </c>
      <c r="AS30" s="72">
        <v>5</v>
      </c>
      <c r="AT30" s="73">
        <v>10</v>
      </c>
      <c r="AU30" s="70">
        <v>3</v>
      </c>
      <c r="AV30" s="71">
        <v>5</v>
      </c>
      <c r="AW30" s="72">
        <v>8</v>
      </c>
      <c r="AX30" s="244"/>
      <c r="AY30" s="71">
        <v>3</v>
      </c>
      <c r="AZ30" s="71">
        <v>2</v>
      </c>
      <c r="BA30" s="71">
        <v>4</v>
      </c>
      <c r="BB30" s="71">
        <v>0</v>
      </c>
      <c r="BC30" s="71">
        <v>1</v>
      </c>
      <c r="BD30" s="72">
        <v>10</v>
      </c>
      <c r="BE30" s="73">
        <v>18</v>
      </c>
      <c r="BF30" s="70">
        <v>4</v>
      </c>
      <c r="BG30" s="71">
        <v>8</v>
      </c>
      <c r="BH30" s="72">
        <v>12</v>
      </c>
      <c r="BI30" s="244"/>
      <c r="BJ30" s="71">
        <v>4</v>
      </c>
      <c r="BK30" s="71">
        <v>4</v>
      </c>
      <c r="BL30" s="71">
        <v>2</v>
      </c>
      <c r="BM30" s="71">
        <v>3</v>
      </c>
      <c r="BN30" s="71">
        <v>0</v>
      </c>
      <c r="BO30" s="72">
        <v>13</v>
      </c>
      <c r="BP30" s="73">
        <v>25</v>
      </c>
      <c r="BQ30" s="70">
        <v>4</v>
      </c>
      <c r="BR30" s="71">
        <v>2</v>
      </c>
      <c r="BS30" s="72">
        <v>6</v>
      </c>
      <c r="BT30" s="244"/>
      <c r="BU30" s="71">
        <v>4</v>
      </c>
      <c r="BV30" s="71">
        <v>3</v>
      </c>
      <c r="BW30" s="71">
        <v>2</v>
      </c>
      <c r="BX30" s="71">
        <v>1</v>
      </c>
      <c r="BY30" s="71">
        <v>1</v>
      </c>
      <c r="BZ30" s="72">
        <v>11</v>
      </c>
      <c r="CA30" s="73">
        <v>17</v>
      </c>
      <c r="CB30" s="70">
        <v>0</v>
      </c>
      <c r="CC30" s="71">
        <v>0</v>
      </c>
      <c r="CD30" s="72">
        <v>0</v>
      </c>
      <c r="CE30" s="244"/>
      <c r="CF30" s="71">
        <v>0</v>
      </c>
      <c r="CG30" s="71">
        <v>0</v>
      </c>
      <c r="CH30" s="71">
        <v>0</v>
      </c>
      <c r="CI30" s="71">
        <v>0</v>
      </c>
      <c r="CJ30" s="71">
        <v>0</v>
      </c>
      <c r="CK30" s="72">
        <v>0</v>
      </c>
      <c r="CL30" s="73">
        <v>0</v>
      </c>
      <c r="CM30" s="70">
        <v>15</v>
      </c>
      <c r="CN30" s="71">
        <v>20</v>
      </c>
      <c r="CO30" s="72">
        <v>35</v>
      </c>
      <c r="CP30" s="244"/>
      <c r="CQ30" s="71">
        <v>13</v>
      </c>
      <c r="CR30" s="71">
        <v>12</v>
      </c>
      <c r="CS30" s="71">
        <v>10</v>
      </c>
      <c r="CT30" s="71">
        <v>5</v>
      </c>
      <c r="CU30" s="71">
        <v>2</v>
      </c>
      <c r="CV30" s="72">
        <v>42</v>
      </c>
      <c r="CW30" s="73">
        <v>77</v>
      </c>
      <c r="CX30" s="123">
        <v>4</v>
      </c>
      <c r="CY30" s="82">
        <v>5</v>
      </c>
      <c r="CZ30" s="83">
        <v>9</v>
      </c>
      <c r="DA30" s="241"/>
      <c r="DB30" s="82">
        <v>3</v>
      </c>
      <c r="DC30" s="82">
        <v>2</v>
      </c>
      <c r="DD30" s="82">
        <v>8</v>
      </c>
      <c r="DE30" s="82">
        <v>2</v>
      </c>
      <c r="DF30" s="82">
        <v>1</v>
      </c>
      <c r="DG30" s="84">
        <v>16</v>
      </c>
      <c r="DH30" s="85">
        <v>25</v>
      </c>
      <c r="DI30" s="70">
        <v>0</v>
      </c>
      <c r="DJ30" s="71">
        <v>0</v>
      </c>
      <c r="DK30" s="72">
        <v>0</v>
      </c>
      <c r="DL30" s="244"/>
      <c r="DM30" s="71">
        <v>0</v>
      </c>
      <c r="DN30" s="71">
        <v>0</v>
      </c>
      <c r="DO30" s="71">
        <v>0</v>
      </c>
      <c r="DP30" s="71">
        <v>0</v>
      </c>
      <c r="DQ30" s="71">
        <v>0</v>
      </c>
      <c r="DR30" s="72">
        <v>0</v>
      </c>
      <c r="DS30" s="73">
        <v>0</v>
      </c>
      <c r="DT30" s="70">
        <v>0</v>
      </c>
      <c r="DU30" s="71">
        <v>1</v>
      </c>
      <c r="DV30" s="72">
        <v>1</v>
      </c>
      <c r="DW30" s="244"/>
      <c r="DX30" s="71">
        <v>0</v>
      </c>
      <c r="DY30" s="71">
        <v>0</v>
      </c>
      <c r="DZ30" s="71">
        <v>0</v>
      </c>
      <c r="EA30" s="71">
        <v>0</v>
      </c>
      <c r="EB30" s="71">
        <v>0</v>
      </c>
      <c r="EC30" s="72">
        <v>0</v>
      </c>
      <c r="ED30" s="73">
        <v>1</v>
      </c>
      <c r="EE30" s="70">
        <v>0</v>
      </c>
      <c r="EF30" s="71">
        <v>0</v>
      </c>
      <c r="EG30" s="72">
        <v>0</v>
      </c>
      <c r="EH30" s="244"/>
      <c r="EI30" s="71">
        <v>0</v>
      </c>
      <c r="EJ30" s="71">
        <v>1</v>
      </c>
      <c r="EK30" s="71">
        <v>0</v>
      </c>
      <c r="EL30" s="71">
        <v>0</v>
      </c>
      <c r="EM30" s="71">
        <v>0</v>
      </c>
      <c r="EN30" s="72">
        <v>1</v>
      </c>
      <c r="EO30" s="73">
        <v>1</v>
      </c>
      <c r="EP30" s="70">
        <v>2</v>
      </c>
      <c r="EQ30" s="71">
        <v>0</v>
      </c>
      <c r="ER30" s="72">
        <v>2</v>
      </c>
      <c r="ES30" s="244"/>
      <c r="ET30" s="71">
        <v>1</v>
      </c>
      <c r="EU30" s="71">
        <v>0</v>
      </c>
      <c r="EV30" s="71">
        <v>0</v>
      </c>
      <c r="EW30" s="71">
        <v>0</v>
      </c>
      <c r="EX30" s="71">
        <v>0</v>
      </c>
      <c r="EY30" s="72">
        <v>1</v>
      </c>
      <c r="EZ30" s="73">
        <v>3</v>
      </c>
      <c r="FA30" s="70">
        <v>2</v>
      </c>
      <c r="FB30" s="71">
        <v>3</v>
      </c>
      <c r="FC30" s="72">
        <v>5</v>
      </c>
      <c r="FD30" s="244"/>
      <c r="FE30" s="71">
        <v>1</v>
      </c>
      <c r="FF30" s="71">
        <v>0</v>
      </c>
      <c r="FG30" s="71">
        <v>4</v>
      </c>
      <c r="FH30" s="71">
        <v>0</v>
      </c>
      <c r="FI30" s="71">
        <v>0</v>
      </c>
      <c r="FJ30" s="72">
        <v>5</v>
      </c>
      <c r="FK30" s="73">
        <v>10</v>
      </c>
      <c r="FL30" s="70">
        <v>0</v>
      </c>
      <c r="FM30" s="71">
        <v>1</v>
      </c>
      <c r="FN30" s="72">
        <v>1</v>
      </c>
      <c r="FO30" s="244"/>
      <c r="FP30" s="71">
        <v>1</v>
      </c>
      <c r="FQ30" s="71">
        <v>1</v>
      </c>
      <c r="FR30" s="71">
        <v>4</v>
      </c>
      <c r="FS30" s="71">
        <v>2</v>
      </c>
      <c r="FT30" s="71">
        <v>1</v>
      </c>
      <c r="FU30" s="72">
        <v>9</v>
      </c>
      <c r="FV30" s="73">
        <v>10</v>
      </c>
      <c r="FW30" s="70">
        <v>0</v>
      </c>
      <c r="FX30" s="71">
        <v>0</v>
      </c>
      <c r="FY30" s="72">
        <v>0</v>
      </c>
      <c r="FZ30" s="244"/>
      <c r="GA30" s="71">
        <v>0</v>
      </c>
      <c r="GB30" s="71">
        <v>0</v>
      </c>
      <c r="GC30" s="71">
        <v>0</v>
      </c>
      <c r="GD30" s="71">
        <v>0</v>
      </c>
      <c r="GE30" s="71">
        <v>0</v>
      </c>
      <c r="GF30" s="72">
        <v>0</v>
      </c>
      <c r="GG30" s="73">
        <v>0</v>
      </c>
      <c r="GH30" s="70">
        <v>4</v>
      </c>
      <c r="GI30" s="71">
        <v>5</v>
      </c>
      <c r="GJ30" s="72">
        <v>9</v>
      </c>
      <c r="GK30" s="244"/>
      <c r="GL30" s="71">
        <v>3</v>
      </c>
      <c r="GM30" s="71">
        <v>2</v>
      </c>
      <c r="GN30" s="71">
        <v>8</v>
      </c>
      <c r="GO30" s="71">
        <v>2</v>
      </c>
      <c r="GP30" s="71">
        <v>1</v>
      </c>
      <c r="GQ30" s="72">
        <v>16</v>
      </c>
      <c r="GR30" s="73">
        <v>25</v>
      </c>
      <c r="GS30" s="123">
        <v>19</v>
      </c>
      <c r="GT30" s="82">
        <v>25</v>
      </c>
      <c r="GU30" s="83">
        <v>44</v>
      </c>
      <c r="GV30" s="241"/>
      <c r="GW30" s="82">
        <v>16</v>
      </c>
      <c r="GX30" s="82">
        <v>14</v>
      </c>
      <c r="GY30" s="82">
        <v>18</v>
      </c>
      <c r="GZ30" s="82">
        <v>7</v>
      </c>
      <c r="HA30" s="82">
        <v>3</v>
      </c>
      <c r="HB30" s="84">
        <v>58</v>
      </c>
      <c r="HC30" s="85">
        <v>102</v>
      </c>
      <c r="HD30" s="70">
        <v>2</v>
      </c>
      <c r="HE30" s="71">
        <v>0</v>
      </c>
      <c r="HF30" s="72">
        <v>2</v>
      </c>
      <c r="HG30" s="244"/>
      <c r="HH30" s="71">
        <v>0</v>
      </c>
      <c r="HI30" s="71">
        <v>0</v>
      </c>
      <c r="HJ30" s="71">
        <v>1</v>
      </c>
      <c r="HK30" s="71">
        <v>0</v>
      </c>
      <c r="HL30" s="71">
        <v>0</v>
      </c>
      <c r="HM30" s="72">
        <v>1</v>
      </c>
      <c r="HN30" s="73">
        <v>3</v>
      </c>
      <c r="HO30" s="70">
        <v>1</v>
      </c>
      <c r="HP30" s="71">
        <v>2</v>
      </c>
      <c r="HQ30" s="72">
        <v>3</v>
      </c>
      <c r="HR30" s="244"/>
      <c r="HS30" s="71">
        <v>1</v>
      </c>
      <c r="HT30" s="71">
        <v>1</v>
      </c>
      <c r="HU30" s="71">
        <v>0</v>
      </c>
      <c r="HV30" s="71">
        <v>0</v>
      </c>
      <c r="HW30" s="71">
        <v>0</v>
      </c>
      <c r="HX30" s="72">
        <v>2</v>
      </c>
      <c r="HY30" s="73">
        <v>5</v>
      </c>
      <c r="HZ30" s="70">
        <v>1</v>
      </c>
      <c r="IA30" s="71">
        <v>4</v>
      </c>
      <c r="IB30" s="72">
        <v>5</v>
      </c>
      <c r="IC30" s="244"/>
      <c r="ID30" s="71">
        <v>1</v>
      </c>
      <c r="IE30" s="71">
        <v>3</v>
      </c>
      <c r="IF30" s="71">
        <v>1</v>
      </c>
      <c r="IG30" s="71">
        <v>1</v>
      </c>
      <c r="IH30" s="71">
        <v>0</v>
      </c>
      <c r="II30" s="72">
        <v>6</v>
      </c>
      <c r="IJ30" s="73">
        <v>11</v>
      </c>
      <c r="IK30" s="70">
        <v>5</v>
      </c>
      <c r="IL30" s="71">
        <v>5</v>
      </c>
      <c r="IM30" s="72">
        <v>10</v>
      </c>
      <c r="IN30" s="244"/>
      <c r="IO30" s="71">
        <v>4</v>
      </c>
      <c r="IP30" s="71">
        <v>2</v>
      </c>
      <c r="IQ30" s="71">
        <v>4</v>
      </c>
      <c r="IR30" s="71">
        <v>0</v>
      </c>
      <c r="IS30" s="71">
        <v>1</v>
      </c>
      <c r="IT30" s="72">
        <v>11</v>
      </c>
      <c r="IU30" s="73">
        <v>21</v>
      </c>
      <c r="IV30" s="70">
        <v>6</v>
      </c>
      <c r="IW30" s="71">
        <v>11</v>
      </c>
      <c r="IX30" s="72">
        <v>17</v>
      </c>
      <c r="IY30" s="244"/>
      <c r="IZ30" s="71">
        <v>5</v>
      </c>
      <c r="JA30" s="71">
        <v>4</v>
      </c>
      <c r="JB30" s="71">
        <v>6</v>
      </c>
      <c r="JC30" s="71">
        <v>3</v>
      </c>
      <c r="JD30" s="71">
        <v>0</v>
      </c>
      <c r="JE30" s="72">
        <v>18</v>
      </c>
      <c r="JF30" s="73">
        <v>35</v>
      </c>
      <c r="JG30" s="70">
        <v>4</v>
      </c>
      <c r="JH30" s="71">
        <v>3</v>
      </c>
      <c r="JI30" s="72">
        <v>7</v>
      </c>
      <c r="JJ30" s="244"/>
      <c r="JK30" s="71">
        <v>5</v>
      </c>
      <c r="JL30" s="71">
        <v>4</v>
      </c>
      <c r="JM30" s="71">
        <v>6</v>
      </c>
      <c r="JN30" s="71">
        <v>3</v>
      </c>
      <c r="JO30" s="71">
        <v>2</v>
      </c>
      <c r="JP30" s="72">
        <v>20</v>
      </c>
      <c r="JQ30" s="73">
        <v>27</v>
      </c>
      <c r="JR30" s="70">
        <v>0</v>
      </c>
      <c r="JS30" s="71">
        <v>0</v>
      </c>
      <c r="JT30" s="72">
        <v>0</v>
      </c>
      <c r="JU30" s="244"/>
      <c r="JV30" s="71">
        <v>0</v>
      </c>
      <c r="JW30" s="71">
        <v>0</v>
      </c>
      <c r="JX30" s="71">
        <v>0</v>
      </c>
      <c r="JY30" s="71">
        <v>0</v>
      </c>
      <c r="JZ30" s="71">
        <v>0</v>
      </c>
      <c r="KA30" s="72">
        <v>0</v>
      </c>
      <c r="KB30" s="73">
        <v>0</v>
      </c>
      <c r="KC30" s="70">
        <v>19</v>
      </c>
      <c r="KD30" s="71">
        <v>25</v>
      </c>
      <c r="KE30" s="72">
        <v>44</v>
      </c>
      <c r="KF30" s="244"/>
      <c r="KG30" s="71">
        <v>16</v>
      </c>
      <c r="KH30" s="71">
        <v>14</v>
      </c>
      <c r="KI30" s="71">
        <v>18</v>
      </c>
      <c r="KJ30" s="71">
        <v>7</v>
      </c>
      <c r="KK30" s="71">
        <v>3</v>
      </c>
      <c r="KL30" s="72">
        <v>58</v>
      </c>
      <c r="KM30" s="73">
        <v>102</v>
      </c>
    </row>
    <row r="31" spans="2:299" ht="19.5" customHeight="1" x14ac:dyDescent="0.2">
      <c r="B31" s="126" t="s">
        <v>28</v>
      </c>
      <c r="C31" s="315">
        <v>2</v>
      </c>
      <c r="D31" s="82">
        <v>1</v>
      </c>
      <c r="E31" s="83">
        <v>3</v>
      </c>
      <c r="F31" s="241"/>
      <c r="G31" s="82">
        <v>9</v>
      </c>
      <c r="H31" s="82">
        <v>5</v>
      </c>
      <c r="I31" s="82">
        <v>3</v>
      </c>
      <c r="J31" s="82">
        <v>1</v>
      </c>
      <c r="K31" s="82">
        <v>4</v>
      </c>
      <c r="L31" s="84">
        <v>22</v>
      </c>
      <c r="M31" s="85">
        <v>25</v>
      </c>
      <c r="N31" s="70">
        <v>0</v>
      </c>
      <c r="O31" s="71">
        <v>0</v>
      </c>
      <c r="P31" s="72">
        <v>0</v>
      </c>
      <c r="Q31" s="244"/>
      <c r="R31" s="71">
        <v>0</v>
      </c>
      <c r="S31" s="71">
        <v>0</v>
      </c>
      <c r="T31" s="71">
        <v>1</v>
      </c>
      <c r="U31" s="71">
        <v>0</v>
      </c>
      <c r="V31" s="71">
        <v>0</v>
      </c>
      <c r="W31" s="72">
        <v>1</v>
      </c>
      <c r="X31" s="73">
        <v>1</v>
      </c>
      <c r="Y31" s="70">
        <v>0</v>
      </c>
      <c r="Z31" s="71">
        <v>1</v>
      </c>
      <c r="AA31" s="72">
        <v>1</v>
      </c>
      <c r="AB31" s="244"/>
      <c r="AC31" s="71">
        <v>1</v>
      </c>
      <c r="AD31" s="71">
        <v>1</v>
      </c>
      <c r="AE31" s="71">
        <v>0</v>
      </c>
      <c r="AF31" s="71">
        <v>0</v>
      </c>
      <c r="AG31" s="71">
        <v>0</v>
      </c>
      <c r="AH31" s="72">
        <v>2</v>
      </c>
      <c r="AI31" s="73">
        <v>3</v>
      </c>
      <c r="AJ31" s="70">
        <v>0</v>
      </c>
      <c r="AK31" s="71">
        <v>0</v>
      </c>
      <c r="AL31" s="72">
        <v>0</v>
      </c>
      <c r="AM31" s="244"/>
      <c r="AN31" s="71">
        <v>0</v>
      </c>
      <c r="AO31" s="71">
        <v>2</v>
      </c>
      <c r="AP31" s="71">
        <v>0</v>
      </c>
      <c r="AQ31" s="71">
        <v>0</v>
      </c>
      <c r="AR31" s="71">
        <v>0</v>
      </c>
      <c r="AS31" s="72">
        <v>2</v>
      </c>
      <c r="AT31" s="73">
        <v>2</v>
      </c>
      <c r="AU31" s="70">
        <v>1</v>
      </c>
      <c r="AV31" s="71">
        <v>0</v>
      </c>
      <c r="AW31" s="72">
        <v>1</v>
      </c>
      <c r="AX31" s="244"/>
      <c r="AY31" s="71">
        <v>2</v>
      </c>
      <c r="AZ31" s="71">
        <v>1</v>
      </c>
      <c r="BA31" s="71">
        <v>0</v>
      </c>
      <c r="BB31" s="71">
        <v>0</v>
      </c>
      <c r="BC31" s="71">
        <v>2</v>
      </c>
      <c r="BD31" s="72">
        <v>5</v>
      </c>
      <c r="BE31" s="73">
        <v>6</v>
      </c>
      <c r="BF31" s="70">
        <v>1</v>
      </c>
      <c r="BG31" s="71">
        <v>0</v>
      </c>
      <c r="BH31" s="72">
        <v>1</v>
      </c>
      <c r="BI31" s="244"/>
      <c r="BJ31" s="71">
        <v>2</v>
      </c>
      <c r="BK31" s="71">
        <v>0</v>
      </c>
      <c r="BL31" s="71">
        <v>0</v>
      </c>
      <c r="BM31" s="71">
        <v>1</v>
      </c>
      <c r="BN31" s="71">
        <v>0</v>
      </c>
      <c r="BO31" s="72">
        <v>3</v>
      </c>
      <c r="BP31" s="73">
        <v>4</v>
      </c>
      <c r="BQ31" s="70">
        <v>0</v>
      </c>
      <c r="BR31" s="71">
        <v>0</v>
      </c>
      <c r="BS31" s="72">
        <v>0</v>
      </c>
      <c r="BT31" s="244"/>
      <c r="BU31" s="71">
        <v>4</v>
      </c>
      <c r="BV31" s="71">
        <v>1</v>
      </c>
      <c r="BW31" s="71">
        <v>2</v>
      </c>
      <c r="BX31" s="71">
        <v>0</v>
      </c>
      <c r="BY31" s="71">
        <v>2</v>
      </c>
      <c r="BZ31" s="72">
        <v>9</v>
      </c>
      <c r="CA31" s="73">
        <v>9</v>
      </c>
      <c r="CB31" s="70">
        <v>0</v>
      </c>
      <c r="CC31" s="71">
        <v>0</v>
      </c>
      <c r="CD31" s="72">
        <v>0</v>
      </c>
      <c r="CE31" s="244"/>
      <c r="CF31" s="71">
        <v>0</v>
      </c>
      <c r="CG31" s="71">
        <v>0</v>
      </c>
      <c r="CH31" s="71">
        <v>0</v>
      </c>
      <c r="CI31" s="71">
        <v>0</v>
      </c>
      <c r="CJ31" s="71">
        <v>0</v>
      </c>
      <c r="CK31" s="72">
        <v>0</v>
      </c>
      <c r="CL31" s="73">
        <v>0</v>
      </c>
      <c r="CM31" s="70">
        <v>2</v>
      </c>
      <c r="CN31" s="71">
        <v>1</v>
      </c>
      <c r="CO31" s="72">
        <v>3</v>
      </c>
      <c r="CP31" s="244"/>
      <c r="CQ31" s="71">
        <v>9</v>
      </c>
      <c r="CR31" s="71">
        <v>5</v>
      </c>
      <c r="CS31" s="71">
        <v>3</v>
      </c>
      <c r="CT31" s="71">
        <v>1</v>
      </c>
      <c r="CU31" s="71">
        <v>4</v>
      </c>
      <c r="CV31" s="72">
        <v>22</v>
      </c>
      <c r="CW31" s="73">
        <v>25</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2</v>
      </c>
      <c r="GT31" s="82">
        <v>1</v>
      </c>
      <c r="GU31" s="83">
        <v>3</v>
      </c>
      <c r="GV31" s="241"/>
      <c r="GW31" s="82">
        <v>9</v>
      </c>
      <c r="GX31" s="82">
        <v>6</v>
      </c>
      <c r="GY31" s="82">
        <v>4</v>
      </c>
      <c r="GZ31" s="82">
        <v>3</v>
      </c>
      <c r="HA31" s="82">
        <v>4</v>
      </c>
      <c r="HB31" s="84">
        <v>26</v>
      </c>
      <c r="HC31" s="85">
        <v>29</v>
      </c>
      <c r="HD31" s="70">
        <v>0</v>
      </c>
      <c r="HE31" s="71">
        <v>0</v>
      </c>
      <c r="HF31" s="72">
        <v>0</v>
      </c>
      <c r="HG31" s="244"/>
      <c r="HH31" s="71">
        <v>0</v>
      </c>
      <c r="HI31" s="71">
        <v>0</v>
      </c>
      <c r="HJ31" s="71">
        <v>1</v>
      </c>
      <c r="HK31" s="71">
        <v>0</v>
      </c>
      <c r="HL31" s="71">
        <v>0</v>
      </c>
      <c r="HM31" s="72">
        <v>1</v>
      </c>
      <c r="HN31" s="73">
        <v>1</v>
      </c>
      <c r="HO31" s="70">
        <v>0</v>
      </c>
      <c r="HP31" s="71">
        <v>1</v>
      </c>
      <c r="HQ31" s="72">
        <v>1</v>
      </c>
      <c r="HR31" s="244"/>
      <c r="HS31" s="71">
        <v>1</v>
      </c>
      <c r="HT31" s="71">
        <v>1</v>
      </c>
      <c r="HU31" s="71">
        <v>1</v>
      </c>
      <c r="HV31" s="71">
        <v>0</v>
      </c>
      <c r="HW31" s="71">
        <v>0</v>
      </c>
      <c r="HX31" s="72">
        <v>3</v>
      </c>
      <c r="HY31" s="73">
        <v>4</v>
      </c>
      <c r="HZ31" s="70">
        <v>0</v>
      </c>
      <c r="IA31" s="71">
        <v>0</v>
      </c>
      <c r="IB31" s="72">
        <v>0</v>
      </c>
      <c r="IC31" s="244"/>
      <c r="ID31" s="71">
        <v>0</v>
      </c>
      <c r="IE31" s="71">
        <v>2</v>
      </c>
      <c r="IF31" s="71">
        <v>0</v>
      </c>
      <c r="IG31" s="71">
        <v>0</v>
      </c>
      <c r="IH31" s="71">
        <v>0</v>
      </c>
      <c r="II31" s="72">
        <v>2</v>
      </c>
      <c r="IJ31" s="73">
        <v>2</v>
      </c>
      <c r="IK31" s="70">
        <v>1</v>
      </c>
      <c r="IL31" s="71">
        <v>0</v>
      </c>
      <c r="IM31" s="72">
        <v>1</v>
      </c>
      <c r="IN31" s="244"/>
      <c r="IO31" s="71">
        <v>2</v>
      </c>
      <c r="IP31" s="71">
        <v>2</v>
      </c>
      <c r="IQ31" s="71">
        <v>0</v>
      </c>
      <c r="IR31" s="71">
        <v>0</v>
      </c>
      <c r="IS31" s="71">
        <v>2</v>
      </c>
      <c r="IT31" s="72">
        <v>6</v>
      </c>
      <c r="IU31" s="73">
        <v>7</v>
      </c>
      <c r="IV31" s="70">
        <v>1</v>
      </c>
      <c r="IW31" s="71">
        <v>0</v>
      </c>
      <c r="IX31" s="72">
        <v>1</v>
      </c>
      <c r="IY31" s="244"/>
      <c r="IZ31" s="71">
        <v>2</v>
      </c>
      <c r="JA31" s="71">
        <v>0</v>
      </c>
      <c r="JB31" s="71">
        <v>0</v>
      </c>
      <c r="JC31" s="71">
        <v>3</v>
      </c>
      <c r="JD31" s="71">
        <v>0</v>
      </c>
      <c r="JE31" s="72">
        <v>5</v>
      </c>
      <c r="JF31" s="73">
        <v>6</v>
      </c>
      <c r="JG31" s="70">
        <v>0</v>
      </c>
      <c r="JH31" s="71">
        <v>0</v>
      </c>
      <c r="JI31" s="72">
        <v>0</v>
      </c>
      <c r="JJ31" s="244"/>
      <c r="JK31" s="71">
        <v>4</v>
      </c>
      <c r="JL31" s="71">
        <v>1</v>
      </c>
      <c r="JM31" s="71">
        <v>2</v>
      </c>
      <c r="JN31" s="71">
        <v>0</v>
      </c>
      <c r="JO31" s="71">
        <v>2</v>
      </c>
      <c r="JP31" s="72">
        <v>9</v>
      </c>
      <c r="JQ31" s="73">
        <v>9</v>
      </c>
      <c r="JR31" s="70">
        <v>0</v>
      </c>
      <c r="JS31" s="71">
        <v>0</v>
      </c>
      <c r="JT31" s="72">
        <v>0</v>
      </c>
      <c r="JU31" s="244"/>
      <c r="JV31" s="71">
        <v>0</v>
      </c>
      <c r="JW31" s="71">
        <v>0</v>
      </c>
      <c r="JX31" s="71">
        <v>0</v>
      </c>
      <c r="JY31" s="71">
        <v>0</v>
      </c>
      <c r="JZ31" s="71">
        <v>0</v>
      </c>
      <c r="KA31" s="72">
        <v>0</v>
      </c>
      <c r="KB31" s="73">
        <v>0</v>
      </c>
      <c r="KC31" s="70">
        <v>2</v>
      </c>
      <c r="KD31" s="71">
        <v>1</v>
      </c>
      <c r="KE31" s="72">
        <v>3</v>
      </c>
      <c r="KF31" s="244"/>
      <c r="KG31" s="71">
        <v>9</v>
      </c>
      <c r="KH31" s="71">
        <v>6</v>
      </c>
      <c r="KI31" s="71">
        <v>4</v>
      </c>
      <c r="KJ31" s="71">
        <v>3</v>
      </c>
      <c r="KK31" s="71">
        <v>4</v>
      </c>
      <c r="KL31" s="72">
        <v>26</v>
      </c>
      <c r="KM31" s="73">
        <v>29</v>
      </c>
    </row>
    <row r="32" spans="2:299" ht="19.5" customHeight="1" x14ac:dyDescent="0.2">
      <c r="B32" s="126" t="s">
        <v>29</v>
      </c>
      <c r="C32" s="315">
        <v>3</v>
      </c>
      <c r="D32" s="82">
        <v>2</v>
      </c>
      <c r="E32" s="83">
        <v>5</v>
      </c>
      <c r="F32" s="241"/>
      <c r="G32" s="82">
        <v>4</v>
      </c>
      <c r="H32" s="82">
        <v>2</v>
      </c>
      <c r="I32" s="82">
        <v>7</v>
      </c>
      <c r="J32" s="82">
        <v>3</v>
      </c>
      <c r="K32" s="82">
        <v>1</v>
      </c>
      <c r="L32" s="84">
        <v>17</v>
      </c>
      <c r="M32" s="85">
        <v>22</v>
      </c>
      <c r="N32" s="70">
        <v>0</v>
      </c>
      <c r="O32" s="71">
        <v>0</v>
      </c>
      <c r="P32" s="72">
        <v>0</v>
      </c>
      <c r="Q32" s="244"/>
      <c r="R32" s="71">
        <v>0</v>
      </c>
      <c r="S32" s="71">
        <v>0</v>
      </c>
      <c r="T32" s="71">
        <v>1</v>
      </c>
      <c r="U32" s="71">
        <v>0</v>
      </c>
      <c r="V32" s="71">
        <v>0</v>
      </c>
      <c r="W32" s="72">
        <v>1</v>
      </c>
      <c r="X32" s="73">
        <v>1</v>
      </c>
      <c r="Y32" s="70">
        <v>0</v>
      </c>
      <c r="Z32" s="71">
        <v>0</v>
      </c>
      <c r="AA32" s="72">
        <v>0</v>
      </c>
      <c r="AB32" s="244"/>
      <c r="AC32" s="71">
        <v>1</v>
      </c>
      <c r="AD32" s="71">
        <v>0</v>
      </c>
      <c r="AE32" s="71">
        <v>0</v>
      </c>
      <c r="AF32" s="71">
        <v>1</v>
      </c>
      <c r="AG32" s="71">
        <v>1</v>
      </c>
      <c r="AH32" s="72">
        <v>3</v>
      </c>
      <c r="AI32" s="73">
        <v>3</v>
      </c>
      <c r="AJ32" s="70">
        <v>1</v>
      </c>
      <c r="AK32" s="71">
        <v>1</v>
      </c>
      <c r="AL32" s="72">
        <v>2</v>
      </c>
      <c r="AM32" s="244"/>
      <c r="AN32" s="71">
        <v>0</v>
      </c>
      <c r="AO32" s="71">
        <v>0</v>
      </c>
      <c r="AP32" s="71">
        <v>0</v>
      </c>
      <c r="AQ32" s="71">
        <v>0</v>
      </c>
      <c r="AR32" s="71">
        <v>0</v>
      </c>
      <c r="AS32" s="72">
        <v>0</v>
      </c>
      <c r="AT32" s="73">
        <v>2</v>
      </c>
      <c r="AU32" s="70">
        <v>1</v>
      </c>
      <c r="AV32" s="71">
        <v>0</v>
      </c>
      <c r="AW32" s="72">
        <v>1</v>
      </c>
      <c r="AX32" s="244"/>
      <c r="AY32" s="71">
        <v>1</v>
      </c>
      <c r="AZ32" s="71">
        <v>1</v>
      </c>
      <c r="BA32" s="71">
        <v>4</v>
      </c>
      <c r="BB32" s="71">
        <v>1</v>
      </c>
      <c r="BC32" s="71">
        <v>0</v>
      </c>
      <c r="BD32" s="72">
        <v>7</v>
      </c>
      <c r="BE32" s="73">
        <v>8</v>
      </c>
      <c r="BF32" s="70">
        <v>1</v>
      </c>
      <c r="BG32" s="71">
        <v>1</v>
      </c>
      <c r="BH32" s="72">
        <v>2</v>
      </c>
      <c r="BI32" s="244"/>
      <c r="BJ32" s="71">
        <v>1</v>
      </c>
      <c r="BK32" s="71">
        <v>0</v>
      </c>
      <c r="BL32" s="71">
        <v>1</v>
      </c>
      <c r="BM32" s="71">
        <v>0</v>
      </c>
      <c r="BN32" s="71">
        <v>0</v>
      </c>
      <c r="BO32" s="72">
        <v>2</v>
      </c>
      <c r="BP32" s="73">
        <v>4</v>
      </c>
      <c r="BQ32" s="70">
        <v>0</v>
      </c>
      <c r="BR32" s="71">
        <v>0</v>
      </c>
      <c r="BS32" s="72">
        <v>0</v>
      </c>
      <c r="BT32" s="244"/>
      <c r="BU32" s="71">
        <v>1</v>
      </c>
      <c r="BV32" s="71">
        <v>1</v>
      </c>
      <c r="BW32" s="71">
        <v>1</v>
      </c>
      <c r="BX32" s="71">
        <v>1</v>
      </c>
      <c r="BY32" s="71">
        <v>0</v>
      </c>
      <c r="BZ32" s="72">
        <v>4</v>
      </c>
      <c r="CA32" s="73">
        <v>4</v>
      </c>
      <c r="CB32" s="70">
        <v>0</v>
      </c>
      <c r="CC32" s="71">
        <v>0</v>
      </c>
      <c r="CD32" s="72">
        <v>0</v>
      </c>
      <c r="CE32" s="244"/>
      <c r="CF32" s="71">
        <v>0</v>
      </c>
      <c r="CG32" s="71">
        <v>0</v>
      </c>
      <c r="CH32" s="71">
        <v>0</v>
      </c>
      <c r="CI32" s="71">
        <v>0</v>
      </c>
      <c r="CJ32" s="71">
        <v>0</v>
      </c>
      <c r="CK32" s="72">
        <v>0</v>
      </c>
      <c r="CL32" s="73">
        <v>0</v>
      </c>
      <c r="CM32" s="70">
        <v>3</v>
      </c>
      <c r="CN32" s="71">
        <v>2</v>
      </c>
      <c r="CO32" s="72">
        <v>5</v>
      </c>
      <c r="CP32" s="244"/>
      <c r="CQ32" s="71">
        <v>4</v>
      </c>
      <c r="CR32" s="71">
        <v>2</v>
      </c>
      <c r="CS32" s="71">
        <v>7</v>
      </c>
      <c r="CT32" s="71">
        <v>3</v>
      </c>
      <c r="CU32" s="71">
        <v>1</v>
      </c>
      <c r="CV32" s="72">
        <v>17</v>
      </c>
      <c r="CW32" s="73">
        <v>22</v>
      </c>
      <c r="CX32" s="123">
        <v>2</v>
      </c>
      <c r="CY32" s="82">
        <v>2</v>
      </c>
      <c r="CZ32" s="83">
        <v>4</v>
      </c>
      <c r="DA32" s="241"/>
      <c r="DB32" s="82">
        <v>5</v>
      </c>
      <c r="DC32" s="82">
        <v>0</v>
      </c>
      <c r="DD32" s="82">
        <v>2</v>
      </c>
      <c r="DE32" s="82">
        <v>2</v>
      </c>
      <c r="DF32" s="82">
        <v>0</v>
      </c>
      <c r="DG32" s="84">
        <v>9</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2</v>
      </c>
      <c r="EF32" s="71">
        <v>0</v>
      </c>
      <c r="EG32" s="72">
        <v>2</v>
      </c>
      <c r="EH32" s="244"/>
      <c r="EI32" s="71">
        <v>0</v>
      </c>
      <c r="EJ32" s="71">
        <v>0</v>
      </c>
      <c r="EK32" s="71">
        <v>0</v>
      </c>
      <c r="EL32" s="71">
        <v>1</v>
      </c>
      <c r="EM32" s="71">
        <v>0</v>
      </c>
      <c r="EN32" s="72">
        <v>1</v>
      </c>
      <c r="EO32" s="73">
        <v>3</v>
      </c>
      <c r="EP32" s="70">
        <v>0</v>
      </c>
      <c r="EQ32" s="71">
        <v>0</v>
      </c>
      <c r="ER32" s="72">
        <v>0</v>
      </c>
      <c r="ES32" s="244"/>
      <c r="ET32" s="71">
        <v>3</v>
      </c>
      <c r="EU32" s="71">
        <v>0</v>
      </c>
      <c r="EV32" s="71">
        <v>1</v>
      </c>
      <c r="EW32" s="71">
        <v>0</v>
      </c>
      <c r="EX32" s="71">
        <v>0</v>
      </c>
      <c r="EY32" s="72">
        <v>4</v>
      </c>
      <c r="EZ32" s="73">
        <v>4</v>
      </c>
      <c r="FA32" s="70">
        <v>0</v>
      </c>
      <c r="FB32" s="71">
        <v>2</v>
      </c>
      <c r="FC32" s="72">
        <v>2</v>
      </c>
      <c r="FD32" s="244"/>
      <c r="FE32" s="71">
        <v>2</v>
      </c>
      <c r="FF32" s="71">
        <v>0</v>
      </c>
      <c r="FG32" s="71">
        <v>0</v>
      </c>
      <c r="FH32" s="71">
        <v>0</v>
      </c>
      <c r="FI32" s="71">
        <v>0</v>
      </c>
      <c r="FJ32" s="72">
        <v>2</v>
      </c>
      <c r="FK32" s="73">
        <v>4</v>
      </c>
      <c r="FL32" s="70">
        <v>0</v>
      </c>
      <c r="FM32" s="71">
        <v>0</v>
      </c>
      <c r="FN32" s="72">
        <v>0</v>
      </c>
      <c r="FO32" s="244"/>
      <c r="FP32" s="71">
        <v>0</v>
      </c>
      <c r="FQ32" s="71">
        <v>0</v>
      </c>
      <c r="FR32" s="71">
        <v>1</v>
      </c>
      <c r="FS32" s="71">
        <v>1</v>
      </c>
      <c r="FT32" s="71">
        <v>0</v>
      </c>
      <c r="FU32" s="72">
        <v>2</v>
      </c>
      <c r="FV32" s="73">
        <v>2</v>
      </c>
      <c r="FW32" s="70">
        <v>0</v>
      </c>
      <c r="FX32" s="71">
        <v>0</v>
      </c>
      <c r="FY32" s="72">
        <v>0</v>
      </c>
      <c r="FZ32" s="244"/>
      <c r="GA32" s="71">
        <v>0</v>
      </c>
      <c r="GB32" s="71">
        <v>0</v>
      </c>
      <c r="GC32" s="71">
        <v>0</v>
      </c>
      <c r="GD32" s="71">
        <v>0</v>
      </c>
      <c r="GE32" s="71">
        <v>0</v>
      </c>
      <c r="GF32" s="72">
        <v>0</v>
      </c>
      <c r="GG32" s="73">
        <v>0</v>
      </c>
      <c r="GH32" s="70">
        <v>2</v>
      </c>
      <c r="GI32" s="71">
        <v>2</v>
      </c>
      <c r="GJ32" s="72">
        <v>4</v>
      </c>
      <c r="GK32" s="244"/>
      <c r="GL32" s="71">
        <v>5</v>
      </c>
      <c r="GM32" s="71">
        <v>0</v>
      </c>
      <c r="GN32" s="71">
        <v>2</v>
      </c>
      <c r="GO32" s="71">
        <v>2</v>
      </c>
      <c r="GP32" s="71">
        <v>0</v>
      </c>
      <c r="GQ32" s="72">
        <v>9</v>
      </c>
      <c r="GR32" s="73">
        <v>13</v>
      </c>
      <c r="GS32" s="123">
        <v>5</v>
      </c>
      <c r="GT32" s="82">
        <v>4</v>
      </c>
      <c r="GU32" s="83">
        <v>9</v>
      </c>
      <c r="GV32" s="241"/>
      <c r="GW32" s="82">
        <v>9</v>
      </c>
      <c r="GX32" s="82">
        <v>2</v>
      </c>
      <c r="GY32" s="82">
        <v>9</v>
      </c>
      <c r="GZ32" s="82">
        <v>5</v>
      </c>
      <c r="HA32" s="82">
        <v>1</v>
      </c>
      <c r="HB32" s="84">
        <v>26</v>
      </c>
      <c r="HC32" s="85">
        <v>35</v>
      </c>
      <c r="HD32" s="70">
        <v>0</v>
      </c>
      <c r="HE32" s="71">
        <v>0</v>
      </c>
      <c r="HF32" s="72">
        <v>0</v>
      </c>
      <c r="HG32" s="244"/>
      <c r="HH32" s="71">
        <v>0</v>
      </c>
      <c r="HI32" s="71">
        <v>0</v>
      </c>
      <c r="HJ32" s="71">
        <v>1</v>
      </c>
      <c r="HK32" s="71">
        <v>0</v>
      </c>
      <c r="HL32" s="71">
        <v>0</v>
      </c>
      <c r="HM32" s="72">
        <v>1</v>
      </c>
      <c r="HN32" s="73">
        <v>1</v>
      </c>
      <c r="HO32" s="70">
        <v>0</v>
      </c>
      <c r="HP32" s="71">
        <v>0</v>
      </c>
      <c r="HQ32" s="72">
        <v>0</v>
      </c>
      <c r="HR32" s="244"/>
      <c r="HS32" s="71">
        <v>1</v>
      </c>
      <c r="HT32" s="71">
        <v>0</v>
      </c>
      <c r="HU32" s="71">
        <v>0</v>
      </c>
      <c r="HV32" s="71">
        <v>1</v>
      </c>
      <c r="HW32" s="71">
        <v>1</v>
      </c>
      <c r="HX32" s="72">
        <v>3</v>
      </c>
      <c r="HY32" s="73">
        <v>3</v>
      </c>
      <c r="HZ32" s="70">
        <v>3</v>
      </c>
      <c r="IA32" s="71">
        <v>1</v>
      </c>
      <c r="IB32" s="72">
        <v>4</v>
      </c>
      <c r="IC32" s="244"/>
      <c r="ID32" s="71">
        <v>0</v>
      </c>
      <c r="IE32" s="71">
        <v>0</v>
      </c>
      <c r="IF32" s="71">
        <v>0</v>
      </c>
      <c r="IG32" s="71">
        <v>1</v>
      </c>
      <c r="IH32" s="71">
        <v>0</v>
      </c>
      <c r="II32" s="72">
        <v>1</v>
      </c>
      <c r="IJ32" s="73">
        <v>5</v>
      </c>
      <c r="IK32" s="70">
        <v>1</v>
      </c>
      <c r="IL32" s="71">
        <v>0</v>
      </c>
      <c r="IM32" s="72">
        <v>1</v>
      </c>
      <c r="IN32" s="244"/>
      <c r="IO32" s="71">
        <v>4</v>
      </c>
      <c r="IP32" s="71">
        <v>1</v>
      </c>
      <c r="IQ32" s="71">
        <v>5</v>
      </c>
      <c r="IR32" s="71">
        <v>1</v>
      </c>
      <c r="IS32" s="71">
        <v>0</v>
      </c>
      <c r="IT32" s="72">
        <v>11</v>
      </c>
      <c r="IU32" s="73">
        <v>12</v>
      </c>
      <c r="IV32" s="70">
        <v>1</v>
      </c>
      <c r="IW32" s="71">
        <v>3</v>
      </c>
      <c r="IX32" s="72">
        <v>4</v>
      </c>
      <c r="IY32" s="244"/>
      <c r="IZ32" s="71">
        <v>3</v>
      </c>
      <c r="JA32" s="71">
        <v>0</v>
      </c>
      <c r="JB32" s="71">
        <v>1</v>
      </c>
      <c r="JC32" s="71">
        <v>0</v>
      </c>
      <c r="JD32" s="71">
        <v>0</v>
      </c>
      <c r="JE32" s="72">
        <v>4</v>
      </c>
      <c r="JF32" s="73">
        <v>8</v>
      </c>
      <c r="JG32" s="70">
        <v>0</v>
      </c>
      <c r="JH32" s="71">
        <v>0</v>
      </c>
      <c r="JI32" s="72">
        <v>0</v>
      </c>
      <c r="JJ32" s="244"/>
      <c r="JK32" s="71">
        <v>1</v>
      </c>
      <c r="JL32" s="71">
        <v>1</v>
      </c>
      <c r="JM32" s="71">
        <v>2</v>
      </c>
      <c r="JN32" s="71">
        <v>2</v>
      </c>
      <c r="JO32" s="71">
        <v>0</v>
      </c>
      <c r="JP32" s="72">
        <v>6</v>
      </c>
      <c r="JQ32" s="73">
        <v>6</v>
      </c>
      <c r="JR32" s="70">
        <v>0</v>
      </c>
      <c r="JS32" s="71">
        <v>0</v>
      </c>
      <c r="JT32" s="72">
        <v>0</v>
      </c>
      <c r="JU32" s="244"/>
      <c r="JV32" s="71">
        <v>0</v>
      </c>
      <c r="JW32" s="71">
        <v>0</v>
      </c>
      <c r="JX32" s="71">
        <v>0</v>
      </c>
      <c r="JY32" s="71">
        <v>0</v>
      </c>
      <c r="JZ32" s="71">
        <v>0</v>
      </c>
      <c r="KA32" s="72">
        <v>0</v>
      </c>
      <c r="KB32" s="73">
        <v>0</v>
      </c>
      <c r="KC32" s="70">
        <v>5</v>
      </c>
      <c r="KD32" s="71">
        <v>4</v>
      </c>
      <c r="KE32" s="72">
        <v>9</v>
      </c>
      <c r="KF32" s="244"/>
      <c r="KG32" s="71">
        <v>9</v>
      </c>
      <c r="KH32" s="71">
        <v>2</v>
      </c>
      <c r="KI32" s="71">
        <v>9</v>
      </c>
      <c r="KJ32" s="71">
        <v>5</v>
      </c>
      <c r="KK32" s="71">
        <v>1</v>
      </c>
      <c r="KL32" s="72">
        <v>26</v>
      </c>
      <c r="KM32" s="73">
        <v>35</v>
      </c>
    </row>
    <row r="33" spans="2:299" ht="19.5" customHeight="1" x14ac:dyDescent="0.2">
      <c r="B33" s="126" t="s">
        <v>30</v>
      </c>
      <c r="C33" s="315">
        <v>4</v>
      </c>
      <c r="D33" s="82">
        <v>1</v>
      </c>
      <c r="E33" s="83">
        <v>5</v>
      </c>
      <c r="F33" s="241"/>
      <c r="G33" s="82">
        <v>5</v>
      </c>
      <c r="H33" s="82">
        <v>4</v>
      </c>
      <c r="I33" s="82">
        <v>2</v>
      </c>
      <c r="J33" s="82">
        <v>3</v>
      </c>
      <c r="K33" s="82">
        <v>1</v>
      </c>
      <c r="L33" s="84">
        <v>15</v>
      </c>
      <c r="M33" s="85">
        <v>20</v>
      </c>
      <c r="N33" s="70">
        <v>0</v>
      </c>
      <c r="O33" s="71">
        <v>0</v>
      </c>
      <c r="P33" s="72">
        <v>0</v>
      </c>
      <c r="Q33" s="244"/>
      <c r="R33" s="71">
        <v>0</v>
      </c>
      <c r="S33" s="71">
        <v>0</v>
      </c>
      <c r="T33" s="71">
        <v>0</v>
      </c>
      <c r="U33" s="71">
        <v>0</v>
      </c>
      <c r="V33" s="71">
        <v>0</v>
      </c>
      <c r="W33" s="72">
        <v>0</v>
      </c>
      <c r="X33" s="73">
        <v>0</v>
      </c>
      <c r="Y33" s="70">
        <v>1</v>
      </c>
      <c r="Z33" s="71">
        <v>0</v>
      </c>
      <c r="AA33" s="72">
        <v>1</v>
      </c>
      <c r="AB33" s="244"/>
      <c r="AC33" s="71">
        <v>1</v>
      </c>
      <c r="AD33" s="71">
        <v>0</v>
      </c>
      <c r="AE33" s="71">
        <v>0</v>
      </c>
      <c r="AF33" s="71">
        <v>1</v>
      </c>
      <c r="AG33" s="71">
        <v>0</v>
      </c>
      <c r="AH33" s="72">
        <v>2</v>
      </c>
      <c r="AI33" s="73">
        <v>3</v>
      </c>
      <c r="AJ33" s="70">
        <v>0</v>
      </c>
      <c r="AK33" s="71">
        <v>0</v>
      </c>
      <c r="AL33" s="72">
        <v>0</v>
      </c>
      <c r="AM33" s="244"/>
      <c r="AN33" s="71">
        <v>0</v>
      </c>
      <c r="AO33" s="71">
        <v>1</v>
      </c>
      <c r="AP33" s="71">
        <v>0</v>
      </c>
      <c r="AQ33" s="71">
        <v>0</v>
      </c>
      <c r="AR33" s="71">
        <v>0</v>
      </c>
      <c r="AS33" s="72">
        <v>1</v>
      </c>
      <c r="AT33" s="73">
        <v>1</v>
      </c>
      <c r="AU33" s="70">
        <v>1</v>
      </c>
      <c r="AV33" s="71">
        <v>1</v>
      </c>
      <c r="AW33" s="72">
        <v>2</v>
      </c>
      <c r="AX33" s="244"/>
      <c r="AY33" s="71">
        <v>1</v>
      </c>
      <c r="AZ33" s="71">
        <v>1</v>
      </c>
      <c r="BA33" s="71">
        <v>0</v>
      </c>
      <c r="BB33" s="71">
        <v>0</v>
      </c>
      <c r="BC33" s="71">
        <v>0</v>
      </c>
      <c r="BD33" s="72">
        <v>2</v>
      </c>
      <c r="BE33" s="73">
        <v>4</v>
      </c>
      <c r="BF33" s="70">
        <v>1</v>
      </c>
      <c r="BG33" s="71">
        <v>0</v>
      </c>
      <c r="BH33" s="72">
        <v>1</v>
      </c>
      <c r="BI33" s="244"/>
      <c r="BJ33" s="71">
        <v>1</v>
      </c>
      <c r="BK33" s="71">
        <v>2</v>
      </c>
      <c r="BL33" s="71">
        <v>1</v>
      </c>
      <c r="BM33" s="71">
        <v>1</v>
      </c>
      <c r="BN33" s="71">
        <v>1</v>
      </c>
      <c r="BO33" s="72">
        <v>6</v>
      </c>
      <c r="BP33" s="73">
        <v>7</v>
      </c>
      <c r="BQ33" s="70">
        <v>1</v>
      </c>
      <c r="BR33" s="71">
        <v>0</v>
      </c>
      <c r="BS33" s="72">
        <v>1</v>
      </c>
      <c r="BT33" s="244"/>
      <c r="BU33" s="71">
        <v>2</v>
      </c>
      <c r="BV33" s="71">
        <v>0</v>
      </c>
      <c r="BW33" s="71">
        <v>1</v>
      </c>
      <c r="BX33" s="71">
        <v>1</v>
      </c>
      <c r="BY33" s="71">
        <v>0</v>
      </c>
      <c r="BZ33" s="72">
        <v>4</v>
      </c>
      <c r="CA33" s="73">
        <v>5</v>
      </c>
      <c r="CB33" s="70">
        <v>0</v>
      </c>
      <c r="CC33" s="71">
        <v>0</v>
      </c>
      <c r="CD33" s="72">
        <v>0</v>
      </c>
      <c r="CE33" s="244"/>
      <c r="CF33" s="71">
        <v>0</v>
      </c>
      <c r="CG33" s="71">
        <v>0</v>
      </c>
      <c r="CH33" s="71">
        <v>0</v>
      </c>
      <c r="CI33" s="71">
        <v>0</v>
      </c>
      <c r="CJ33" s="71">
        <v>0</v>
      </c>
      <c r="CK33" s="72">
        <v>0</v>
      </c>
      <c r="CL33" s="73">
        <v>0</v>
      </c>
      <c r="CM33" s="70">
        <v>4</v>
      </c>
      <c r="CN33" s="71">
        <v>1</v>
      </c>
      <c r="CO33" s="72">
        <v>5</v>
      </c>
      <c r="CP33" s="244"/>
      <c r="CQ33" s="71">
        <v>5</v>
      </c>
      <c r="CR33" s="71">
        <v>4</v>
      </c>
      <c r="CS33" s="71">
        <v>2</v>
      </c>
      <c r="CT33" s="71">
        <v>3</v>
      </c>
      <c r="CU33" s="71">
        <v>1</v>
      </c>
      <c r="CV33" s="72">
        <v>15</v>
      </c>
      <c r="CW33" s="73">
        <v>20</v>
      </c>
      <c r="CX33" s="123">
        <v>2</v>
      </c>
      <c r="CY33" s="82">
        <v>1</v>
      </c>
      <c r="CZ33" s="83">
        <v>3</v>
      </c>
      <c r="DA33" s="241"/>
      <c r="DB33" s="82">
        <v>4</v>
      </c>
      <c r="DC33" s="82">
        <v>1</v>
      </c>
      <c r="DD33" s="82">
        <v>1</v>
      </c>
      <c r="DE33" s="82">
        <v>2</v>
      </c>
      <c r="DF33" s="82">
        <v>0</v>
      </c>
      <c r="DG33" s="84">
        <v>8</v>
      </c>
      <c r="DH33" s="85">
        <v>11</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0</v>
      </c>
      <c r="EK33" s="71">
        <v>0</v>
      </c>
      <c r="EL33" s="71">
        <v>1</v>
      </c>
      <c r="EM33" s="71">
        <v>0</v>
      </c>
      <c r="EN33" s="72">
        <v>1</v>
      </c>
      <c r="EO33" s="73">
        <v>1</v>
      </c>
      <c r="EP33" s="70">
        <v>1</v>
      </c>
      <c r="EQ33" s="71">
        <v>1</v>
      </c>
      <c r="ER33" s="72">
        <v>2</v>
      </c>
      <c r="ES33" s="244"/>
      <c r="ET33" s="71">
        <v>0</v>
      </c>
      <c r="EU33" s="71">
        <v>0</v>
      </c>
      <c r="EV33" s="71">
        <v>0</v>
      </c>
      <c r="EW33" s="71">
        <v>0</v>
      </c>
      <c r="EX33" s="71">
        <v>0</v>
      </c>
      <c r="EY33" s="72">
        <v>0</v>
      </c>
      <c r="EZ33" s="73">
        <v>2</v>
      </c>
      <c r="FA33" s="70">
        <v>0</v>
      </c>
      <c r="FB33" s="71">
        <v>0</v>
      </c>
      <c r="FC33" s="72">
        <v>0</v>
      </c>
      <c r="FD33" s="244"/>
      <c r="FE33" s="71">
        <v>2</v>
      </c>
      <c r="FF33" s="71">
        <v>0</v>
      </c>
      <c r="FG33" s="71">
        <v>0</v>
      </c>
      <c r="FH33" s="71">
        <v>0</v>
      </c>
      <c r="FI33" s="71">
        <v>0</v>
      </c>
      <c r="FJ33" s="72">
        <v>2</v>
      </c>
      <c r="FK33" s="73">
        <v>2</v>
      </c>
      <c r="FL33" s="70">
        <v>1</v>
      </c>
      <c r="FM33" s="71">
        <v>0</v>
      </c>
      <c r="FN33" s="72">
        <v>1</v>
      </c>
      <c r="FO33" s="244"/>
      <c r="FP33" s="71">
        <v>2</v>
      </c>
      <c r="FQ33" s="71">
        <v>1</v>
      </c>
      <c r="FR33" s="71">
        <v>1</v>
      </c>
      <c r="FS33" s="71">
        <v>1</v>
      </c>
      <c r="FT33" s="71">
        <v>0</v>
      </c>
      <c r="FU33" s="72">
        <v>5</v>
      </c>
      <c r="FV33" s="73">
        <v>6</v>
      </c>
      <c r="FW33" s="70">
        <v>0</v>
      </c>
      <c r="FX33" s="71">
        <v>0</v>
      </c>
      <c r="FY33" s="72">
        <v>0</v>
      </c>
      <c r="FZ33" s="244"/>
      <c r="GA33" s="71">
        <v>0</v>
      </c>
      <c r="GB33" s="71">
        <v>0</v>
      </c>
      <c r="GC33" s="71">
        <v>0</v>
      </c>
      <c r="GD33" s="71">
        <v>0</v>
      </c>
      <c r="GE33" s="71">
        <v>0</v>
      </c>
      <c r="GF33" s="72">
        <v>0</v>
      </c>
      <c r="GG33" s="73">
        <v>0</v>
      </c>
      <c r="GH33" s="70">
        <v>2</v>
      </c>
      <c r="GI33" s="71">
        <v>1</v>
      </c>
      <c r="GJ33" s="72">
        <v>3</v>
      </c>
      <c r="GK33" s="244"/>
      <c r="GL33" s="71">
        <v>4</v>
      </c>
      <c r="GM33" s="71">
        <v>1</v>
      </c>
      <c r="GN33" s="71">
        <v>1</v>
      </c>
      <c r="GO33" s="71">
        <v>2</v>
      </c>
      <c r="GP33" s="71">
        <v>0</v>
      </c>
      <c r="GQ33" s="72">
        <v>8</v>
      </c>
      <c r="GR33" s="73">
        <v>11</v>
      </c>
      <c r="GS33" s="123">
        <v>6</v>
      </c>
      <c r="GT33" s="82">
        <v>2</v>
      </c>
      <c r="GU33" s="83">
        <v>8</v>
      </c>
      <c r="GV33" s="241"/>
      <c r="GW33" s="82">
        <v>9</v>
      </c>
      <c r="GX33" s="82">
        <v>5</v>
      </c>
      <c r="GY33" s="82">
        <v>3</v>
      </c>
      <c r="GZ33" s="82">
        <v>5</v>
      </c>
      <c r="HA33" s="82">
        <v>1</v>
      </c>
      <c r="HB33" s="84">
        <v>23</v>
      </c>
      <c r="HC33" s="85">
        <v>31</v>
      </c>
      <c r="HD33" s="70">
        <v>0</v>
      </c>
      <c r="HE33" s="71">
        <v>0</v>
      </c>
      <c r="HF33" s="72">
        <v>0</v>
      </c>
      <c r="HG33" s="244"/>
      <c r="HH33" s="71">
        <v>0</v>
      </c>
      <c r="HI33" s="71">
        <v>0</v>
      </c>
      <c r="HJ33" s="71">
        <v>0</v>
      </c>
      <c r="HK33" s="71">
        <v>0</v>
      </c>
      <c r="HL33" s="71">
        <v>0</v>
      </c>
      <c r="HM33" s="72">
        <v>0</v>
      </c>
      <c r="HN33" s="73">
        <v>0</v>
      </c>
      <c r="HO33" s="70">
        <v>1</v>
      </c>
      <c r="HP33" s="71">
        <v>0</v>
      </c>
      <c r="HQ33" s="72">
        <v>1</v>
      </c>
      <c r="HR33" s="244"/>
      <c r="HS33" s="71">
        <v>1</v>
      </c>
      <c r="HT33" s="71">
        <v>0</v>
      </c>
      <c r="HU33" s="71">
        <v>0</v>
      </c>
      <c r="HV33" s="71">
        <v>1</v>
      </c>
      <c r="HW33" s="71">
        <v>0</v>
      </c>
      <c r="HX33" s="72">
        <v>2</v>
      </c>
      <c r="HY33" s="73">
        <v>3</v>
      </c>
      <c r="HZ33" s="70">
        <v>0</v>
      </c>
      <c r="IA33" s="71">
        <v>0</v>
      </c>
      <c r="IB33" s="72">
        <v>0</v>
      </c>
      <c r="IC33" s="244"/>
      <c r="ID33" s="71">
        <v>0</v>
      </c>
      <c r="IE33" s="71">
        <v>1</v>
      </c>
      <c r="IF33" s="71">
        <v>0</v>
      </c>
      <c r="IG33" s="71">
        <v>1</v>
      </c>
      <c r="IH33" s="71">
        <v>0</v>
      </c>
      <c r="II33" s="72">
        <v>2</v>
      </c>
      <c r="IJ33" s="73">
        <v>2</v>
      </c>
      <c r="IK33" s="70">
        <v>2</v>
      </c>
      <c r="IL33" s="71">
        <v>2</v>
      </c>
      <c r="IM33" s="72">
        <v>4</v>
      </c>
      <c r="IN33" s="244"/>
      <c r="IO33" s="71">
        <v>1</v>
      </c>
      <c r="IP33" s="71">
        <v>1</v>
      </c>
      <c r="IQ33" s="71">
        <v>0</v>
      </c>
      <c r="IR33" s="71">
        <v>0</v>
      </c>
      <c r="IS33" s="71">
        <v>0</v>
      </c>
      <c r="IT33" s="72">
        <v>2</v>
      </c>
      <c r="IU33" s="73">
        <v>6</v>
      </c>
      <c r="IV33" s="70">
        <v>1</v>
      </c>
      <c r="IW33" s="71">
        <v>0</v>
      </c>
      <c r="IX33" s="72">
        <v>1</v>
      </c>
      <c r="IY33" s="244"/>
      <c r="IZ33" s="71">
        <v>3</v>
      </c>
      <c r="JA33" s="71">
        <v>2</v>
      </c>
      <c r="JB33" s="71">
        <v>1</v>
      </c>
      <c r="JC33" s="71">
        <v>1</v>
      </c>
      <c r="JD33" s="71">
        <v>1</v>
      </c>
      <c r="JE33" s="72">
        <v>8</v>
      </c>
      <c r="JF33" s="73">
        <v>9</v>
      </c>
      <c r="JG33" s="70">
        <v>2</v>
      </c>
      <c r="JH33" s="71">
        <v>0</v>
      </c>
      <c r="JI33" s="72">
        <v>2</v>
      </c>
      <c r="JJ33" s="244"/>
      <c r="JK33" s="71">
        <v>4</v>
      </c>
      <c r="JL33" s="71">
        <v>1</v>
      </c>
      <c r="JM33" s="71">
        <v>2</v>
      </c>
      <c r="JN33" s="71">
        <v>2</v>
      </c>
      <c r="JO33" s="71">
        <v>0</v>
      </c>
      <c r="JP33" s="72">
        <v>9</v>
      </c>
      <c r="JQ33" s="73">
        <v>11</v>
      </c>
      <c r="JR33" s="70">
        <v>0</v>
      </c>
      <c r="JS33" s="71">
        <v>0</v>
      </c>
      <c r="JT33" s="72">
        <v>0</v>
      </c>
      <c r="JU33" s="244"/>
      <c r="JV33" s="71">
        <v>0</v>
      </c>
      <c r="JW33" s="71">
        <v>0</v>
      </c>
      <c r="JX33" s="71">
        <v>0</v>
      </c>
      <c r="JY33" s="71">
        <v>0</v>
      </c>
      <c r="JZ33" s="71">
        <v>0</v>
      </c>
      <c r="KA33" s="72">
        <v>0</v>
      </c>
      <c r="KB33" s="73">
        <v>0</v>
      </c>
      <c r="KC33" s="70">
        <v>6</v>
      </c>
      <c r="KD33" s="71">
        <v>2</v>
      </c>
      <c r="KE33" s="72">
        <v>8</v>
      </c>
      <c r="KF33" s="244"/>
      <c r="KG33" s="71">
        <v>9</v>
      </c>
      <c r="KH33" s="71">
        <v>5</v>
      </c>
      <c r="KI33" s="71">
        <v>3</v>
      </c>
      <c r="KJ33" s="71">
        <v>5</v>
      </c>
      <c r="KK33" s="71">
        <v>1</v>
      </c>
      <c r="KL33" s="72">
        <v>23</v>
      </c>
      <c r="KM33" s="73">
        <v>31</v>
      </c>
    </row>
    <row r="34" spans="2:299" ht="19.5" customHeight="1" x14ac:dyDescent="0.2">
      <c r="B34" s="126" t="s">
        <v>31</v>
      </c>
      <c r="C34" s="315">
        <v>2</v>
      </c>
      <c r="D34" s="82">
        <v>3</v>
      </c>
      <c r="E34" s="83">
        <v>5</v>
      </c>
      <c r="F34" s="241"/>
      <c r="G34" s="82">
        <v>7</v>
      </c>
      <c r="H34" s="82">
        <v>5</v>
      </c>
      <c r="I34" s="82">
        <v>3</v>
      </c>
      <c r="J34" s="82">
        <v>3</v>
      </c>
      <c r="K34" s="82">
        <v>3</v>
      </c>
      <c r="L34" s="84">
        <v>21</v>
      </c>
      <c r="M34" s="85">
        <v>26</v>
      </c>
      <c r="N34" s="70">
        <v>0</v>
      </c>
      <c r="O34" s="71">
        <v>0</v>
      </c>
      <c r="P34" s="72">
        <v>0</v>
      </c>
      <c r="Q34" s="244"/>
      <c r="R34" s="71">
        <v>1</v>
      </c>
      <c r="S34" s="71">
        <v>1</v>
      </c>
      <c r="T34" s="71">
        <v>0</v>
      </c>
      <c r="U34" s="71">
        <v>0</v>
      </c>
      <c r="V34" s="71">
        <v>0</v>
      </c>
      <c r="W34" s="72">
        <v>2</v>
      </c>
      <c r="X34" s="73">
        <v>2</v>
      </c>
      <c r="Y34" s="70">
        <v>0</v>
      </c>
      <c r="Z34" s="71">
        <v>0</v>
      </c>
      <c r="AA34" s="72">
        <v>0</v>
      </c>
      <c r="AB34" s="244"/>
      <c r="AC34" s="71">
        <v>0</v>
      </c>
      <c r="AD34" s="71">
        <v>1</v>
      </c>
      <c r="AE34" s="71">
        <v>2</v>
      </c>
      <c r="AF34" s="71">
        <v>0</v>
      </c>
      <c r="AG34" s="71">
        <v>1</v>
      </c>
      <c r="AH34" s="72">
        <v>4</v>
      </c>
      <c r="AI34" s="73">
        <v>4</v>
      </c>
      <c r="AJ34" s="70">
        <v>0</v>
      </c>
      <c r="AK34" s="71">
        <v>0</v>
      </c>
      <c r="AL34" s="72">
        <v>0</v>
      </c>
      <c r="AM34" s="244"/>
      <c r="AN34" s="71">
        <v>0</v>
      </c>
      <c r="AO34" s="71">
        <v>0</v>
      </c>
      <c r="AP34" s="71">
        <v>0</v>
      </c>
      <c r="AQ34" s="71">
        <v>1</v>
      </c>
      <c r="AR34" s="71">
        <v>0</v>
      </c>
      <c r="AS34" s="72">
        <v>1</v>
      </c>
      <c r="AT34" s="73">
        <v>1</v>
      </c>
      <c r="AU34" s="70">
        <v>0</v>
      </c>
      <c r="AV34" s="71">
        <v>2</v>
      </c>
      <c r="AW34" s="72">
        <v>2</v>
      </c>
      <c r="AX34" s="244"/>
      <c r="AY34" s="71">
        <v>2</v>
      </c>
      <c r="AZ34" s="71">
        <v>1</v>
      </c>
      <c r="BA34" s="71">
        <v>0</v>
      </c>
      <c r="BB34" s="71">
        <v>0</v>
      </c>
      <c r="BC34" s="71">
        <v>1</v>
      </c>
      <c r="BD34" s="72">
        <v>4</v>
      </c>
      <c r="BE34" s="73">
        <v>6</v>
      </c>
      <c r="BF34" s="70">
        <v>2</v>
      </c>
      <c r="BG34" s="71">
        <v>1</v>
      </c>
      <c r="BH34" s="72">
        <v>3</v>
      </c>
      <c r="BI34" s="244"/>
      <c r="BJ34" s="71">
        <v>2</v>
      </c>
      <c r="BK34" s="71">
        <v>1</v>
      </c>
      <c r="BL34" s="71">
        <v>0</v>
      </c>
      <c r="BM34" s="71">
        <v>0</v>
      </c>
      <c r="BN34" s="71">
        <v>0</v>
      </c>
      <c r="BO34" s="72">
        <v>3</v>
      </c>
      <c r="BP34" s="73">
        <v>6</v>
      </c>
      <c r="BQ34" s="70">
        <v>0</v>
      </c>
      <c r="BR34" s="71">
        <v>0</v>
      </c>
      <c r="BS34" s="72">
        <v>0</v>
      </c>
      <c r="BT34" s="244"/>
      <c r="BU34" s="71">
        <v>2</v>
      </c>
      <c r="BV34" s="71">
        <v>1</v>
      </c>
      <c r="BW34" s="71">
        <v>1</v>
      </c>
      <c r="BX34" s="71">
        <v>2</v>
      </c>
      <c r="BY34" s="71">
        <v>1</v>
      </c>
      <c r="BZ34" s="72">
        <v>7</v>
      </c>
      <c r="CA34" s="73">
        <v>7</v>
      </c>
      <c r="CB34" s="70">
        <v>0</v>
      </c>
      <c r="CC34" s="71">
        <v>0</v>
      </c>
      <c r="CD34" s="72">
        <v>0</v>
      </c>
      <c r="CE34" s="244"/>
      <c r="CF34" s="71">
        <v>0</v>
      </c>
      <c r="CG34" s="71">
        <v>0</v>
      </c>
      <c r="CH34" s="71">
        <v>0</v>
      </c>
      <c r="CI34" s="71">
        <v>0</v>
      </c>
      <c r="CJ34" s="71">
        <v>0</v>
      </c>
      <c r="CK34" s="72">
        <v>0</v>
      </c>
      <c r="CL34" s="73">
        <v>0</v>
      </c>
      <c r="CM34" s="70">
        <v>2</v>
      </c>
      <c r="CN34" s="71">
        <v>3</v>
      </c>
      <c r="CO34" s="72">
        <v>5</v>
      </c>
      <c r="CP34" s="244"/>
      <c r="CQ34" s="71">
        <v>7</v>
      </c>
      <c r="CR34" s="71">
        <v>5</v>
      </c>
      <c r="CS34" s="71">
        <v>3</v>
      </c>
      <c r="CT34" s="71">
        <v>3</v>
      </c>
      <c r="CU34" s="71">
        <v>3</v>
      </c>
      <c r="CV34" s="72">
        <v>21</v>
      </c>
      <c r="CW34" s="73">
        <v>26</v>
      </c>
      <c r="CX34" s="123">
        <v>0</v>
      </c>
      <c r="CY34" s="82">
        <v>1</v>
      </c>
      <c r="CZ34" s="83">
        <v>1</v>
      </c>
      <c r="DA34" s="241"/>
      <c r="DB34" s="82">
        <v>1</v>
      </c>
      <c r="DC34" s="82">
        <v>0</v>
      </c>
      <c r="DD34" s="82">
        <v>3</v>
      </c>
      <c r="DE34" s="82">
        <v>1</v>
      </c>
      <c r="DF34" s="82">
        <v>2</v>
      </c>
      <c r="DG34" s="84">
        <v>7</v>
      </c>
      <c r="DH34" s="85">
        <v>8</v>
      </c>
      <c r="DI34" s="70">
        <v>0</v>
      </c>
      <c r="DJ34" s="71">
        <v>0</v>
      </c>
      <c r="DK34" s="72">
        <v>0</v>
      </c>
      <c r="DL34" s="244"/>
      <c r="DM34" s="71">
        <v>0</v>
      </c>
      <c r="DN34" s="71">
        <v>0</v>
      </c>
      <c r="DO34" s="71">
        <v>0</v>
      </c>
      <c r="DP34" s="71">
        <v>0</v>
      </c>
      <c r="DQ34" s="71">
        <v>0</v>
      </c>
      <c r="DR34" s="72">
        <v>0</v>
      </c>
      <c r="DS34" s="73">
        <v>0</v>
      </c>
      <c r="DT34" s="70">
        <v>0</v>
      </c>
      <c r="DU34" s="71">
        <v>1</v>
      </c>
      <c r="DV34" s="72">
        <v>1</v>
      </c>
      <c r="DW34" s="244"/>
      <c r="DX34" s="71">
        <v>0</v>
      </c>
      <c r="DY34" s="71">
        <v>0</v>
      </c>
      <c r="DZ34" s="71">
        <v>0</v>
      </c>
      <c r="EA34" s="71">
        <v>0</v>
      </c>
      <c r="EB34" s="71">
        <v>0</v>
      </c>
      <c r="EC34" s="72">
        <v>0</v>
      </c>
      <c r="ED34" s="73">
        <v>1</v>
      </c>
      <c r="EE34" s="70">
        <v>0</v>
      </c>
      <c r="EF34" s="71">
        <v>0</v>
      </c>
      <c r="EG34" s="72">
        <v>0</v>
      </c>
      <c r="EH34" s="244"/>
      <c r="EI34" s="71">
        <v>0</v>
      </c>
      <c r="EJ34" s="71">
        <v>0</v>
      </c>
      <c r="EK34" s="71">
        <v>2</v>
      </c>
      <c r="EL34" s="71">
        <v>0</v>
      </c>
      <c r="EM34" s="71">
        <v>0</v>
      </c>
      <c r="EN34" s="72">
        <v>2</v>
      </c>
      <c r="EO34" s="73">
        <v>2</v>
      </c>
      <c r="EP34" s="70">
        <v>0</v>
      </c>
      <c r="EQ34" s="71">
        <v>0</v>
      </c>
      <c r="ER34" s="72">
        <v>0</v>
      </c>
      <c r="ES34" s="244"/>
      <c r="ET34" s="71">
        <v>1</v>
      </c>
      <c r="EU34" s="71">
        <v>0</v>
      </c>
      <c r="EV34" s="71">
        <v>0</v>
      </c>
      <c r="EW34" s="71">
        <v>1</v>
      </c>
      <c r="EX34" s="71">
        <v>0</v>
      </c>
      <c r="EY34" s="72">
        <v>2</v>
      </c>
      <c r="EZ34" s="73">
        <v>2</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1</v>
      </c>
      <c r="FS34" s="71">
        <v>0</v>
      </c>
      <c r="FT34" s="71">
        <v>2</v>
      </c>
      <c r="FU34" s="72">
        <v>3</v>
      </c>
      <c r="FV34" s="73">
        <v>3</v>
      </c>
      <c r="FW34" s="70">
        <v>0</v>
      </c>
      <c r="FX34" s="71">
        <v>0</v>
      </c>
      <c r="FY34" s="72">
        <v>0</v>
      </c>
      <c r="FZ34" s="244"/>
      <c r="GA34" s="71">
        <v>0</v>
      </c>
      <c r="GB34" s="71">
        <v>0</v>
      </c>
      <c r="GC34" s="71">
        <v>0</v>
      </c>
      <c r="GD34" s="71">
        <v>0</v>
      </c>
      <c r="GE34" s="71">
        <v>0</v>
      </c>
      <c r="GF34" s="72">
        <v>0</v>
      </c>
      <c r="GG34" s="73">
        <v>0</v>
      </c>
      <c r="GH34" s="70">
        <v>0</v>
      </c>
      <c r="GI34" s="71">
        <v>1</v>
      </c>
      <c r="GJ34" s="72">
        <v>1</v>
      </c>
      <c r="GK34" s="244"/>
      <c r="GL34" s="71">
        <v>1</v>
      </c>
      <c r="GM34" s="71">
        <v>0</v>
      </c>
      <c r="GN34" s="71">
        <v>3</v>
      </c>
      <c r="GO34" s="71">
        <v>1</v>
      </c>
      <c r="GP34" s="71">
        <v>2</v>
      </c>
      <c r="GQ34" s="72">
        <v>7</v>
      </c>
      <c r="GR34" s="73">
        <v>8</v>
      </c>
      <c r="GS34" s="123">
        <v>2</v>
      </c>
      <c r="GT34" s="82">
        <v>4</v>
      </c>
      <c r="GU34" s="83">
        <v>6</v>
      </c>
      <c r="GV34" s="241"/>
      <c r="GW34" s="82">
        <v>8</v>
      </c>
      <c r="GX34" s="82">
        <v>5</v>
      </c>
      <c r="GY34" s="82">
        <v>6</v>
      </c>
      <c r="GZ34" s="82">
        <v>4</v>
      </c>
      <c r="HA34" s="82">
        <v>5</v>
      </c>
      <c r="HB34" s="84">
        <v>28</v>
      </c>
      <c r="HC34" s="85">
        <v>34</v>
      </c>
      <c r="HD34" s="70">
        <v>0</v>
      </c>
      <c r="HE34" s="71">
        <v>0</v>
      </c>
      <c r="HF34" s="72">
        <v>0</v>
      </c>
      <c r="HG34" s="244"/>
      <c r="HH34" s="71">
        <v>1</v>
      </c>
      <c r="HI34" s="71">
        <v>1</v>
      </c>
      <c r="HJ34" s="71">
        <v>0</v>
      </c>
      <c r="HK34" s="71">
        <v>0</v>
      </c>
      <c r="HL34" s="71">
        <v>0</v>
      </c>
      <c r="HM34" s="72">
        <v>2</v>
      </c>
      <c r="HN34" s="73">
        <v>2</v>
      </c>
      <c r="HO34" s="70">
        <v>0</v>
      </c>
      <c r="HP34" s="71">
        <v>1</v>
      </c>
      <c r="HQ34" s="72">
        <v>1</v>
      </c>
      <c r="HR34" s="244"/>
      <c r="HS34" s="71">
        <v>0</v>
      </c>
      <c r="HT34" s="71">
        <v>1</v>
      </c>
      <c r="HU34" s="71">
        <v>2</v>
      </c>
      <c r="HV34" s="71">
        <v>0</v>
      </c>
      <c r="HW34" s="71">
        <v>1</v>
      </c>
      <c r="HX34" s="72">
        <v>4</v>
      </c>
      <c r="HY34" s="73">
        <v>5</v>
      </c>
      <c r="HZ34" s="70">
        <v>0</v>
      </c>
      <c r="IA34" s="71">
        <v>0</v>
      </c>
      <c r="IB34" s="72">
        <v>0</v>
      </c>
      <c r="IC34" s="244"/>
      <c r="ID34" s="71">
        <v>0</v>
      </c>
      <c r="IE34" s="71">
        <v>0</v>
      </c>
      <c r="IF34" s="71">
        <v>2</v>
      </c>
      <c r="IG34" s="71">
        <v>1</v>
      </c>
      <c r="IH34" s="71">
        <v>0</v>
      </c>
      <c r="II34" s="72">
        <v>3</v>
      </c>
      <c r="IJ34" s="73">
        <v>3</v>
      </c>
      <c r="IK34" s="70">
        <v>0</v>
      </c>
      <c r="IL34" s="71">
        <v>2</v>
      </c>
      <c r="IM34" s="72">
        <v>2</v>
      </c>
      <c r="IN34" s="244"/>
      <c r="IO34" s="71">
        <v>3</v>
      </c>
      <c r="IP34" s="71">
        <v>1</v>
      </c>
      <c r="IQ34" s="71">
        <v>0</v>
      </c>
      <c r="IR34" s="71">
        <v>1</v>
      </c>
      <c r="IS34" s="71">
        <v>1</v>
      </c>
      <c r="IT34" s="72">
        <v>6</v>
      </c>
      <c r="IU34" s="73">
        <v>8</v>
      </c>
      <c r="IV34" s="70">
        <v>2</v>
      </c>
      <c r="IW34" s="71">
        <v>1</v>
      </c>
      <c r="IX34" s="72">
        <v>3</v>
      </c>
      <c r="IY34" s="244"/>
      <c r="IZ34" s="71">
        <v>2</v>
      </c>
      <c r="JA34" s="71">
        <v>1</v>
      </c>
      <c r="JB34" s="71">
        <v>0</v>
      </c>
      <c r="JC34" s="71">
        <v>0</v>
      </c>
      <c r="JD34" s="71">
        <v>0</v>
      </c>
      <c r="JE34" s="72">
        <v>3</v>
      </c>
      <c r="JF34" s="73">
        <v>6</v>
      </c>
      <c r="JG34" s="70">
        <v>0</v>
      </c>
      <c r="JH34" s="71">
        <v>0</v>
      </c>
      <c r="JI34" s="72">
        <v>0</v>
      </c>
      <c r="JJ34" s="244"/>
      <c r="JK34" s="71">
        <v>2</v>
      </c>
      <c r="JL34" s="71">
        <v>1</v>
      </c>
      <c r="JM34" s="71">
        <v>2</v>
      </c>
      <c r="JN34" s="71">
        <v>2</v>
      </c>
      <c r="JO34" s="71">
        <v>3</v>
      </c>
      <c r="JP34" s="72">
        <v>10</v>
      </c>
      <c r="JQ34" s="73">
        <v>10</v>
      </c>
      <c r="JR34" s="70">
        <v>0</v>
      </c>
      <c r="JS34" s="71">
        <v>0</v>
      </c>
      <c r="JT34" s="72">
        <v>0</v>
      </c>
      <c r="JU34" s="244"/>
      <c r="JV34" s="71">
        <v>0</v>
      </c>
      <c r="JW34" s="71">
        <v>0</v>
      </c>
      <c r="JX34" s="71">
        <v>0</v>
      </c>
      <c r="JY34" s="71">
        <v>0</v>
      </c>
      <c r="JZ34" s="71">
        <v>0</v>
      </c>
      <c r="KA34" s="72">
        <v>0</v>
      </c>
      <c r="KB34" s="73">
        <v>0</v>
      </c>
      <c r="KC34" s="70">
        <v>2</v>
      </c>
      <c r="KD34" s="71">
        <v>4</v>
      </c>
      <c r="KE34" s="72">
        <v>6</v>
      </c>
      <c r="KF34" s="244"/>
      <c r="KG34" s="71">
        <v>8</v>
      </c>
      <c r="KH34" s="71">
        <v>5</v>
      </c>
      <c r="KI34" s="71">
        <v>6</v>
      </c>
      <c r="KJ34" s="71">
        <v>4</v>
      </c>
      <c r="KK34" s="71">
        <v>5</v>
      </c>
      <c r="KL34" s="72">
        <v>28</v>
      </c>
      <c r="KM34" s="73">
        <v>34</v>
      </c>
    </row>
    <row r="35" spans="2:299" ht="19.5" customHeight="1" x14ac:dyDescent="0.2">
      <c r="B35" s="126" t="s">
        <v>32</v>
      </c>
      <c r="C35" s="315">
        <v>6</v>
      </c>
      <c r="D35" s="82">
        <v>2</v>
      </c>
      <c r="E35" s="83">
        <v>8</v>
      </c>
      <c r="F35" s="241"/>
      <c r="G35" s="82">
        <v>8</v>
      </c>
      <c r="H35" s="82">
        <v>4</v>
      </c>
      <c r="I35" s="82">
        <v>1</v>
      </c>
      <c r="J35" s="82">
        <v>5</v>
      </c>
      <c r="K35" s="82">
        <v>4</v>
      </c>
      <c r="L35" s="84">
        <v>22</v>
      </c>
      <c r="M35" s="85">
        <v>30</v>
      </c>
      <c r="N35" s="70">
        <v>1</v>
      </c>
      <c r="O35" s="71">
        <v>0</v>
      </c>
      <c r="P35" s="72">
        <v>1</v>
      </c>
      <c r="Q35" s="244"/>
      <c r="R35" s="71">
        <v>0</v>
      </c>
      <c r="S35" s="71">
        <v>0</v>
      </c>
      <c r="T35" s="71">
        <v>0</v>
      </c>
      <c r="U35" s="71">
        <v>1</v>
      </c>
      <c r="V35" s="71">
        <v>0</v>
      </c>
      <c r="W35" s="72">
        <v>1</v>
      </c>
      <c r="X35" s="73">
        <v>2</v>
      </c>
      <c r="Y35" s="70">
        <v>2</v>
      </c>
      <c r="Z35" s="71">
        <v>0</v>
      </c>
      <c r="AA35" s="72">
        <v>2</v>
      </c>
      <c r="AB35" s="244"/>
      <c r="AC35" s="71">
        <v>0</v>
      </c>
      <c r="AD35" s="71">
        <v>0</v>
      </c>
      <c r="AE35" s="71">
        <v>0</v>
      </c>
      <c r="AF35" s="71">
        <v>0</v>
      </c>
      <c r="AG35" s="71">
        <v>0</v>
      </c>
      <c r="AH35" s="72">
        <v>0</v>
      </c>
      <c r="AI35" s="73">
        <v>2</v>
      </c>
      <c r="AJ35" s="70">
        <v>2</v>
      </c>
      <c r="AK35" s="71">
        <v>0</v>
      </c>
      <c r="AL35" s="72">
        <v>2</v>
      </c>
      <c r="AM35" s="244"/>
      <c r="AN35" s="71">
        <v>1</v>
      </c>
      <c r="AO35" s="71">
        <v>1</v>
      </c>
      <c r="AP35" s="71">
        <v>0</v>
      </c>
      <c r="AQ35" s="71">
        <v>0</v>
      </c>
      <c r="AR35" s="71">
        <v>2</v>
      </c>
      <c r="AS35" s="72">
        <v>4</v>
      </c>
      <c r="AT35" s="73">
        <v>6</v>
      </c>
      <c r="AU35" s="70">
        <v>0</v>
      </c>
      <c r="AV35" s="71">
        <v>1</v>
      </c>
      <c r="AW35" s="72">
        <v>1</v>
      </c>
      <c r="AX35" s="244"/>
      <c r="AY35" s="71">
        <v>2</v>
      </c>
      <c r="AZ35" s="71">
        <v>0</v>
      </c>
      <c r="BA35" s="71">
        <v>0</v>
      </c>
      <c r="BB35" s="71">
        <v>1</v>
      </c>
      <c r="BC35" s="71">
        <v>1</v>
      </c>
      <c r="BD35" s="72">
        <v>4</v>
      </c>
      <c r="BE35" s="73">
        <v>5</v>
      </c>
      <c r="BF35" s="70">
        <v>1</v>
      </c>
      <c r="BG35" s="71">
        <v>0</v>
      </c>
      <c r="BH35" s="72">
        <v>1</v>
      </c>
      <c r="BI35" s="244"/>
      <c r="BJ35" s="71">
        <v>3</v>
      </c>
      <c r="BK35" s="71">
        <v>2</v>
      </c>
      <c r="BL35" s="71">
        <v>0</v>
      </c>
      <c r="BM35" s="71">
        <v>2</v>
      </c>
      <c r="BN35" s="71">
        <v>0</v>
      </c>
      <c r="BO35" s="72">
        <v>7</v>
      </c>
      <c r="BP35" s="73">
        <v>8</v>
      </c>
      <c r="BQ35" s="70">
        <v>0</v>
      </c>
      <c r="BR35" s="71">
        <v>1</v>
      </c>
      <c r="BS35" s="72">
        <v>1</v>
      </c>
      <c r="BT35" s="244"/>
      <c r="BU35" s="71">
        <v>2</v>
      </c>
      <c r="BV35" s="71">
        <v>1</v>
      </c>
      <c r="BW35" s="71">
        <v>1</v>
      </c>
      <c r="BX35" s="71">
        <v>1</v>
      </c>
      <c r="BY35" s="71">
        <v>1</v>
      </c>
      <c r="BZ35" s="72">
        <v>6</v>
      </c>
      <c r="CA35" s="73">
        <v>7</v>
      </c>
      <c r="CB35" s="70">
        <v>0</v>
      </c>
      <c r="CC35" s="71">
        <v>0</v>
      </c>
      <c r="CD35" s="72">
        <v>0</v>
      </c>
      <c r="CE35" s="244"/>
      <c r="CF35" s="71">
        <v>0</v>
      </c>
      <c r="CG35" s="71">
        <v>0</v>
      </c>
      <c r="CH35" s="71">
        <v>0</v>
      </c>
      <c r="CI35" s="71">
        <v>0</v>
      </c>
      <c r="CJ35" s="71">
        <v>0</v>
      </c>
      <c r="CK35" s="72">
        <v>0</v>
      </c>
      <c r="CL35" s="73">
        <v>0</v>
      </c>
      <c r="CM35" s="70">
        <v>6</v>
      </c>
      <c r="CN35" s="71">
        <v>2</v>
      </c>
      <c r="CO35" s="72">
        <v>8</v>
      </c>
      <c r="CP35" s="244"/>
      <c r="CQ35" s="71">
        <v>8</v>
      </c>
      <c r="CR35" s="71">
        <v>4</v>
      </c>
      <c r="CS35" s="71">
        <v>1</v>
      </c>
      <c r="CT35" s="71">
        <v>5</v>
      </c>
      <c r="CU35" s="71">
        <v>4</v>
      </c>
      <c r="CV35" s="72">
        <v>22</v>
      </c>
      <c r="CW35" s="73">
        <v>30</v>
      </c>
      <c r="CX35" s="123">
        <v>0</v>
      </c>
      <c r="CY35" s="82">
        <v>1</v>
      </c>
      <c r="CZ35" s="83">
        <v>1</v>
      </c>
      <c r="DA35" s="241"/>
      <c r="DB35" s="82">
        <v>2</v>
      </c>
      <c r="DC35" s="82">
        <v>3</v>
      </c>
      <c r="DD35" s="82">
        <v>2</v>
      </c>
      <c r="DE35" s="82">
        <v>2</v>
      </c>
      <c r="DF35" s="82">
        <v>0</v>
      </c>
      <c r="DG35" s="84">
        <v>9</v>
      </c>
      <c r="DH35" s="85">
        <v>10</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1</v>
      </c>
      <c r="EG35" s="72">
        <v>1</v>
      </c>
      <c r="EH35" s="244"/>
      <c r="EI35" s="71">
        <v>0</v>
      </c>
      <c r="EJ35" s="71">
        <v>0</v>
      </c>
      <c r="EK35" s="71">
        <v>0</v>
      </c>
      <c r="EL35" s="71">
        <v>0</v>
      </c>
      <c r="EM35" s="71">
        <v>0</v>
      </c>
      <c r="EN35" s="72">
        <v>0</v>
      </c>
      <c r="EO35" s="73">
        <v>1</v>
      </c>
      <c r="EP35" s="70">
        <v>0</v>
      </c>
      <c r="EQ35" s="71">
        <v>0</v>
      </c>
      <c r="ER35" s="72">
        <v>0</v>
      </c>
      <c r="ES35" s="244"/>
      <c r="ET35" s="71">
        <v>1</v>
      </c>
      <c r="EU35" s="71">
        <v>0</v>
      </c>
      <c r="EV35" s="71">
        <v>0</v>
      </c>
      <c r="EW35" s="71">
        <v>0</v>
      </c>
      <c r="EX35" s="71">
        <v>0</v>
      </c>
      <c r="EY35" s="72">
        <v>1</v>
      </c>
      <c r="EZ35" s="73">
        <v>1</v>
      </c>
      <c r="FA35" s="70">
        <v>0</v>
      </c>
      <c r="FB35" s="71">
        <v>0</v>
      </c>
      <c r="FC35" s="72">
        <v>0</v>
      </c>
      <c r="FD35" s="244"/>
      <c r="FE35" s="71">
        <v>0</v>
      </c>
      <c r="FF35" s="71">
        <v>1</v>
      </c>
      <c r="FG35" s="71">
        <v>1</v>
      </c>
      <c r="FH35" s="71">
        <v>0</v>
      </c>
      <c r="FI35" s="71">
        <v>0</v>
      </c>
      <c r="FJ35" s="72">
        <v>2</v>
      </c>
      <c r="FK35" s="73">
        <v>2</v>
      </c>
      <c r="FL35" s="70">
        <v>0</v>
      </c>
      <c r="FM35" s="71">
        <v>0</v>
      </c>
      <c r="FN35" s="72">
        <v>0</v>
      </c>
      <c r="FO35" s="244"/>
      <c r="FP35" s="71">
        <v>1</v>
      </c>
      <c r="FQ35" s="71">
        <v>2</v>
      </c>
      <c r="FR35" s="71">
        <v>1</v>
      </c>
      <c r="FS35" s="71">
        <v>2</v>
      </c>
      <c r="FT35" s="71">
        <v>0</v>
      </c>
      <c r="FU35" s="72">
        <v>6</v>
      </c>
      <c r="FV35" s="73">
        <v>6</v>
      </c>
      <c r="FW35" s="70">
        <v>0</v>
      </c>
      <c r="FX35" s="71">
        <v>0</v>
      </c>
      <c r="FY35" s="72">
        <v>0</v>
      </c>
      <c r="FZ35" s="244"/>
      <c r="GA35" s="71">
        <v>0</v>
      </c>
      <c r="GB35" s="71">
        <v>0</v>
      </c>
      <c r="GC35" s="71">
        <v>0</v>
      </c>
      <c r="GD35" s="71">
        <v>0</v>
      </c>
      <c r="GE35" s="71">
        <v>0</v>
      </c>
      <c r="GF35" s="72">
        <v>0</v>
      </c>
      <c r="GG35" s="73">
        <v>0</v>
      </c>
      <c r="GH35" s="70">
        <v>0</v>
      </c>
      <c r="GI35" s="71">
        <v>1</v>
      </c>
      <c r="GJ35" s="72">
        <v>1</v>
      </c>
      <c r="GK35" s="244"/>
      <c r="GL35" s="71">
        <v>2</v>
      </c>
      <c r="GM35" s="71">
        <v>3</v>
      </c>
      <c r="GN35" s="71">
        <v>2</v>
      </c>
      <c r="GO35" s="71">
        <v>2</v>
      </c>
      <c r="GP35" s="71">
        <v>0</v>
      </c>
      <c r="GQ35" s="72">
        <v>9</v>
      </c>
      <c r="GR35" s="73">
        <v>10</v>
      </c>
      <c r="GS35" s="123">
        <v>6</v>
      </c>
      <c r="GT35" s="82">
        <v>3</v>
      </c>
      <c r="GU35" s="83">
        <v>9</v>
      </c>
      <c r="GV35" s="241"/>
      <c r="GW35" s="82">
        <v>10</v>
      </c>
      <c r="GX35" s="82">
        <v>7</v>
      </c>
      <c r="GY35" s="82">
        <v>3</v>
      </c>
      <c r="GZ35" s="82">
        <v>7</v>
      </c>
      <c r="HA35" s="82">
        <v>4</v>
      </c>
      <c r="HB35" s="84">
        <v>31</v>
      </c>
      <c r="HC35" s="85">
        <v>40</v>
      </c>
      <c r="HD35" s="70">
        <v>1</v>
      </c>
      <c r="HE35" s="71">
        <v>0</v>
      </c>
      <c r="HF35" s="72">
        <v>1</v>
      </c>
      <c r="HG35" s="244"/>
      <c r="HH35" s="71">
        <v>0</v>
      </c>
      <c r="HI35" s="71">
        <v>0</v>
      </c>
      <c r="HJ35" s="71">
        <v>0</v>
      </c>
      <c r="HK35" s="71">
        <v>1</v>
      </c>
      <c r="HL35" s="71">
        <v>0</v>
      </c>
      <c r="HM35" s="72">
        <v>1</v>
      </c>
      <c r="HN35" s="73">
        <v>2</v>
      </c>
      <c r="HO35" s="70">
        <v>2</v>
      </c>
      <c r="HP35" s="71">
        <v>0</v>
      </c>
      <c r="HQ35" s="72">
        <v>2</v>
      </c>
      <c r="HR35" s="244"/>
      <c r="HS35" s="71">
        <v>0</v>
      </c>
      <c r="HT35" s="71">
        <v>0</v>
      </c>
      <c r="HU35" s="71">
        <v>0</v>
      </c>
      <c r="HV35" s="71">
        <v>0</v>
      </c>
      <c r="HW35" s="71">
        <v>0</v>
      </c>
      <c r="HX35" s="72">
        <v>0</v>
      </c>
      <c r="HY35" s="73">
        <v>2</v>
      </c>
      <c r="HZ35" s="70">
        <v>2</v>
      </c>
      <c r="IA35" s="71">
        <v>1</v>
      </c>
      <c r="IB35" s="72">
        <v>3</v>
      </c>
      <c r="IC35" s="244"/>
      <c r="ID35" s="71">
        <v>1</v>
      </c>
      <c r="IE35" s="71">
        <v>1</v>
      </c>
      <c r="IF35" s="71">
        <v>0</v>
      </c>
      <c r="IG35" s="71">
        <v>0</v>
      </c>
      <c r="IH35" s="71">
        <v>2</v>
      </c>
      <c r="II35" s="72">
        <v>4</v>
      </c>
      <c r="IJ35" s="73">
        <v>7</v>
      </c>
      <c r="IK35" s="70">
        <v>0</v>
      </c>
      <c r="IL35" s="71">
        <v>1</v>
      </c>
      <c r="IM35" s="72">
        <v>1</v>
      </c>
      <c r="IN35" s="244"/>
      <c r="IO35" s="71">
        <v>3</v>
      </c>
      <c r="IP35" s="71">
        <v>0</v>
      </c>
      <c r="IQ35" s="71">
        <v>0</v>
      </c>
      <c r="IR35" s="71">
        <v>1</v>
      </c>
      <c r="IS35" s="71">
        <v>1</v>
      </c>
      <c r="IT35" s="72">
        <v>5</v>
      </c>
      <c r="IU35" s="73">
        <v>6</v>
      </c>
      <c r="IV35" s="70">
        <v>1</v>
      </c>
      <c r="IW35" s="71">
        <v>0</v>
      </c>
      <c r="IX35" s="72">
        <v>1</v>
      </c>
      <c r="IY35" s="244"/>
      <c r="IZ35" s="71">
        <v>3</v>
      </c>
      <c r="JA35" s="71">
        <v>3</v>
      </c>
      <c r="JB35" s="71">
        <v>1</v>
      </c>
      <c r="JC35" s="71">
        <v>2</v>
      </c>
      <c r="JD35" s="71">
        <v>0</v>
      </c>
      <c r="JE35" s="72">
        <v>9</v>
      </c>
      <c r="JF35" s="73">
        <v>10</v>
      </c>
      <c r="JG35" s="70">
        <v>0</v>
      </c>
      <c r="JH35" s="71">
        <v>1</v>
      </c>
      <c r="JI35" s="72">
        <v>1</v>
      </c>
      <c r="JJ35" s="244"/>
      <c r="JK35" s="71">
        <v>3</v>
      </c>
      <c r="JL35" s="71">
        <v>3</v>
      </c>
      <c r="JM35" s="71">
        <v>2</v>
      </c>
      <c r="JN35" s="71">
        <v>3</v>
      </c>
      <c r="JO35" s="71">
        <v>1</v>
      </c>
      <c r="JP35" s="72">
        <v>12</v>
      </c>
      <c r="JQ35" s="73">
        <v>13</v>
      </c>
      <c r="JR35" s="70">
        <v>0</v>
      </c>
      <c r="JS35" s="71">
        <v>0</v>
      </c>
      <c r="JT35" s="72">
        <v>0</v>
      </c>
      <c r="JU35" s="244"/>
      <c r="JV35" s="71">
        <v>0</v>
      </c>
      <c r="JW35" s="71">
        <v>0</v>
      </c>
      <c r="JX35" s="71">
        <v>0</v>
      </c>
      <c r="JY35" s="71">
        <v>0</v>
      </c>
      <c r="JZ35" s="71">
        <v>0</v>
      </c>
      <c r="KA35" s="72">
        <v>0</v>
      </c>
      <c r="KB35" s="73">
        <v>0</v>
      </c>
      <c r="KC35" s="70">
        <v>6</v>
      </c>
      <c r="KD35" s="71">
        <v>3</v>
      </c>
      <c r="KE35" s="72">
        <v>9</v>
      </c>
      <c r="KF35" s="244"/>
      <c r="KG35" s="71">
        <v>10</v>
      </c>
      <c r="KH35" s="71">
        <v>7</v>
      </c>
      <c r="KI35" s="71">
        <v>3</v>
      </c>
      <c r="KJ35" s="71">
        <v>7</v>
      </c>
      <c r="KK35" s="71">
        <v>4</v>
      </c>
      <c r="KL35" s="72">
        <v>31</v>
      </c>
      <c r="KM35" s="73">
        <v>40</v>
      </c>
    </row>
    <row r="36" spans="2:299" ht="19.5" customHeight="1" x14ac:dyDescent="0.2">
      <c r="B36" s="126" t="s">
        <v>33</v>
      </c>
      <c r="C36" s="315">
        <v>4</v>
      </c>
      <c r="D36" s="82">
        <v>1</v>
      </c>
      <c r="E36" s="83">
        <v>5</v>
      </c>
      <c r="F36" s="241"/>
      <c r="G36" s="82">
        <v>9</v>
      </c>
      <c r="H36" s="82">
        <v>1</v>
      </c>
      <c r="I36" s="82">
        <v>2</v>
      </c>
      <c r="J36" s="82">
        <v>1</v>
      </c>
      <c r="K36" s="82">
        <v>3</v>
      </c>
      <c r="L36" s="84">
        <v>16</v>
      </c>
      <c r="M36" s="85">
        <v>21</v>
      </c>
      <c r="N36" s="70">
        <v>0</v>
      </c>
      <c r="O36" s="71">
        <v>0</v>
      </c>
      <c r="P36" s="72">
        <v>0</v>
      </c>
      <c r="Q36" s="244"/>
      <c r="R36" s="71">
        <v>1</v>
      </c>
      <c r="S36" s="71">
        <v>0</v>
      </c>
      <c r="T36" s="71">
        <v>0</v>
      </c>
      <c r="U36" s="71">
        <v>0</v>
      </c>
      <c r="V36" s="71">
        <v>0</v>
      </c>
      <c r="W36" s="72">
        <v>1</v>
      </c>
      <c r="X36" s="73">
        <v>1</v>
      </c>
      <c r="Y36" s="70">
        <v>0</v>
      </c>
      <c r="Z36" s="71">
        <v>0</v>
      </c>
      <c r="AA36" s="72">
        <v>0</v>
      </c>
      <c r="AB36" s="244"/>
      <c r="AC36" s="71">
        <v>1</v>
      </c>
      <c r="AD36" s="71">
        <v>0</v>
      </c>
      <c r="AE36" s="71">
        <v>0</v>
      </c>
      <c r="AF36" s="71">
        <v>1</v>
      </c>
      <c r="AG36" s="71">
        <v>2</v>
      </c>
      <c r="AH36" s="72">
        <v>4</v>
      </c>
      <c r="AI36" s="73">
        <v>4</v>
      </c>
      <c r="AJ36" s="70">
        <v>0</v>
      </c>
      <c r="AK36" s="71">
        <v>0</v>
      </c>
      <c r="AL36" s="72">
        <v>0</v>
      </c>
      <c r="AM36" s="244"/>
      <c r="AN36" s="71">
        <v>2</v>
      </c>
      <c r="AO36" s="71">
        <v>0</v>
      </c>
      <c r="AP36" s="71">
        <v>0</v>
      </c>
      <c r="AQ36" s="71">
        <v>0</v>
      </c>
      <c r="AR36" s="71">
        <v>1</v>
      </c>
      <c r="AS36" s="72">
        <v>3</v>
      </c>
      <c r="AT36" s="73">
        <v>3</v>
      </c>
      <c r="AU36" s="70">
        <v>0</v>
      </c>
      <c r="AV36" s="71">
        <v>0</v>
      </c>
      <c r="AW36" s="72">
        <v>0</v>
      </c>
      <c r="AX36" s="244"/>
      <c r="AY36" s="71">
        <v>0</v>
      </c>
      <c r="AZ36" s="71">
        <v>1</v>
      </c>
      <c r="BA36" s="71">
        <v>0</v>
      </c>
      <c r="BB36" s="71">
        <v>0</v>
      </c>
      <c r="BC36" s="71">
        <v>0</v>
      </c>
      <c r="BD36" s="72">
        <v>1</v>
      </c>
      <c r="BE36" s="73">
        <v>1</v>
      </c>
      <c r="BF36" s="70">
        <v>2</v>
      </c>
      <c r="BG36" s="71">
        <v>0</v>
      </c>
      <c r="BH36" s="72">
        <v>2</v>
      </c>
      <c r="BI36" s="244"/>
      <c r="BJ36" s="71">
        <v>1</v>
      </c>
      <c r="BK36" s="71">
        <v>0</v>
      </c>
      <c r="BL36" s="71">
        <v>1</v>
      </c>
      <c r="BM36" s="71">
        <v>0</v>
      </c>
      <c r="BN36" s="71">
        <v>0</v>
      </c>
      <c r="BO36" s="72">
        <v>2</v>
      </c>
      <c r="BP36" s="73">
        <v>4</v>
      </c>
      <c r="BQ36" s="70">
        <v>2</v>
      </c>
      <c r="BR36" s="71">
        <v>1</v>
      </c>
      <c r="BS36" s="72">
        <v>3</v>
      </c>
      <c r="BT36" s="244"/>
      <c r="BU36" s="71">
        <v>4</v>
      </c>
      <c r="BV36" s="71">
        <v>0</v>
      </c>
      <c r="BW36" s="71">
        <v>1</v>
      </c>
      <c r="BX36" s="71">
        <v>0</v>
      </c>
      <c r="BY36" s="71">
        <v>0</v>
      </c>
      <c r="BZ36" s="72">
        <v>5</v>
      </c>
      <c r="CA36" s="73">
        <v>8</v>
      </c>
      <c r="CB36" s="70">
        <v>0</v>
      </c>
      <c r="CC36" s="71">
        <v>0</v>
      </c>
      <c r="CD36" s="72">
        <v>0</v>
      </c>
      <c r="CE36" s="244"/>
      <c r="CF36" s="71">
        <v>0</v>
      </c>
      <c r="CG36" s="71">
        <v>0</v>
      </c>
      <c r="CH36" s="71">
        <v>0</v>
      </c>
      <c r="CI36" s="71">
        <v>0</v>
      </c>
      <c r="CJ36" s="71">
        <v>0</v>
      </c>
      <c r="CK36" s="72">
        <v>0</v>
      </c>
      <c r="CL36" s="73">
        <v>0</v>
      </c>
      <c r="CM36" s="70">
        <v>4</v>
      </c>
      <c r="CN36" s="71">
        <v>1</v>
      </c>
      <c r="CO36" s="72">
        <v>5</v>
      </c>
      <c r="CP36" s="244"/>
      <c r="CQ36" s="71">
        <v>9</v>
      </c>
      <c r="CR36" s="71">
        <v>1</v>
      </c>
      <c r="CS36" s="71">
        <v>2</v>
      </c>
      <c r="CT36" s="71">
        <v>1</v>
      </c>
      <c r="CU36" s="71">
        <v>3</v>
      </c>
      <c r="CV36" s="72">
        <v>16</v>
      </c>
      <c r="CW36" s="73">
        <v>21</v>
      </c>
      <c r="CX36" s="123">
        <v>4</v>
      </c>
      <c r="CY36" s="82">
        <v>3</v>
      </c>
      <c r="CZ36" s="83">
        <v>7</v>
      </c>
      <c r="DA36" s="241"/>
      <c r="DB36" s="82">
        <v>2</v>
      </c>
      <c r="DC36" s="82">
        <v>1</v>
      </c>
      <c r="DD36" s="82">
        <v>3</v>
      </c>
      <c r="DE36" s="82">
        <v>4</v>
      </c>
      <c r="DF36" s="82">
        <v>1</v>
      </c>
      <c r="DG36" s="84">
        <v>11</v>
      </c>
      <c r="DH36" s="85">
        <v>18</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1</v>
      </c>
      <c r="DZ36" s="71">
        <v>1</v>
      </c>
      <c r="EA36" s="71">
        <v>0</v>
      </c>
      <c r="EB36" s="71">
        <v>0</v>
      </c>
      <c r="EC36" s="72">
        <v>2</v>
      </c>
      <c r="ED36" s="73">
        <v>2</v>
      </c>
      <c r="EE36" s="70">
        <v>0</v>
      </c>
      <c r="EF36" s="71">
        <v>1</v>
      </c>
      <c r="EG36" s="72">
        <v>1</v>
      </c>
      <c r="EH36" s="244"/>
      <c r="EI36" s="71">
        <v>0</v>
      </c>
      <c r="EJ36" s="71">
        <v>0</v>
      </c>
      <c r="EK36" s="71">
        <v>0</v>
      </c>
      <c r="EL36" s="71">
        <v>2</v>
      </c>
      <c r="EM36" s="71">
        <v>0</v>
      </c>
      <c r="EN36" s="72">
        <v>2</v>
      </c>
      <c r="EO36" s="73">
        <v>3</v>
      </c>
      <c r="EP36" s="70">
        <v>2</v>
      </c>
      <c r="EQ36" s="71">
        <v>0</v>
      </c>
      <c r="ER36" s="72">
        <v>2</v>
      </c>
      <c r="ES36" s="244"/>
      <c r="ET36" s="71">
        <v>0</v>
      </c>
      <c r="EU36" s="71">
        <v>0</v>
      </c>
      <c r="EV36" s="71">
        <v>0</v>
      </c>
      <c r="EW36" s="71">
        <v>0</v>
      </c>
      <c r="EX36" s="71">
        <v>0</v>
      </c>
      <c r="EY36" s="72">
        <v>0</v>
      </c>
      <c r="EZ36" s="73">
        <v>2</v>
      </c>
      <c r="FA36" s="70">
        <v>1</v>
      </c>
      <c r="FB36" s="71">
        <v>1</v>
      </c>
      <c r="FC36" s="72">
        <v>2</v>
      </c>
      <c r="FD36" s="244"/>
      <c r="FE36" s="71">
        <v>2</v>
      </c>
      <c r="FF36" s="71">
        <v>0</v>
      </c>
      <c r="FG36" s="71">
        <v>0</v>
      </c>
      <c r="FH36" s="71">
        <v>1</v>
      </c>
      <c r="FI36" s="71">
        <v>1</v>
      </c>
      <c r="FJ36" s="72">
        <v>4</v>
      </c>
      <c r="FK36" s="73">
        <v>6</v>
      </c>
      <c r="FL36" s="70">
        <v>1</v>
      </c>
      <c r="FM36" s="71">
        <v>1</v>
      </c>
      <c r="FN36" s="72">
        <v>2</v>
      </c>
      <c r="FO36" s="244"/>
      <c r="FP36" s="71">
        <v>0</v>
      </c>
      <c r="FQ36" s="71">
        <v>0</v>
      </c>
      <c r="FR36" s="71">
        <v>2</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4</v>
      </c>
      <c r="GI36" s="71">
        <v>3</v>
      </c>
      <c r="GJ36" s="72">
        <v>7</v>
      </c>
      <c r="GK36" s="244"/>
      <c r="GL36" s="71">
        <v>2</v>
      </c>
      <c r="GM36" s="71">
        <v>1</v>
      </c>
      <c r="GN36" s="71">
        <v>3</v>
      </c>
      <c r="GO36" s="71">
        <v>4</v>
      </c>
      <c r="GP36" s="71">
        <v>1</v>
      </c>
      <c r="GQ36" s="72">
        <v>11</v>
      </c>
      <c r="GR36" s="73">
        <v>18</v>
      </c>
      <c r="GS36" s="123">
        <v>8</v>
      </c>
      <c r="GT36" s="82">
        <v>4</v>
      </c>
      <c r="GU36" s="83">
        <v>12</v>
      </c>
      <c r="GV36" s="241"/>
      <c r="GW36" s="82">
        <v>11</v>
      </c>
      <c r="GX36" s="82">
        <v>2</v>
      </c>
      <c r="GY36" s="82">
        <v>5</v>
      </c>
      <c r="GZ36" s="82">
        <v>5</v>
      </c>
      <c r="HA36" s="82">
        <v>4</v>
      </c>
      <c r="HB36" s="84">
        <v>27</v>
      </c>
      <c r="HC36" s="85">
        <v>39</v>
      </c>
      <c r="HD36" s="70">
        <v>0</v>
      </c>
      <c r="HE36" s="71">
        <v>0</v>
      </c>
      <c r="HF36" s="72">
        <v>0</v>
      </c>
      <c r="HG36" s="244"/>
      <c r="HH36" s="71">
        <v>1</v>
      </c>
      <c r="HI36" s="71">
        <v>0</v>
      </c>
      <c r="HJ36" s="71">
        <v>0</v>
      </c>
      <c r="HK36" s="71">
        <v>0</v>
      </c>
      <c r="HL36" s="71">
        <v>0</v>
      </c>
      <c r="HM36" s="72">
        <v>1</v>
      </c>
      <c r="HN36" s="73">
        <v>1</v>
      </c>
      <c r="HO36" s="70">
        <v>0</v>
      </c>
      <c r="HP36" s="71">
        <v>0</v>
      </c>
      <c r="HQ36" s="72">
        <v>0</v>
      </c>
      <c r="HR36" s="244"/>
      <c r="HS36" s="71">
        <v>1</v>
      </c>
      <c r="HT36" s="71">
        <v>1</v>
      </c>
      <c r="HU36" s="71">
        <v>1</v>
      </c>
      <c r="HV36" s="71">
        <v>1</v>
      </c>
      <c r="HW36" s="71">
        <v>2</v>
      </c>
      <c r="HX36" s="72">
        <v>6</v>
      </c>
      <c r="HY36" s="73">
        <v>6</v>
      </c>
      <c r="HZ36" s="70">
        <v>0</v>
      </c>
      <c r="IA36" s="71">
        <v>1</v>
      </c>
      <c r="IB36" s="72">
        <v>1</v>
      </c>
      <c r="IC36" s="244"/>
      <c r="ID36" s="71">
        <v>2</v>
      </c>
      <c r="IE36" s="71">
        <v>0</v>
      </c>
      <c r="IF36" s="71">
        <v>0</v>
      </c>
      <c r="IG36" s="71">
        <v>2</v>
      </c>
      <c r="IH36" s="71">
        <v>1</v>
      </c>
      <c r="II36" s="72">
        <v>5</v>
      </c>
      <c r="IJ36" s="73">
        <v>6</v>
      </c>
      <c r="IK36" s="70">
        <v>2</v>
      </c>
      <c r="IL36" s="71">
        <v>0</v>
      </c>
      <c r="IM36" s="72">
        <v>2</v>
      </c>
      <c r="IN36" s="244"/>
      <c r="IO36" s="71">
        <v>0</v>
      </c>
      <c r="IP36" s="71">
        <v>1</v>
      </c>
      <c r="IQ36" s="71">
        <v>0</v>
      </c>
      <c r="IR36" s="71">
        <v>0</v>
      </c>
      <c r="IS36" s="71">
        <v>0</v>
      </c>
      <c r="IT36" s="72">
        <v>1</v>
      </c>
      <c r="IU36" s="73">
        <v>3</v>
      </c>
      <c r="IV36" s="70">
        <v>3</v>
      </c>
      <c r="IW36" s="71">
        <v>1</v>
      </c>
      <c r="IX36" s="72">
        <v>4</v>
      </c>
      <c r="IY36" s="244"/>
      <c r="IZ36" s="71">
        <v>3</v>
      </c>
      <c r="JA36" s="71">
        <v>0</v>
      </c>
      <c r="JB36" s="71">
        <v>1</v>
      </c>
      <c r="JC36" s="71">
        <v>1</v>
      </c>
      <c r="JD36" s="71">
        <v>1</v>
      </c>
      <c r="JE36" s="72">
        <v>6</v>
      </c>
      <c r="JF36" s="73">
        <v>10</v>
      </c>
      <c r="JG36" s="70">
        <v>3</v>
      </c>
      <c r="JH36" s="71">
        <v>2</v>
      </c>
      <c r="JI36" s="72">
        <v>5</v>
      </c>
      <c r="JJ36" s="244"/>
      <c r="JK36" s="71">
        <v>4</v>
      </c>
      <c r="JL36" s="71">
        <v>0</v>
      </c>
      <c r="JM36" s="71">
        <v>3</v>
      </c>
      <c r="JN36" s="71">
        <v>1</v>
      </c>
      <c r="JO36" s="71">
        <v>0</v>
      </c>
      <c r="JP36" s="72">
        <v>8</v>
      </c>
      <c r="JQ36" s="73">
        <v>13</v>
      </c>
      <c r="JR36" s="70">
        <v>0</v>
      </c>
      <c r="JS36" s="71">
        <v>0</v>
      </c>
      <c r="JT36" s="72">
        <v>0</v>
      </c>
      <c r="JU36" s="244"/>
      <c r="JV36" s="71">
        <v>0</v>
      </c>
      <c r="JW36" s="71">
        <v>0</v>
      </c>
      <c r="JX36" s="71">
        <v>0</v>
      </c>
      <c r="JY36" s="71">
        <v>0</v>
      </c>
      <c r="JZ36" s="71">
        <v>0</v>
      </c>
      <c r="KA36" s="72">
        <v>0</v>
      </c>
      <c r="KB36" s="73">
        <v>0</v>
      </c>
      <c r="KC36" s="70">
        <v>8</v>
      </c>
      <c r="KD36" s="71">
        <v>4</v>
      </c>
      <c r="KE36" s="72">
        <v>12</v>
      </c>
      <c r="KF36" s="244"/>
      <c r="KG36" s="71">
        <v>11</v>
      </c>
      <c r="KH36" s="71">
        <v>2</v>
      </c>
      <c r="KI36" s="71">
        <v>5</v>
      </c>
      <c r="KJ36" s="71">
        <v>5</v>
      </c>
      <c r="KK36" s="71">
        <v>4</v>
      </c>
      <c r="KL36" s="72">
        <v>27</v>
      </c>
      <c r="KM36" s="73">
        <v>39</v>
      </c>
    </row>
    <row r="37" spans="2:299" ht="19.5" customHeight="1" x14ac:dyDescent="0.2">
      <c r="B37" s="126" t="s">
        <v>34</v>
      </c>
      <c r="C37" s="315">
        <v>1</v>
      </c>
      <c r="D37" s="82">
        <v>1</v>
      </c>
      <c r="E37" s="83">
        <v>2</v>
      </c>
      <c r="F37" s="241"/>
      <c r="G37" s="82">
        <v>3</v>
      </c>
      <c r="H37" s="82">
        <v>5</v>
      </c>
      <c r="I37" s="82">
        <v>1</v>
      </c>
      <c r="J37" s="82">
        <v>0</v>
      </c>
      <c r="K37" s="82">
        <v>0</v>
      </c>
      <c r="L37" s="84">
        <v>9</v>
      </c>
      <c r="M37" s="85">
        <v>11</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1</v>
      </c>
      <c r="AL37" s="72">
        <v>1</v>
      </c>
      <c r="AM37" s="244"/>
      <c r="AN37" s="71">
        <v>0</v>
      </c>
      <c r="AO37" s="71">
        <v>1</v>
      </c>
      <c r="AP37" s="71">
        <v>1</v>
      </c>
      <c r="AQ37" s="71">
        <v>0</v>
      </c>
      <c r="AR37" s="71">
        <v>0</v>
      </c>
      <c r="AS37" s="72">
        <v>2</v>
      </c>
      <c r="AT37" s="73">
        <v>3</v>
      </c>
      <c r="AU37" s="70">
        <v>1</v>
      </c>
      <c r="AV37" s="71">
        <v>0</v>
      </c>
      <c r="AW37" s="72">
        <v>1</v>
      </c>
      <c r="AX37" s="244"/>
      <c r="AY37" s="71">
        <v>1</v>
      </c>
      <c r="AZ37" s="71">
        <v>0</v>
      </c>
      <c r="BA37" s="71">
        <v>0</v>
      </c>
      <c r="BB37" s="71">
        <v>0</v>
      </c>
      <c r="BC37" s="71">
        <v>0</v>
      </c>
      <c r="BD37" s="72">
        <v>1</v>
      </c>
      <c r="BE37" s="73">
        <v>2</v>
      </c>
      <c r="BF37" s="70">
        <v>0</v>
      </c>
      <c r="BG37" s="71">
        <v>0</v>
      </c>
      <c r="BH37" s="72">
        <v>0</v>
      </c>
      <c r="BI37" s="244"/>
      <c r="BJ37" s="71">
        <v>0</v>
      </c>
      <c r="BK37" s="71">
        <v>1</v>
      </c>
      <c r="BL37" s="71">
        <v>0</v>
      </c>
      <c r="BM37" s="71">
        <v>0</v>
      </c>
      <c r="BN37" s="71">
        <v>0</v>
      </c>
      <c r="BO37" s="72">
        <v>1</v>
      </c>
      <c r="BP37" s="73">
        <v>1</v>
      </c>
      <c r="BQ37" s="70">
        <v>0</v>
      </c>
      <c r="BR37" s="71">
        <v>0</v>
      </c>
      <c r="BS37" s="72">
        <v>0</v>
      </c>
      <c r="BT37" s="244"/>
      <c r="BU37" s="71">
        <v>2</v>
      </c>
      <c r="BV37" s="71">
        <v>2</v>
      </c>
      <c r="BW37" s="71">
        <v>0</v>
      </c>
      <c r="BX37" s="71">
        <v>0</v>
      </c>
      <c r="BY37" s="71">
        <v>0</v>
      </c>
      <c r="BZ37" s="72">
        <v>4</v>
      </c>
      <c r="CA37" s="73">
        <v>4</v>
      </c>
      <c r="CB37" s="70">
        <v>0</v>
      </c>
      <c r="CC37" s="71">
        <v>0</v>
      </c>
      <c r="CD37" s="72">
        <v>0</v>
      </c>
      <c r="CE37" s="244"/>
      <c r="CF37" s="71">
        <v>0</v>
      </c>
      <c r="CG37" s="71">
        <v>0</v>
      </c>
      <c r="CH37" s="71">
        <v>0</v>
      </c>
      <c r="CI37" s="71">
        <v>0</v>
      </c>
      <c r="CJ37" s="71">
        <v>0</v>
      </c>
      <c r="CK37" s="72">
        <v>0</v>
      </c>
      <c r="CL37" s="73">
        <v>0</v>
      </c>
      <c r="CM37" s="70">
        <v>1</v>
      </c>
      <c r="CN37" s="71">
        <v>1</v>
      </c>
      <c r="CO37" s="72">
        <v>2</v>
      </c>
      <c r="CP37" s="244"/>
      <c r="CQ37" s="71">
        <v>3</v>
      </c>
      <c r="CR37" s="71">
        <v>5</v>
      </c>
      <c r="CS37" s="71">
        <v>1</v>
      </c>
      <c r="CT37" s="71">
        <v>0</v>
      </c>
      <c r="CU37" s="71">
        <v>0</v>
      </c>
      <c r="CV37" s="72">
        <v>9</v>
      </c>
      <c r="CW37" s="73">
        <v>11</v>
      </c>
      <c r="CX37" s="123">
        <v>0</v>
      </c>
      <c r="CY37" s="82">
        <v>0</v>
      </c>
      <c r="CZ37" s="83">
        <v>0</v>
      </c>
      <c r="DA37" s="241"/>
      <c r="DB37" s="82">
        <v>1</v>
      </c>
      <c r="DC37" s="82">
        <v>0</v>
      </c>
      <c r="DD37" s="82">
        <v>1</v>
      </c>
      <c r="DE37" s="82">
        <v>1</v>
      </c>
      <c r="DF37" s="82">
        <v>0</v>
      </c>
      <c r="DG37" s="84">
        <v>3</v>
      </c>
      <c r="DH37" s="85">
        <v>3</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0</v>
      </c>
      <c r="EQ37" s="71">
        <v>0</v>
      </c>
      <c r="ER37" s="72">
        <v>0</v>
      </c>
      <c r="ES37" s="244"/>
      <c r="ET37" s="71">
        <v>0</v>
      </c>
      <c r="EU37" s="71">
        <v>0</v>
      </c>
      <c r="EV37" s="71">
        <v>0</v>
      </c>
      <c r="EW37" s="71">
        <v>1</v>
      </c>
      <c r="EX37" s="71">
        <v>0</v>
      </c>
      <c r="EY37" s="72">
        <v>1</v>
      </c>
      <c r="EZ37" s="73">
        <v>1</v>
      </c>
      <c r="FA37" s="70">
        <v>0</v>
      </c>
      <c r="FB37" s="71">
        <v>0</v>
      </c>
      <c r="FC37" s="72">
        <v>0</v>
      </c>
      <c r="FD37" s="244"/>
      <c r="FE37" s="71">
        <v>1</v>
      </c>
      <c r="FF37" s="71">
        <v>0</v>
      </c>
      <c r="FG37" s="71">
        <v>0</v>
      </c>
      <c r="FH37" s="71">
        <v>0</v>
      </c>
      <c r="FI37" s="71">
        <v>0</v>
      </c>
      <c r="FJ37" s="72">
        <v>1</v>
      </c>
      <c r="FK37" s="73">
        <v>1</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0</v>
      </c>
      <c r="GI37" s="71">
        <v>0</v>
      </c>
      <c r="GJ37" s="72">
        <v>0</v>
      </c>
      <c r="GK37" s="244"/>
      <c r="GL37" s="71">
        <v>1</v>
      </c>
      <c r="GM37" s="71">
        <v>0</v>
      </c>
      <c r="GN37" s="71">
        <v>1</v>
      </c>
      <c r="GO37" s="71">
        <v>1</v>
      </c>
      <c r="GP37" s="71">
        <v>0</v>
      </c>
      <c r="GQ37" s="72">
        <v>3</v>
      </c>
      <c r="GR37" s="73">
        <v>3</v>
      </c>
      <c r="GS37" s="123">
        <v>1</v>
      </c>
      <c r="GT37" s="82">
        <v>1</v>
      </c>
      <c r="GU37" s="83">
        <v>2</v>
      </c>
      <c r="GV37" s="241"/>
      <c r="GW37" s="82">
        <v>4</v>
      </c>
      <c r="GX37" s="82">
        <v>5</v>
      </c>
      <c r="GY37" s="82">
        <v>2</v>
      </c>
      <c r="GZ37" s="82">
        <v>1</v>
      </c>
      <c r="HA37" s="82">
        <v>0</v>
      </c>
      <c r="HB37" s="84">
        <v>12</v>
      </c>
      <c r="HC37" s="85">
        <v>14</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1</v>
      </c>
      <c r="IF37" s="71">
        <v>2</v>
      </c>
      <c r="IG37" s="71">
        <v>0</v>
      </c>
      <c r="IH37" s="71">
        <v>0</v>
      </c>
      <c r="II37" s="72">
        <v>3</v>
      </c>
      <c r="IJ37" s="73">
        <v>4</v>
      </c>
      <c r="IK37" s="70">
        <v>1</v>
      </c>
      <c r="IL37" s="71">
        <v>0</v>
      </c>
      <c r="IM37" s="72">
        <v>1</v>
      </c>
      <c r="IN37" s="244"/>
      <c r="IO37" s="71">
        <v>1</v>
      </c>
      <c r="IP37" s="71">
        <v>0</v>
      </c>
      <c r="IQ37" s="71">
        <v>0</v>
      </c>
      <c r="IR37" s="71">
        <v>1</v>
      </c>
      <c r="IS37" s="71">
        <v>0</v>
      </c>
      <c r="IT37" s="72">
        <v>2</v>
      </c>
      <c r="IU37" s="73">
        <v>3</v>
      </c>
      <c r="IV37" s="70">
        <v>0</v>
      </c>
      <c r="IW37" s="71">
        <v>0</v>
      </c>
      <c r="IX37" s="72">
        <v>0</v>
      </c>
      <c r="IY37" s="244"/>
      <c r="IZ37" s="71">
        <v>1</v>
      </c>
      <c r="JA37" s="71">
        <v>1</v>
      </c>
      <c r="JB37" s="71">
        <v>0</v>
      </c>
      <c r="JC37" s="71">
        <v>0</v>
      </c>
      <c r="JD37" s="71">
        <v>0</v>
      </c>
      <c r="JE37" s="72">
        <v>2</v>
      </c>
      <c r="JF37" s="73">
        <v>2</v>
      </c>
      <c r="JG37" s="70">
        <v>0</v>
      </c>
      <c r="JH37" s="71">
        <v>0</v>
      </c>
      <c r="JI37" s="72">
        <v>0</v>
      </c>
      <c r="JJ37" s="244"/>
      <c r="JK37" s="71">
        <v>2</v>
      </c>
      <c r="JL37" s="71">
        <v>2</v>
      </c>
      <c r="JM37" s="71">
        <v>0</v>
      </c>
      <c r="JN37" s="71">
        <v>0</v>
      </c>
      <c r="JO37" s="71">
        <v>0</v>
      </c>
      <c r="JP37" s="72">
        <v>4</v>
      </c>
      <c r="JQ37" s="73">
        <v>4</v>
      </c>
      <c r="JR37" s="70">
        <v>0</v>
      </c>
      <c r="JS37" s="71">
        <v>0</v>
      </c>
      <c r="JT37" s="72">
        <v>0</v>
      </c>
      <c r="JU37" s="244"/>
      <c r="JV37" s="71">
        <v>0</v>
      </c>
      <c r="JW37" s="71">
        <v>0</v>
      </c>
      <c r="JX37" s="71">
        <v>0</v>
      </c>
      <c r="JY37" s="71">
        <v>0</v>
      </c>
      <c r="JZ37" s="71">
        <v>0</v>
      </c>
      <c r="KA37" s="72">
        <v>0</v>
      </c>
      <c r="KB37" s="73">
        <v>0</v>
      </c>
      <c r="KC37" s="70">
        <v>1</v>
      </c>
      <c r="KD37" s="71">
        <v>1</v>
      </c>
      <c r="KE37" s="72">
        <v>2</v>
      </c>
      <c r="KF37" s="244"/>
      <c r="KG37" s="71">
        <v>4</v>
      </c>
      <c r="KH37" s="71">
        <v>5</v>
      </c>
      <c r="KI37" s="71">
        <v>2</v>
      </c>
      <c r="KJ37" s="71">
        <v>1</v>
      </c>
      <c r="KK37" s="71">
        <v>0</v>
      </c>
      <c r="KL37" s="72">
        <v>12</v>
      </c>
      <c r="KM37" s="73">
        <v>14</v>
      </c>
    </row>
    <row r="38" spans="2:299" ht="19.5" customHeight="1" x14ac:dyDescent="0.2">
      <c r="B38" s="126" t="s">
        <v>35</v>
      </c>
      <c r="C38" s="315">
        <v>7</v>
      </c>
      <c r="D38" s="82">
        <v>8</v>
      </c>
      <c r="E38" s="83">
        <v>15</v>
      </c>
      <c r="F38" s="241"/>
      <c r="G38" s="82">
        <v>15</v>
      </c>
      <c r="H38" s="82">
        <v>6</v>
      </c>
      <c r="I38" s="82">
        <v>3</v>
      </c>
      <c r="J38" s="82">
        <v>4</v>
      </c>
      <c r="K38" s="82">
        <v>0</v>
      </c>
      <c r="L38" s="84">
        <v>28</v>
      </c>
      <c r="M38" s="85">
        <v>43</v>
      </c>
      <c r="N38" s="70">
        <v>0</v>
      </c>
      <c r="O38" s="71">
        <v>0</v>
      </c>
      <c r="P38" s="72">
        <v>0</v>
      </c>
      <c r="Q38" s="244"/>
      <c r="R38" s="71">
        <v>1</v>
      </c>
      <c r="S38" s="71">
        <v>0</v>
      </c>
      <c r="T38" s="71">
        <v>0</v>
      </c>
      <c r="U38" s="71">
        <v>0</v>
      </c>
      <c r="V38" s="71">
        <v>0</v>
      </c>
      <c r="W38" s="72">
        <v>1</v>
      </c>
      <c r="X38" s="73">
        <v>1</v>
      </c>
      <c r="Y38" s="70">
        <v>0</v>
      </c>
      <c r="Z38" s="71">
        <v>0</v>
      </c>
      <c r="AA38" s="72">
        <v>0</v>
      </c>
      <c r="AB38" s="244"/>
      <c r="AC38" s="71">
        <v>1</v>
      </c>
      <c r="AD38" s="71">
        <v>0</v>
      </c>
      <c r="AE38" s="71">
        <v>0</v>
      </c>
      <c r="AF38" s="71">
        <v>0</v>
      </c>
      <c r="AG38" s="71">
        <v>0</v>
      </c>
      <c r="AH38" s="72">
        <v>1</v>
      </c>
      <c r="AI38" s="73">
        <v>1</v>
      </c>
      <c r="AJ38" s="70">
        <v>1</v>
      </c>
      <c r="AK38" s="71">
        <v>2</v>
      </c>
      <c r="AL38" s="72">
        <v>3</v>
      </c>
      <c r="AM38" s="244"/>
      <c r="AN38" s="71">
        <v>2</v>
      </c>
      <c r="AO38" s="71">
        <v>1</v>
      </c>
      <c r="AP38" s="71">
        <v>2</v>
      </c>
      <c r="AQ38" s="71">
        <v>2</v>
      </c>
      <c r="AR38" s="71">
        <v>0</v>
      </c>
      <c r="AS38" s="72">
        <v>7</v>
      </c>
      <c r="AT38" s="73">
        <v>10</v>
      </c>
      <c r="AU38" s="70">
        <v>2</v>
      </c>
      <c r="AV38" s="71">
        <v>1</v>
      </c>
      <c r="AW38" s="72">
        <v>3</v>
      </c>
      <c r="AX38" s="244"/>
      <c r="AY38" s="71">
        <v>3</v>
      </c>
      <c r="AZ38" s="71">
        <v>2</v>
      </c>
      <c r="BA38" s="71">
        <v>0</v>
      </c>
      <c r="BB38" s="71">
        <v>0</v>
      </c>
      <c r="BC38" s="71">
        <v>0</v>
      </c>
      <c r="BD38" s="72">
        <v>5</v>
      </c>
      <c r="BE38" s="73">
        <v>8</v>
      </c>
      <c r="BF38" s="70">
        <v>0</v>
      </c>
      <c r="BG38" s="71">
        <v>5</v>
      </c>
      <c r="BH38" s="72">
        <v>5</v>
      </c>
      <c r="BI38" s="244"/>
      <c r="BJ38" s="71">
        <v>4</v>
      </c>
      <c r="BK38" s="71">
        <v>1</v>
      </c>
      <c r="BL38" s="71">
        <v>0</v>
      </c>
      <c r="BM38" s="71">
        <v>0</v>
      </c>
      <c r="BN38" s="71">
        <v>0</v>
      </c>
      <c r="BO38" s="72">
        <v>5</v>
      </c>
      <c r="BP38" s="73">
        <v>10</v>
      </c>
      <c r="BQ38" s="70">
        <v>4</v>
      </c>
      <c r="BR38" s="71">
        <v>0</v>
      </c>
      <c r="BS38" s="72">
        <v>4</v>
      </c>
      <c r="BT38" s="244"/>
      <c r="BU38" s="71">
        <v>4</v>
      </c>
      <c r="BV38" s="71">
        <v>2</v>
      </c>
      <c r="BW38" s="71">
        <v>1</v>
      </c>
      <c r="BX38" s="71">
        <v>2</v>
      </c>
      <c r="BY38" s="71">
        <v>0</v>
      </c>
      <c r="BZ38" s="72">
        <v>9</v>
      </c>
      <c r="CA38" s="73">
        <v>13</v>
      </c>
      <c r="CB38" s="70">
        <v>0</v>
      </c>
      <c r="CC38" s="71">
        <v>0</v>
      </c>
      <c r="CD38" s="72">
        <v>0</v>
      </c>
      <c r="CE38" s="244"/>
      <c r="CF38" s="71">
        <v>0</v>
      </c>
      <c r="CG38" s="71">
        <v>0</v>
      </c>
      <c r="CH38" s="71">
        <v>0</v>
      </c>
      <c r="CI38" s="71">
        <v>0</v>
      </c>
      <c r="CJ38" s="71">
        <v>0</v>
      </c>
      <c r="CK38" s="72">
        <v>0</v>
      </c>
      <c r="CL38" s="73">
        <v>0</v>
      </c>
      <c r="CM38" s="70">
        <v>7</v>
      </c>
      <c r="CN38" s="71">
        <v>8</v>
      </c>
      <c r="CO38" s="72">
        <v>15</v>
      </c>
      <c r="CP38" s="244"/>
      <c r="CQ38" s="71">
        <v>15</v>
      </c>
      <c r="CR38" s="71">
        <v>6</v>
      </c>
      <c r="CS38" s="71">
        <v>3</v>
      </c>
      <c r="CT38" s="71">
        <v>4</v>
      </c>
      <c r="CU38" s="71">
        <v>0</v>
      </c>
      <c r="CV38" s="72">
        <v>28</v>
      </c>
      <c r="CW38" s="73">
        <v>43</v>
      </c>
      <c r="CX38" s="123">
        <v>3</v>
      </c>
      <c r="CY38" s="82">
        <v>1</v>
      </c>
      <c r="CZ38" s="83">
        <v>4</v>
      </c>
      <c r="DA38" s="241"/>
      <c r="DB38" s="82">
        <v>6</v>
      </c>
      <c r="DC38" s="82">
        <v>3</v>
      </c>
      <c r="DD38" s="82">
        <v>2</v>
      </c>
      <c r="DE38" s="82">
        <v>8</v>
      </c>
      <c r="DF38" s="82">
        <v>0</v>
      </c>
      <c r="DG38" s="84">
        <v>19</v>
      </c>
      <c r="DH38" s="85">
        <v>23</v>
      </c>
      <c r="DI38" s="70">
        <v>0</v>
      </c>
      <c r="DJ38" s="71">
        <v>0</v>
      </c>
      <c r="DK38" s="72">
        <v>0</v>
      </c>
      <c r="DL38" s="244"/>
      <c r="DM38" s="71">
        <v>0</v>
      </c>
      <c r="DN38" s="71">
        <v>0</v>
      </c>
      <c r="DO38" s="71">
        <v>0</v>
      </c>
      <c r="DP38" s="71">
        <v>0</v>
      </c>
      <c r="DQ38" s="71">
        <v>0</v>
      </c>
      <c r="DR38" s="72">
        <v>0</v>
      </c>
      <c r="DS38" s="73">
        <v>0</v>
      </c>
      <c r="DT38" s="70">
        <v>0</v>
      </c>
      <c r="DU38" s="71">
        <v>0</v>
      </c>
      <c r="DV38" s="72">
        <v>0</v>
      </c>
      <c r="DW38" s="244"/>
      <c r="DX38" s="71">
        <v>1</v>
      </c>
      <c r="DY38" s="71">
        <v>0</v>
      </c>
      <c r="DZ38" s="71">
        <v>1</v>
      </c>
      <c r="EA38" s="71">
        <v>0</v>
      </c>
      <c r="EB38" s="71">
        <v>0</v>
      </c>
      <c r="EC38" s="72">
        <v>2</v>
      </c>
      <c r="ED38" s="73">
        <v>2</v>
      </c>
      <c r="EE38" s="70">
        <v>0</v>
      </c>
      <c r="EF38" s="71">
        <v>0</v>
      </c>
      <c r="EG38" s="72">
        <v>0</v>
      </c>
      <c r="EH38" s="244"/>
      <c r="EI38" s="71">
        <v>1</v>
      </c>
      <c r="EJ38" s="71">
        <v>0</v>
      </c>
      <c r="EK38" s="71">
        <v>0</v>
      </c>
      <c r="EL38" s="71">
        <v>0</v>
      </c>
      <c r="EM38" s="71">
        <v>0</v>
      </c>
      <c r="EN38" s="72">
        <v>1</v>
      </c>
      <c r="EO38" s="73">
        <v>1</v>
      </c>
      <c r="EP38" s="70">
        <v>2</v>
      </c>
      <c r="EQ38" s="71">
        <v>0</v>
      </c>
      <c r="ER38" s="72">
        <v>2</v>
      </c>
      <c r="ES38" s="244"/>
      <c r="ET38" s="71">
        <v>2</v>
      </c>
      <c r="EU38" s="71">
        <v>1</v>
      </c>
      <c r="EV38" s="71">
        <v>0</v>
      </c>
      <c r="EW38" s="71">
        <v>2</v>
      </c>
      <c r="EX38" s="71">
        <v>0</v>
      </c>
      <c r="EY38" s="72">
        <v>5</v>
      </c>
      <c r="EZ38" s="73">
        <v>7</v>
      </c>
      <c r="FA38" s="70">
        <v>1</v>
      </c>
      <c r="FB38" s="71">
        <v>0</v>
      </c>
      <c r="FC38" s="72">
        <v>1</v>
      </c>
      <c r="FD38" s="244"/>
      <c r="FE38" s="71">
        <v>2</v>
      </c>
      <c r="FF38" s="71">
        <v>2</v>
      </c>
      <c r="FG38" s="71">
        <v>0</v>
      </c>
      <c r="FH38" s="71">
        <v>1</v>
      </c>
      <c r="FI38" s="71">
        <v>0</v>
      </c>
      <c r="FJ38" s="72">
        <v>5</v>
      </c>
      <c r="FK38" s="73">
        <v>6</v>
      </c>
      <c r="FL38" s="70">
        <v>0</v>
      </c>
      <c r="FM38" s="71">
        <v>1</v>
      </c>
      <c r="FN38" s="72">
        <v>1</v>
      </c>
      <c r="FO38" s="244"/>
      <c r="FP38" s="71">
        <v>0</v>
      </c>
      <c r="FQ38" s="71">
        <v>0</v>
      </c>
      <c r="FR38" s="71">
        <v>1</v>
      </c>
      <c r="FS38" s="71">
        <v>5</v>
      </c>
      <c r="FT38" s="71">
        <v>0</v>
      </c>
      <c r="FU38" s="72">
        <v>6</v>
      </c>
      <c r="FV38" s="73">
        <v>7</v>
      </c>
      <c r="FW38" s="70">
        <v>0</v>
      </c>
      <c r="FX38" s="71">
        <v>0</v>
      </c>
      <c r="FY38" s="72">
        <v>0</v>
      </c>
      <c r="FZ38" s="244"/>
      <c r="GA38" s="71">
        <v>0</v>
      </c>
      <c r="GB38" s="71">
        <v>0</v>
      </c>
      <c r="GC38" s="71">
        <v>0</v>
      </c>
      <c r="GD38" s="71">
        <v>0</v>
      </c>
      <c r="GE38" s="71">
        <v>0</v>
      </c>
      <c r="GF38" s="72">
        <v>0</v>
      </c>
      <c r="GG38" s="73">
        <v>0</v>
      </c>
      <c r="GH38" s="70">
        <v>3</v>
      </c>
      <c r="GI38" s="71">
        <v>1</v>
      </c>
      <c r="GJ38" s="72">
        <v>4</v>
      </c>
      <c r="GK38" s="244"/>
      <c r="GL38" s="71">
        <v>6</v>
      </c>
      <c r="GM38" s="71">
        <v>3</v>
      </c>
      <c r="GN38" s="71">
        <v>2</v>
      </c>
      <c r="GO38" s="71">
        <v>8</v>
      </c>
      <c r="GP38" s="71">
        <v>0</v>
      </c>
      <c r="GQ38" s="72">
        <v>19</v>
      </c>
      <c r="GR38" s="73">
        <v>23</v>
      </c>
      <c r="GS38" s="123">
        <v>10</v>
      </c>
      <c r="GT38" s="82">
        <v>9</v>
      </c>
      <c r="GU38" s="83">
        <v>19</v>
      </c>
      <c r="GV38" s="241"/>
      <c r="GW38" s="82">
        <v>21</v>
      </c>
      <c r="GX38" s="82">
        <v>9</v>
      </c>
      <c r="GY38" s="82">
        <v>5</v>
      </c>
      <c r="GZ38" s="82">
        <v>12</v>
      </c>
      <c r="HA38" s="82">
        <v>0</v>
      </c>
      <c r="HB38" s="84">
        <v>47</v>
      </c>
      <c r="HC38" s="85">
        <v>66</v>
      </c>
      <c r="HD38" s="70">
        <v>0</v>
      </c>
      <c r="HE38" s="71">
        <v>0</v>
      </c>
      <c r="HF38" s="72">
        <v>0</v>
      </c>
      <c r="HG38" s="244"/>
      <c r="HH38" s="71">
        <v>1</v>
      </c>
      <c r="HI38" s="71">
        <v>0</v>
      </c>
      <c r="HJ38" s="71">
        <v>0</v>
      </c>
      <c r="HK38" s="71">
        <v>0</v>
      </c>
      <c r="HL38" s="71">
        <v>0</v>
      </c>
      <c r="HM38" s="72">
        <v>1</v>
      </c>
      <c r="HN38" s="73">
        <v>1</v>
      </c>
      <c r="HO38" s="70">
        <v>0</v>
      </c>
      <c r="HP38" s="71">
        <v>0</v>
      </c>
      <c r="HQ38" s="72">
        <v>0</v>
      </c>
      <c r="HR38" s="244"/>
      <c r="HS38" s="71">
        <v>2</v>
      </c>
      <c r="HT38" s="71">
        <v>0</v>
      </c>
      <c r="HU38" s="71">
        <v>1</v>
      </c>
      <c r="HV38" s="71">
        <v>0</v>
      </c>
      <c r="HW38" s="71">
        <v>0</v>
      </c>
      <c r="HX38" s="72">
        <v>3</v>
      </c>
      <c r="HY38" s="73">
        <v>3</v>
      </c>
      <c r="HZ38" s="70">
        <v>1</v>
      </c>
      <c r="IA38" s="71">
        <v>2</v>
      </c>
      <c r="IB38" s="72">
        <v>3</v>
      </c>
      <c r="IC38" s="244"/>
      <c r="ID38" s="71">
        <v>3</v>
      </c>
      <c r="IE38" s="71">
        <v>1</v>
      </c>
      <c r="IF38" s="71">
        <v>2</v>
      </c>
      <c r="IG38" s="71">
        <v>2</v>
      </c>
      <c r="IH38" s="71">
        <v>0</v>
      </c>
      <c r="II38" s="72">
        <v>8</v>
      </c>
      <c r="IJ38" s="73">
        <v>11</v>
      </c>
      <c r="IK38" s="70">
        <v>4</v>
      </c>
      <c r="IL38" s="71">
        <v>1</v>
      </c>
      <c r="IM38" s="72">
        <v>5</v>
      </c>
      <c r="IN38" s="244"/>
      <c r="IO38" s="71">
        <v>5</v>
      </c>
      <c r="IP38" s="71">
        <v>3</v>
      </c>
      <c r="IQ38" s="71">
        <v>0</v>
      </c>
      <c r="IR38" s="71">
        <v>2</v>
      </c>
      <c r="IS38" s="71">
        <v>0</v>
      </c>
      <c r="IT38" s="72">
        <v>10</v>
      </c>
      <c r="IU38" s="73">
        <v>15</v>
      </c>
      <c r="IV38" s="70">
        <v>1</v>
      </c>
      <c r="IW38" s="71">
        <v>5</v>
      </c>
      <c r="IX38" s="72">
        <v>6</v>
      </c>
      <c r="IY38" s="244"/>
      <c r="IZ38" s="71">
        <v>6</v>
      </c>
      <c r="JA38" s="71">
        <v>3</v>
      </c>
      <c r="JB38" s="71">
        <v>0</v>
      </c>
      <c r="JC38" s="71">
        <v>1</v>
      </c>
      <c r="JD38" s="71">
        <v>0</v>
      </c>
      <c r="JE38" s="72">
        <v>10</v>
      </c>
      <c r="JF38" s="73">
        <v>16</v>
      </c>
      <c r="JG38" s="70">
        <v>4</v>
      </c>
      <c r="JH38" s="71">
        <v>1</v>
      </c>
      <c r="JI38" s="72">
        <v>5</v>
      </c>
      <c r="JJ38" s="244"/>
      <c r="JK38" s="71">
        <v>4</v>
      </c>
      <c r="JL38" s="71">
        <v>2</v>
      </c>
      <c r="JM38" s="71">
        <v>2</v>
      </c>
      <c r="JN38" s="71">
        <v>7</v>
      </c>
      <c r="JO38" s="71">
        <v>0</v>
      </c>
      <c r="JP38" s="72">
        <v>15</v>
      </c>
      <c r="JQ38" s="73">
        <v>20</v>
      </c>
      <c r="JR38" s="70">
        <v>0</v>
      </c>
      <c r="JS38" s="71">
        <v>0</v>
      </c>
      <c r="JT38" s="72">
        <v>0</v>
      </c>
      <c r="JU38" s="244"/>
      <c r="JV38" s="71">
        <v>0</v>
      </c>
      <c r="JW38" s="71">
        <v>0</v>
      </c>
      <c r="JX38" s="71">
        <v>0</v>
      </c>
      <c r="JY38" s="71">
        <v>0</v>
      </c>
      <c r="JZ38" s="71">
        <v>0</v>
      </c>
      <c r="KA38" s="72">
        <v>0</v>
      </c>
      <c r="KB38" s="73">
        <v>0</v>
      </c>
      <c r="KC38" s="70">
        <v>10</v>
      </c>
      <c r="KD38" s="71">
        <v>9</v>
      </c>
      <c r="KE38" s="72">
        <v>19</v>
      </c>
      <c r="KF38" s="244"/>
      <c r="KG38" s="71">
        <v>21</v>
      </c>
      <c r="KH38" s="71">
        <v>9</v>
      </c>
      <c r="KI38" s="71">
        <v>5</v>
      </c>
      <c r="KJ38" s="71">
        <v>12</v>
      </c>
      <c r="KK38" s="71">
        <v>0</v>
      </c>
      <c r="KL38" s="72">
        <v>47</v>
      </c>
      <c r="KM38" s="73">
        <v>66</v>
      </c>
    </row>
    <row r="39" spans="2:299" ht="19.5" customHeight="1" x14ac:dyDescent="0.2">
      <c r="B39" s="126" t="s">
        <v>36</v>
      </c>
      <c r="C39" s="315">
        <v>1</v>
      </c>
      <c r="D39" s="82">
        <v>7</v>
      </c>
      <c r="E39" s="83">
        <v>8</v>
      </c>
      <c r="F39" s="241"/>
      <c r="G39" s="82">
        <v>8</v>
      </c>
      <c r="H39" s="82">
        <v>4</v>
      </c>
      <c r="I39" s="82">
        <v>4</v>
      </c>
      <c r="J39" s="82">
        <v>3</v>
      </c>
      <c r="K39" s="82">
        <v>2</v>
      </c>
      <c r="L39" s="84">
        <v>21</v>
      </c>
      <c r="M39" s="85">
        <v>29</v>
      </c>
      <c r="N39" s="70">
        <v>0</v>
      </c>
      <c r="O39" s="71">
        <v>0</v>
      </c>
      <c r="P39" s="72">
        <v>0</v>
      </c>
      <c r="Q39" s="244"/>
      <c r="R39" s="71">
        <v>0</v>
      </c>
      <c r="S39" s="71">
        <v>0</v>
      </c>
      <c r="T39" s="71">
        <v>0</v>
      </c>
      <c r="U39" s="71">
        <v>0</v>
      </c>
      <c r="V39" s="71">
        <v>0</v>
      </c>
      <c r="W39" s="72">
        <v>0</v>
      </c>
      <c r="X39" s="73">
        <v>0</v>
      </c>
      <c r="Y39" s="70">
        <v>0</v>
      </c>
      <c r="Z39" s="71">
        <v>0</v>
      </c>
      <c r="AA39" s="72">
        <v>0</v>
      </c>
      <c r="AB39" s="244"/>
      <c r="AC39" s="71">
        <v>1</v>
      </c>
      <c r="AD39" s="71">
        <v>1</v>
      </c>
      <c r="AE39" s="71">
        <v>0</v>
      </c>
      <c r="AF39" s="71">
        <v>0</v>
      </c>
      <c r="AG39" s="71">
        <v>0</v>
      </c>
      <c r="AH39" s="72">
        <v>2</v>
      </c>
      <c r="AI39" s="73">
        <v>2</v>
      </c>
      <c r="AJ39" s="70">
        <v>0</v>
      </c>
      <c r="AK39" s="71">
        <v>0</v>
      </c>
      <c r="AL39" s="72">
        <v>0</v>
      </c>
      <c r="AM39" s="244"/>
      <c r="AN39" s="71">
        <v>1</v>
      </c>
      <c r="AO39" s="71">
        <v>0</v>
      </c>
      <c r="AP39" s="71">
        <v>0</v>
      </c>
      <c r="AQ39" s="71">
        <v>0</v>
      </c>
      <c r="AR39" s="71">
        <v>1</v>
      </c>
      <c r="AS39" s="72">
        <v>2</v>
      </c>
      <c r="AT39" s="73">
        <v>2</v>
      </c>
      <c r="AU39" s="70">
        <v>0</v>
      </c>
      <c r="AV39" s="71">
        <v>4</v>
      </c>
      <c r="AW39" s="72">
        <v>4</v>
      </c>
      <c r="AX39" s="244"/>
      <c r="AY39" s="71">
        <v>3</v>
      </c>
      <c r="AZ39" s="71">
        <v>2</v>
      </c>
      <c r="BA39" s="71">
        <v>1</v>
      </c>
      <c r="BB39" s="71">
        <v>0</v>
      </c>
      <c r="BC39" s="71">
        <v>1</v>
      </c>
      <c r="BD39" s="72">
        <v>7</v>
      </c>
      <c r="BE39" s="73">
        <v>11</v>
      </c>
      <c r="BF39" s="70">
        <v>0</v>
      </c>
      <c r="BG39" s="71">
        <v>3</v>
      </c>
      <c r="BH39" s="72">
        <v>3</v>
      </c>
      <c r="BI39" s="244"/>
      <c r="BJ39" s="71">
        <v>0</v>
      </c>
      <c r="BK39" s="71">
        <v>0</v>
      </c>
      <c r="BL39" s="71">
        <v>2</v>
      </c>
      <c r="BM39" s="71">
        <v>2</v>
      </c>
      <c r="BN39" s="71">
        <v>0</v>
      </c>
      <c r="BO39" s="72">
        <v>4</v>
      </c>
      <c r="BP39" s="73">
        <v>7</v>
      </c>
      <c r="BQ39" s="70">
        <v>1</v>
      </c>
      <c r="BR39" s="71">
        <v>0</v>
      </c>
      <c r="BS39" s="72">
        <v>1</v>
      </c>
      <c r="BT39" s="244"/>
      <c r="BU39" s="71">
        <v>3</v>
      </c>
      <c r="BV39" s="71">
        <v>1</v>
      </c>
      <c r="BW39" s="71">
        <v>1</v>
      </c>
      <c r="BX39" s="71">
        <v>1</v>
      </c>
      <c r="BY39" s="71">
        <v>0</v>
      </c>
      <c r="BZ39" s="72">
        <v>6</v>
      </c>
      <c r="CA39" s="73">
        <v>7</v>
      </c>
      <c r="CB39" s="70">
        <v>0</v>
      </c>
      <c r="CC39" s="71">
        <v>0</v>
      </c>
      <c r="CD39" s="72">
        <v>0</v>
      </c>
      <c r="CE39" s="244"/>
      <c r="CF39" s="71">
        <v>0</v>
      </c>
      <c r="CG39" s="71">
        <v>0</v>
      </c>
      <c r="CH39" s="71">
        <v>0</v>
      </c>
      <c r="CI39" s="71">
        <v>0</v>
      </c>
      <c r="CJ39" s="71">
        <v>0</v>
      </c>
      <c r="CK39" s="72">
        <v>0</v>
      </c>
      <c r="CL39" s="73">
        <v>0</v>
      </c>
      <c r="CM39" s="70">
        <v>1</v>
      </c>
      <c r="CN39" s="71">
        <v>7</v>
      </c>
      <c r="CO39" s="72">
        <v>8</v>
      </c>
      <c r="CP39" s="244"/>
      <c r="CQ39" s="71">
        <v>8</v>
      </c>
      <c r="CR39" s="71">
        <v>4</v>
      </c>
      <c r="CS39" s="71">
        <v>4</v>
      </c>
      <c r="CT39" s="71">
        <v>3</v>
      </c>
      <c r="CU39" s="71">
        <v>2</v>
      </c>
      <c r="CV39" s="72">
        <v>21</v>
      </c>
      <c r="CW39" s="73">
        <v>29</v>
      </c>
      <c r="CX39" s="123">
        <v>3</v>
      </c>
      <c r="CY39" s="82">
        <v>3</v>
      </c>
      <c r="CZ39" s="83">
        <v>6</v>
      </c>
      <c r="DA39" s="241"/>
      <c r="DB39" s="82">
        <v>6</v>
      </c>
      <c r="DC39" s="82">
        <v>2</v>
      </c>
      <c r="DD39" s="82">
        <v>4</v>
      </c>
      <c r="DE39" s="82">
        <v>5</v>
      </c>
      <c r="DF39" s="82">
        <v>2</v>
      </c>
      <c r="DG39" s="84">
        <v>19</v>
      </c>
      <c r="DH39" s="85">
        <v>25</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1</v>
      </c>
      <c r="EG39" s="72">
        <v>1</v>
      </c>
      <c r="EH39" s="244"/>
      <c r="EI39" s="71">
        <v>0</v>
      </c>
      <c r="EJ39" s="71">
        <v>0</v>
      </c>
      <c r="EK39" s="71">
        <v>0</v>
      </c>
      <c r="EL39" s="71">
        <v>0</v>
      </c>
      <c r="EM39" s="71">
        <v>0</v>
      </c>
      <c r="EN39" s="72">
        <v>0</v>
      </c>
      <c r="EO39" s="73">
        <v>1</v>
      </c>
      <c r="EP39" s="70">
        <v>1</v>
      </c>
      <c r="EQ39" s="71">
        <v>1</v>
      </c>
      <c r="ER39" s="72">
        <v>2</v>
      </c>
      <c r="ES39" s="244"/>
      <c r="ET39" s="71">
        <v>2</v>
      </c>
      <c r="EU39" s="71">
        <v>0</v>
      </c>
      <c r="EV39" s="71">
        <v>1</v>
      </c>
      <c r="EW39" s="71">
        <v>0</v>
      </c>
      <c r="EX39" s="71">
        <v>0</v>
      </c>
      <c r="EY39" s="72">
        <v>3</v>
      </c>
      <c r="EZ39" s="73">
        <v>5</v>
      </c>
      <c r="FA39" s="70">
        <v>1</v>
      </c>
      <c r="FB39" s="71">
        <v>1</v>
      </c>
      <c r="FC39" s="72">
        <v>2</v>
      </c>
      <c r="FD39" s="244"/>
      <c r="FE39" s="71">
        <v>2</v>
      </c>
      <c r="FF39" s="71">
        <v>1</v>
      </c>
      <c r="FG39" s="71">
        <v>1</v>
      </c>
      <c r="FH39" s="71">
        <v>4</v>
      </c>
      <c r="FI39" s="71">
        <v>0</v>
      </c>
      <c r="FJ39" s="72">
        <v>8</v>
      </c>
      <c r="FK39" s="73">
        <v>10</v>
      </c>
      <c r="FL39" s="70">
        <v>1</v>
      </c>
      <c r="FM39" s="71">
        <v>0</v>
      </c>
      <c r="FN39" s="72">
        <v>1</v>
      </c>
      <c r="FO39" s="244"/>
      <c r="FP39" s="71">
        <v>2</v>
      </c>
      <c r="FQ39" s="71">
        <v>1</v>
      </c>
      <c r="FR39" s="71">
        <v>2</v>
      </c>
      <c r="FS39" s="71">
        <v>1</v>
      </c>
      <c r="FT39" s="71">
        <v>2</v>
      </c>
      <c r="FU39" s="72">
        <v>8</v>
      </c>
      <c r="FV39" s="73">
        <v>9</v>
      </c>
      <c r="FW39" s="70">
        <v>0</v>
      </c>
      <c r="FX39" s="71">
        <v>0</v>
      </c>
      <c r="FY39" s="72">
        <v>0</v>
      </c>
      <c r="FZ39" s="244"/>
      <c r="GA39" s="71">
        <v>0</v>
      </c>
      <c r="GB39" s="71">
        <v>0</v>
      </c>
      <c r="GC39" s="71">
        <v>0</v>
      </c>
      <c r="GD39" s="71">
        <v>0</v>
      </c>
      <c r="GE39" s="71">
        <v>0</v>
      </c>
      <c r="GF39" s="72">
        <v>0</v>
      </c>
      <c r="GG39" s="73">
        <v>0</v>
      </c>
      <c r="GH39" s="70">
        <v>3</v>
      </c>
      <c r="GI39" s="71">
        <v>3</v>
      </c>
      <c r="GJ39" s="72">
        <v>6</v>
      </c>
      <c r="GK39" s="244"/>
      <c r="GL39" s="71">
        <v>6</v>
      </c>
      <c r="GM39" s="71">
        <v>2</v>
      </c>
      <c r="GN39" s="71">
        <v>4</v>
      </c>
      <c r="GO39" s="71">
        <v>5</v>
      </c>
      <c r="GP39" s="71">
        <v>2</v>
      </c>
      <c r="GQ39" s="72">
        <v>19</v>
      </c>
      <c r="GR39" s="73">
        <v>25</v>
      </c>
      <c r="GS39" s="123">
        <v>4</v>
      </c>
      <c r="GT39" s="82">
        <v>10</v>
      </c>
      <c r="GU39" s="83">
        <v>14</v>
      </c>
      <c r="GV39" s="241"/>
      <c r="GW39" s="82">
        <v>14</v>
      </c>
      <c r="GX39" s="82">
        <v>6</v>
      </c>
      <c r="GY39" s="82">
        <v>8</v>
      </c>
      <c r="GZ39" s="82">
        <v>8</v>
      </c>
      <c r="HA39" s="82">
        <v>4</v>
      </c>
      <c r="HB39" s="84">
        <v>40</v>
      </c>
      <c r="HC39" s="85">
        <v>54</v>
      </c>
      <c r="HD39" s="70">
        <v>0</v>
      </c>
      <c r="HE39" s="71">
        <v>0</v>
      </c>
      <c r="HF39" s="72">
        <v>0</v>
      </c>
      <c r="HG39" s="244"/>
      <c r="HH39" s="71">
        <v>0</v>
      </c>
      <c r="HI39" s="71">
        <v>0</v>
      </c>
      <c r="HJ39" s="71">
        <v>0</v>
      </c>
      <c r="HK39" s="71">
        <v>0</v>
      </c>
      <c r="HL39" s="71">
        <v>0</v>
      </c>
      <c r="HM39" s="72">
        <v>0</v>
      </c>
      <c r="HN39" s="73">
        <v>0</v>
      </c>
      <c r="HO39" s="70">
        <v>0</v>
      </c>
      <c r="HP39" s="71">
        <v>0</v>
      </c>
      <c r="HQ39" s="72">
        <v>0</v>
      </c>
      <c r="HR39" s="244"/>
      <c r="HS39" s="71">
        <v>1</v>
      </c>
      <c r="HT39" s="71">
        <v>1</v>
      </c>
      <c r="HU39" s="71">
        <v>0</v>
      </c>
      <c r="HV39" s="71">
        <v>0</v>
      </c>
      <c r="HW39" s="71">
        <v>0</v>
      </c>
      <c r="HX39" s="72">
        <v>2</v>
      </c>
      <c r="HY39" s="73">
        <v>2</v>
      </c>
      <c r="HZ39" s="70">
        <v>0</v>
      </c>
      <c r="IA39" s="71">
        <v>1</v>
      </c>
      <c r="IB39" s="72">
        <v>1</v>
      </c>
      <c r="IC39" s="244"/>
      <c r="ID39" s="71">
        <v>1</v>
      </c>
      <c r="IE39" s="71">
        <v>0</v>
      </c>
      <c r="IF39" s="71">
        <v>0</v>
      </c>
      <c r="IG39" s="71">
        <v>0</v>
      </c>
      <c r="IH39" s="71">
        <v>1</v>
      </c>
      <c r="II39" s="72">
        <v>2</v>
      </c>
      <c r="IJ39" s="73">
        <v>3</v>
      </c>
      <c r="IK39" s="70">
        <v>1</v>
      </c>
      <c r="IL39" s="71">
        <v>5</v>
      </c>
      <c r="IM39" s="72">
        <v>6</v>
      </c>
      <c r="IN39" s="244"/>
      <c r="IO39" s="71">
        <v>5</v>
      </c>
      <c r="IP39" s="71">
        <v>2</v>
      </c>
      <c r="IQ39" s="71">
        <v>2</v>
      </c>
      <c r="IR39" s="71">
        <v>0</v>
      </c>
      <c r="IS39" s="71">
        <v>1</v>
      </c>
      <c r="IT39" s="72">
        <v>10</v>
      </c>
      <c r="IU39" s="73">
        <v>16</v>
      </c>
      <c r="IV39" s="70">
        <v>1</v>
      </c>
      <c r="IW39" s="71">
        <v>4</v>
      </c>
      <c r="IX39" s="72">
        <v>5</v>
      </c>
      <c r="IY39" s="244"/>
      <c r="IZ39" s="71">
        <v>2</v>
      </c>
      <c r="JA39" s="71">
        <v>1</v>
      </c>
      <c r="JB39" s="71">
        <v>3</v>
      </c>
      <c r="JC39" s="71">
        <v>6</v>
      </c>
      <c r="JD39" s="71">
        <v>0</v>
      </c>
      <c r="JE39" s="72">
        <v>12</v>
      </c>
      <c r="JF39" s="73">
        <v>17</v>
      </c>
      <c r="JG39" s="70">
        <v>2</v>
      </c>
      <c r="JH39" s="71">
        <v>0</v>
      </c>
      <c r="JI39" s="72">
        <v>2</v>
      </c>
      <c r="JJ39" s="244"/>
      <c r="JK39" s="71">
        <v>5</v>
      </c>
      <c r="JL39" s="71">
        <v>2</v>
      </c>
      <c r="JM39" s="71">
        <v>3</v>
      </c>
      <c r="JN39" s="71">
        <v>2</v>
      </c>
      <c r="JO39" s="71">
        <v>2</v>
      </c>
      <c r="JP39" s="72">
        <v>14</v>
      </c>
      <c r="JQ39" s="73">
        <v>16</v>
      </c>
      <c r="JR39" s="70">
        <v>0</v>
      </c>
      <c r="JS39" s="71">
        <v>0</v>
      </c>
      <c r="JT39" s="72">
        <v>0</v>
      </c>
      <c r="JU39" s="244"/>
      <c r="JV39" s="71">
        <v>0</v>
      </c>
      <c r="JW39" s="71">
        <v>0</v>
      </c>
      <c r="JX39" s="71">
        <v>0</v>
      </c>
      <c r="JY39" s="71">
        <v>0</v>
      </c>
      <c r="JZ39" s="71">
        <v>0</v>
      </c>
      <c r="KA39" s="72">
        <v>0</v>
      </c>
      <c r="KB39" s="73">
        <v>0</v>
      </c>
      <c r="KC39" s="70">
        <v>4</v>
      </c>
      <c r="KD39" s="71">
        <v>10</v>
      </c>
      <c r="KE39" s="72">
        <v>14</v>
      </c>
      <c r="KF39" s="244"/>
      <c r="KG39" s="71">
        <v>14</v>
      </c>
      <c r="KH39" s="71">
        <v>6</v>
      </c>
      <c r="KI39" s="71">
        <v>8</v>
      </c>
      <c r="KJ39" s="71">
        <v>8</v>
      </c>
      <c r="KK39" s="71">
        <v>4</v>
      </c>
      <c r="KL39" s="72">
        <v>40</v>
      </c>
      <c r="KM39" s="73">
        <v>54</v>
      </c>
    </row>
    <row r="40" spans="2:299" ht="19.5" customHeight="1" thickBot="1" x14ac:dyDescent="0.25">
      <c r="B40" s="127" t="s">
        <v>37</v>
      </c>
      <c r="C40" s="316">
        <v>0</v>
      </c>
      <c r="D40" s="87">
        <v>1</v>
      </c>
      <c r="E40" s="88">
        <v>1</v>
      </c>
      <c r="F40" s="242"/>
      <c r="G40" s="87">
        <v>0</v>
      </c>
      <c r="H40" s="87">
        <v>0</v>
      </c>
      <c r="I40" s="87">
        <v>0</v>
      </c>
      <c r="J40" s="87">
        <v>1</v>
      </c>
      <c r="K40" s="87">
        <v>1</v>
      </c>
      <c r="L40" s="89">
        <v>2</v>
      </c>
      <c r="M40" s="90">
        <v>3</v>
      </c>
      <c r="N40" s="74">
        <v>0</v>
      </c>
      <c r="O40" s="75">
        <v>0</v>
      </c>
      <c r="P40" s="76">
        <v>0</v>
      </c>
      <c r="Q40" s="245"/>
      <c r="R40" s="75">
        <v>0</v>
      </c>
      <c r="S40" s="75">
        <v>0</v>
      </c>
      <c r="T40" s="75">
        <v>0</v>
      </c>
      <c r="U40" s="75">
        <v>0</v>
      </c>
      <c r="V40" s="75">
        <v>0</v>
      </c>
      <c r="W40" s="76">
        <v>0</v>
      </c>
      <c r="X40" s="77">
        <v>0</v>
      </c>
      <c r="Y40" s="74">
        <v>0</v>
      </c>
      <c r="Z40" s="75">
        <v>1</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1</v>
      </c>
      <c r="BD40" s="76">
        <v>2</v>
      </c>
      <c r="BE40" s="77">
        <v>2</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0</v>
      </c>
      <c r="CS40" s="75">
        <v>0</v>
      </c>
      <c r="CT40" s="75">
        <v>1</v>
      </c>
      <c r="CU40" s="75">
        <v>1</v>
      </c>
      <c r="CV40" s="76">
        <v>2</v>
      </c>
      <c r="CW40" s="77">
        <v>3</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1</v>
      </c>
      <c r="GU40" s="88">
        <v>1</v>
      </c>
      <c r="GV40" s="242"/>
      <c r="GW40" s="87">
        <v>0</v>
      </c>
      <c r="GX40" s="87">
        <v>0</v>
      </c>
      <c r="GY40" s="87">
        <v>0</v>
      </c>
      <c r="GZ40" s="87">
        <v>1</v>
      </c>
      <c r="HA40" s="87">
        <v>2</v>
      </c>
      <c r="HB40" s="89">
        <v>3</v>
      </c>
      <c r="HC40" s="90">
        <v>4</v>
      </c>
      <c r="HD40" s="74">
        <v>0</v>
      </c>
      <c r="HE40" s="75">
        <v>0</v>
      </c>
      <c r="HF40" s="76">
        <v>0</v>
      </c>
      <c r="HG40" s="245"/>
      <c r="HH40" s="75">
        <v>0</v>
      </c>
      <c r="HI40" s="75">
        <v>0</v>
      </c>
      <c r="HJ40" s="75">
        <v>0</v>
      </c>
      <c r="HK40" s="75">
        <v>0</v>
      </c>
      <c r="HL40" s="75">
        <v>0</v>
      </c>
      <c r="HM40" s="76">
        <v>0</v>
      </c>
      <c r="HN40" s="77">
        <v>0</v>
      </c>
      <c r="HO40" s="74">
        <v>0</v>
      </c>
      <c r="HP40" s="75">
        <v>1</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1</v>
      </c>
      <c r="IT40" s="76">
        <v>2</v>
      </c>
      <c r="IU40" s="77">
        <v>2</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0</v>
      </c>
      <c r="KI40" s="75">
        <v>0</v>
      </c>
      <c r="KJ40" s="75">
        <v>1</v>
      </c>
      <c r="KK40" s="75">
        <v>2</v>
      </c>
      <c r="KL40" s="76">
        <v>3</v>
      </c>
      <c r="KM40" s="77">
        <v>4</v>
      </c>
    </row>
    <row r="41" spans="2:299" ht="32.25" customHeight="1" x14ac:dyDescent="0.2">
      <c r="C41" s="310"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8.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26">
        <f>第１表!F2</f>
        <v>4</v>
      </c>
      <c r="H1" s="526"/>
      <c r="I1" s="248">
        <f>第１表!G2</f>
        <v>10</v>
      </c>
      <c r="J1" s="531">
        <f>IF(I1&lt;3,I1+12-2,I1-2)</f>
        <v>8</v>
      </c>
      <c r="K1" s="531"/>
    </row>
    <row r="2" spans="2:35" ht="24" customHeight="1" thickBot="1" x14ac:dyDescent="0.25">
      <c r="B2" s="291"/>
      <c r="J2" s="24"/>
      <c r="K2" s="24"/>
      <c r="L2" s="24"/>
      <c r="M2" s="24"/>
      <c r="N2" s="24"/>
      <c r="O2" s="24"/>
      <c r="P2" s="25"/>
      <c r="Q2" s="25"/>
      <c r="R2" s="25"/>
    </row>
    <row r="3" spans="2:35" s="44" customFormat="1" ht="19.5" customHeight="1" thickBot="1" x14ac:dyDescent="0.25">
      <c r="B3" s="54"/>
      <c r="C3" s="528" t="s">
        <v>53</v>
      </c>
      <c r="D3" s="529"/>
      <c r="E3" s="529"/>
      <c r="F3" s="529"/>
      <c r="G3" s="529"/>
      <c r="H3" s="529"/>
      <c r="I3" s="529"/>
      <c r="J3" s="529"/>
      <c r="K3" s="529"/>
      <c r="L3" s="529"/>
      <c r="M3" s="530"/>
      <c r="N3" s="528" t="s">
        <v>54</v>
      </c>
      <c r="O3" s="529"/>
      <c r="P3" s="529"/>
      <c r="Q3" s="529"/>
      <c r="R3" s="529"/>
      <c r="S3" s="529"/>
      <c r="T3" s="529"/>
      <c r="U3" s="529"/>
      <c r="V3" s="529"/>
      <c r="W3" s="529"/>
      <c r="X3" s="530"/>
      <c r="Y3" s="528" t="s">
        <v>55</v>
      </c>
      <c r="Z3" s="529"/>
      <c r="AA3" s="529"/>
      <c r="AB3" s="529"/>
      <c r="AC3" s="529"/>
      <c r="AD3" s="529"/>
      <c r="AE3" s="529"/>
      <c r="AF3" s="529"/>
      <c r="AG3" s="529"/>
      <c r="AH3" s="529"/>
      <c r="AI3" s="530"/>
    </row>
    <row r="4" spans="2:35" s="44" customFormat="1" ht="29.25"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19.5" customHeight="1" x14ac:dyDescent="0.2">
      <c r="B5" s="46" t="s">
        <v>4</v>
      </c>
      <c r="C5" s="215">
        <v>16118</v>
      </c>
      <c r="D5" s="216">
        <v>28251</v>
      </c>
      <c r="E5" s="217">
        <v>44369</v>
      </c>
      <c r="F5" s="212">
        <v>0</v>
      </c>
      <c r="G5" s="216">
        <v>59462</v>
      </c>
      <c r="H5" s="216">
        <v>59674</v>
      </c>
      <c r="I5" s="216">
        <v>34892</v>
      </c>
      <c r="J5" s="216">
        <v>27254</v>
      </c>
      <c r="K5" s="216">
        <v>16396</v>
      </c>
      <c r="L5" s="217">
        <v>197678</v>
      </c>
      <c r="M5" s="218">
        <v>242047</v>
      </c>
      <c r="N5" s="219">
        <v>271</v>
      </c>
      <c r="O5" s="216">
        <v>803</v>
      </c>
      <c r="P5" s="217">
        <v>1074</v>
      </c>
      <c r="Q5" s="212">
        <v>0</v>
      </c>
      <c r="R5" s="216">
        <v>1081</v>
      </c>
      <c r="S5" s="216">
        <v>1848</v>
      </c>
      <c r="T5" s="216">
        <v>982</v>
      </c>
      <c r="U5" s="216">
        <v>813</v>
      </c>
      <c r="V5" s="216">
        <v>744</v>
      </c>
      <c r="W5" s="217">
        <v>5468</v>
      </c>
      <c r="X5" s="218">
        <v>6542</v>
      </c>
      <c r="Y5" s="215">
        <v>16389</v>
      </c>
      <c r="Z5" s="216">
        <v>29054</v>
      </c>
      <c r="AA5" s="217">
        <v>45443</v>
      </c>
      <c r="AB5" s="212">
        <v>0</v>
      </c>
      <c r="AC5" s="216">
        <v>60543</v>
      </c>
      <c r="AD5" s="216">
        <v>61522</v>
      </c>
      <c r="AE5" s="216">
        <v>35874</v>
      </c>
      <c r="AF5" s="216">
        <v>28067</v>
      </c>
      <c r="AG5" s="216">
        <v>17140</v>
      </c>
      <c r="AH5" s="217">
        <v>203146</v>
      </c>
      <c r="AI5" s="218">
        <v>248589</v>
      </c>
    </row>
    <row r="6" spans="2:35" ht="19.5" customHeight="1" x14ac:dyDescent="0.2">
      <c r="B6" s="49" t="s">
        <v>5</v>
      </c>
      <c r="C6" s="220">
        <v>5990</v>
      </c>
      <c r="D6" s="221">
        <v>12458</v>
      </c>
      <c r="E6" s="222">
        <v>18448</v>
      </c>
      <c r="F6" s="213">
        <v>0</v>
      </c>
      <c r="G6" s="221">
        <v>16140</v>
      </c>
      <c r="H6" s="221">
        <v>22600</v>
      </c>
      <c r="I6" s="221">
        <v>11437</v>
      </c>
      <c r="J6" s="221">
        <v>9157</v>
      </c>
      <c r="K6" s="221">
        <v>5447</v>
      </c>
      <c r="L6" s="222">
        <v>64781</v>
      </c>
      <c r="M6" s="223">
        <v>83229</v>
      </c>
      <c r="N6" s="224">
        <v>104</v>
      </c>
      <c r="O6" s="221">
        <v>335</v>
      </c>
      <c r="P6" s="222">
        <v>439</v>
      </c>
      <c r="Q6" s="213">
        <v>0</v>
      </c>
      <c r="R6" s="221">
        <v>257</v>
      </c>
      <c r="S6" s="221">
        <v>750</v>
      </c>
      <c r="T6" s="221">
        <v>373</v>
      </c>
      <c r="U6" s="221">
        <v>312</v>
      </c>
      <c r="V6" s="221">
        <v>283</v>
      </c>
      <c r="W6" s="222">
        <v>1975</v>
      </c>
      <c r="X6" s="223">
        <v>2414</v>
      </c>
      <c r="Y6" s="220">
        <v>6094</v>
      </c>
      <c r="Z6" s="221">
        <v>12793</v>
      </c>
      <c r="AA6" s="222">
        <v>18887</v>
      </c>
      <c r="AB6" s="213">
        <v>0</v>
      </c>
      <c r="AC6" s="221">
        <v>16397</v>
      </c>
      <c r="AD6" s="221">
        <v>23350</v>
      </c>
      <c r="AE6" s="221">
        <v>11810</v>
      </c>
      <c r="AF6" s="221">
        <v>9469</v>
      </c>
      <c r="AG6" s="221">
        <v>5730</v>
      </c>
      <c r="AH6" s="222">
        <v>66756</v>
      </c>
      <c r="AI6" s="223">
        <v>85643</v>
      </c>
    </row>
    <row r="7" spans="2:35" ht="19.5" customHeight="1" x14ac:dyDescent="0.2">
      <c r="B7" s="49" t="s">
        <v>6</v>
      </c>
      <c r="C7" s="220">
        <v>2241</v>
      </c>
      <c r="D7" s="221">
        <v>3430</v>
      </c>
      <c r="E7" s="222">
        <v>5671</v>
      </c>
      <c r="F7" s="213">
        <v>0</v>
      </c>
      <c r="G7" s="221">
        <v>10859</v>
      </c>
      <c r="H7" s="221">
        <v>8567</v>
      </c>
      <c r="I7" s="221">
        <v>5756</v>
      </c>
      <c r="J7" s="221">
        <v>4762</v>
      </c>
      <c r="K7" s="221">
        <v>2891</v>
      </c>
      <c r="L7" s="222">
        <v>32835</v>
      </c>
      <c r="M7" s="223">
        <v>38506</v>
      </c>
      <c r="N7" s="224">
        <v>46</v>
      </c>
      <c r="O7" s="221">
        <v>115</v>
      </c>
      <c r="P7" s="222">
        <v>161</v>
      </c>
      <c r="Q7" s="213">
        <v>0</v>
      </c>
      <c r="R7" s="221">
        <v>236</v>
      </c>
      <c r="S7" s="221">
        <v>264</v>
      </c>
      <c r="T7" s="221">
        <v>164</v>
      </c>
      <c r="U7" s="221">
        <v>159</v>
      </c>
      <c r="V7" s="221">
        <v>133</v>
      </c>
      <c r="W7" s="222">
        <v>956</v>
      </c>
      <c r="X7" s="223">
        <v>1117</v>
      </c>
      <c r="Y7" s="220">
        <v>2287</v>
      </c>
      <c r="Z7" s="221">
        <v>3545</v>
      </c>
      <c r="AA7" s="222">
        <v>5832</v>
      </c>
      <c r="AB7" s="213">
        <v>0</v>
      </c>
      <c r="AC7" s="221">
        <v>11095</v>
      </c>
      <c r="AD7" s="221">
        <v>8831</v>
      </c>
      <c r="AE7" s="221">
        <v>5920</v>
      </c>
      <c r="AF7" s="221">
        <v>4921</v>
      </c>
      <c r="AG7" s="221">
        <v>3024</v>
      </c>
      <c r="AH7" s="222">
        <v>33791</v>
      </c>
      <c r="AI7" s="223">
        <v>39623</v>
      </c>
    </row>
    <row r="8" spans="2:35" ht="19.5" customHeight="1" x14ac:dyDescent="0.2">
      <c r="B8" s="49" t="s">
        <v>14</v>
      </c>
      <c r="C8" s="220">
        <v>1125</v>
      </c>
      <c r="D8" s="221">
        <v>2648</v>
      </c>
      <c r="E8" s="222">
        <v>3773</v>
      </c>
      <c r="F8" s="213">
        <v>0</v>
      </c>
      <c r="G8" s="221">
        <v>4426</v>
      </c>
      <c r="H8" s="221">
        <v>5330</v>
      </c>
      <c r="I8" s="221">
        <v>3298</v>
      </c>
      <c r="J8" s="221">
        <v>2332</v>
      </c>
      <c r="K8" s="221">
        <v>1367</v>
      </c>
      <c r="L8" s="222">
        <v>16753</v>
      </c>
      <c r="M8" s="223">
        <v>20526</v>
      </c>
      <c r="N8" s="224">
        <v>18</v>
      </c>
      <c r="O8" s="221">
        <v>93</v>
      </c>
      <c r="P8" s="222">
        <v>111</v>
      </c>
      <c r="Q8" s="213">
        <v>0</v>
      </c>
      <c r="R8" s="221">
        <v>66</v>
      </c>
      <c r="S8" s="221">
        <v>153</v>
      </c>
      <c r="T8" s="221">
        <v>75</v>
      </c>
      <c r="U8" s="221">
        <v>73</v>
      </c>
      <c r="V8" s="221">
        <v>67</v>
      </c>
      <c r="W8" s="222">
        <v>434</v>
      </c>
      <c r="X8" s="223">
        <v>545</v>
      </c>
      <c r="Y8" s="220">
        <v>1143</v>
      </c>
      <c r="Z8" s="221">
        <v>2741</v>
      </c>
      <c r="AA8" s="222">
        <v>3884</v>
      </c>
      <c r="AB8" s="213">
        <v>0</v>
      </c>
      <c r="AC8" s="221">
        <v>4492</v>
      </c>
      <c r="AD8" s="221">
        <v>5483</v>
      </c>
      <c r="AE8" s="221">
        <v>3373</v>
      </c>
      <c r="AF8" s="221">
        <v>2405</v>
      </c>
      <c r="AG8" s="221">
        <v>1434</v>
      </c>
      <c r="AH8" s="222">
        <v>17187</v>
      </c>
      <c r="AI8" s="223">
        <v>21071</v>
      </c>
    </row>
    <row r="9" spans="2:35" ht="19.5" customHeight="1" x14ac:dyDescent="0.2">
      <c r="B9" s="49" t="s">
        <v>7</v>
      </c>
      <c r="C9" s="220">
        <v>523</v>
      </c>
      <c r="D9" s="221">
        <v>791</v>
      </c>
      <c r="E9" s="222">
        <v>1314</v>
      </c>
      <c r="F9" s="213">
        <v>0</v>
      </c>
      <c r="G9" s="221">
        <v>4929</v>
      </c>
      <c r="H9" s="221">
        <v>3433</v>
      </c>
      <c r="I9" s="221">
        <v>1966</v>
      </c>
      <c r="J9" s="221">
        <v>1523</v>
      </c>
      <c r="K9" s="221">
        <v>853</v>
      </c>
      <c r="L9" s="222">
        <v>12704</v>
      </c>
      <c r="M9" s="223">
        <v>14018</v>
      </c>
      <c r="N9" s="224">
        <v>9</v>
      </c>
      <c r="O9" s="221">
        <v>11</v>
      </c>
      <c r="P9" s="222">
        <v>20</v>
      </c>
      <c r="Q9" s="213">
        <v>0</v>
      </c>
      <c r="R9" s="221">
        <v>92</v>
      </c>
      <c r="S9" s="221">
        <v>101</v>
      </c>
      <c r="T9" s="221">
        <v>47</v>
      </c>
      <c r="U9" s="221">
        <v>30</v>
      </c>
      <c r="V9" s="221">
        <v>29</v>
      </c>
      <c r="W9" s="222">
        <v>299</v>
      </c>
      <c r="X9" s="223">
        <v>319</v>
      </c>
      <c r="Y9" s="220">
        <v>532</v>
      </c>
      <c r="Z9" s="221">
        <v>802</v>
      </c>
      <c r="AA9" s="222">
        <v>1334</v>
      </c>
      <c r="AB9" s="213">
        <v>0</v>
      </c>
      <c r="AC9" s="221">
        <v>5021</v>
      </c>
      <c r="AD9" s="221">
        <v>3534</v>
      </c>
      <c r="AE9" s="221">
        <v>2013</v>
      </c>
      <c r="AF9" s="221">
        <v>1553</v>
      </c>
      <c r="AG9" s="221">
        <v>882</v>
      </c>
      <c r="AH9" s="222">
        <v>13003</v>
      </c>
      <c r="AI9" s="223">
        <v>14337</v>
      </c>
    </row>
    <row r="10" spans="2:35" ht="19.5" customHeight="1" x14ac:dyDescent="0.2">
      <c r="B10" s="49" t="s">
        <v>8</v>
      </c>
      <c r="C10" s="220">
        <v>573</v>
      </c>
      <c r="D10" s="221">
        <v>630</v>
      </c>
      <c r="E10" s="222">
        <v>1203</v>
      </c>
      <c r="F10" s="213">
        <v>0</v>
      </c>
      <c r="G10" s="221">
        <v>1977</v>
      </c>
      <c r="H10" s="221">
        <v>2021</v>
      </c>
      <c r="I10" s="221">
        <v>1230</v>
      </c>
      <c r="J10" s="221">
        <v>851</v>
      </c>
      <c r="K10" s="221">
        <v>554</v>
      </c>
      <c r="L10" s="222">
        <v>6633</v>
      </c>
      <c r="M10" s="223">
        <v>7836</v>
      </c>
      <c r="N10" s="224">
        <v>3</v>
      </c>
      <c r="O10" s="221">
        <v>24</v>
      </c>
      <c r="P10" s="222">
        <v>27</v>
      </c>
      <c r="Q10" s="213">
        <v>0</v>
      </c>
      <c r="R10" s="221">
        <v>28</v>
      </c>
      <c r="S10" s="221">
        <v>72</v>
      </c>
      <c r="T10" s="221">
        <v>37</v>
      </c>
      <c r="U10" s="221">
        <v>21</v>
      </c>
      <c r="V10" s="221">
        <v>22</v>
      </c>
      <c r="W10" s="222">
        <v>180</v>
      </c>
      <c r="X10" s="223">
        <v>207</v>
      </c>
      <c r="Y10" s="220">
        <v>576</v>
      </c>
      <c r="Z10" s="221">
        <v>654</v>
      </c>
      <c r="AA10" s="222">
        <v>1230</v>
      </c>
      <c r="AB10" s="213">
        <v>0</v>
      </c>
      <c r="AC10" s="221">
        <v>2005</v>
      </c>
      <c r="AD10" s="221">
        <v>2093</v>
      </c>
      <c r="AE10" s="221">
        <v>1267</v>
      </c>
      <c r="AF10" s="221">
        <v>872</v>
      </c>
      <c r="AG10" s="221">
        <v>576</v>
      </c>
      <c r="AH10" s="222">
        <v>6813</v>
      </c>
      <c r="AI10" s="223">
        <v>8043</v>
      </c>
    </row>
    <row r="11" spans="2:35" ht="19.5" customHeight="1" x14ac:dyDescent="0.2">
      <c r="B11" s="49" t="s">
        <v>9</v>
      </c>
      <c r="C11" s="220">
        <v>480</v>
      </c>
      <c r="D11" s="221">
        <v>571</v>
      </c>
      <c r="E11" s="222">
        <v>1051</v>
      </c>
      <c r="F11" s="213">
        <v>0</v>
      </c>
      <c r="G11" s="221">
        <v>1948</v>
      </c>
      <c r="H11" s="221">
        <v>1496</v>
      </c>
      <c r="I11" s="221">
        <v>982</v>
      </c>
      <c r="J11" s="221">
        <v>832</v>
      </c>
      <c r="K11" s="221">
        <v>526</v>
      </c>
      <c r="L11" s="222">
        <v>5784</v>
      </c>
      <c r="M11" s="223">
        <v>6835</v>
      </c>
      <c r="N11" s="224">
        <v>2</v>
      </c>
      <c r="O11" s="221">
        <v>11</v>
      </c>
      <c r="P11" s="222">
        <v>13</v>
      </c>
      <c r="Q11" s="213">
        <v>0</v>
      </c>
      <c r="R11" s="221">
        <v>32</v>
      </c>
      <c r="S11" s="221">
        <v>32</v>
      </c>
      <c r="T11" s="221">
        <v>17</v>
      </c>
      <c r="U11" s="221">
        <v>14</v>
      </c>
      <c r="V11" s="221">
        <v>13</v>
      </c>
      <c r="W11" s="222">
        <v>108</v>
      </c>
      <c r="X11" s="223">
        <v>121</v>
      </c>
      <c r="Y11" s="220">
        <v>482</v>
      </c>
      <c r="Z11" s="221">
        <v>582</v>
      </c>
      <c r="AA11" s="222">
        <v>1064</v>
      </c>
      <c r="AB11" s="213">
        <v>0</v>
      </c>
      <c r="AC11" s="221">
        <v>1980</v>
      </c>
      <c r="AD11" s="221">
        <v>1528</v>
      </c>
      <c r="AE11" s="221">
        <v>999</v>
      </c>
      <c r="AF11" s="221">
        <v>846</v>
      </c>
      <c r="AG11" s="221">
        <v>539</v>
      </c>
      <c r="AH11" s="222">
        <v>5892</v>
      </c>
      <c r="AI11" s="223">
        <v>6956</v>
      </c>
    </row>
    <row r="12" spans="2:35" ht="19.5" customHeight="1" x14ac:dyDescent="0.2">
      <c r="B12" s="49" t="s">
        <v>10</v>
      </c>
      <c r="C12" s="220">
        <v>1255</v>
      </c>
      <c r="D12" s="221">
        <v>1583</v>
      </c>
      <c r="E12" s="222">
        <v>2838</v>
      </c>
      <c r="F12" s="213">
        <v>0</v>
      </c>
      <c r="G12" s="221">
        <v>3967</v>
      </c>
      <c r="H12" s="221">
        <v>2391</v>
      </c>
      <c r="I12" s="221">
        <v>1565</v>
      </c>
      <c r="J12" s="221">
        <v>1251</v>
      </c>
      <c r="K12" s="221">
        <v>868</v>
      </c>
      <c r="L12" s="222">
        <v>10042</v>
      </c>
      <c r="M12" s="223">
        <v>12880</v>
      </c>
      <c r="N12" s="224">
        <v>26</v>
      </c>
      <c r="O12" s="221">
        <v>37</v>
      </c>
      <c r="P12" s="222">
        <v>63</v>
      </c>
      <c r="Q12" s="213">
        <v>0</v>
      </c>
      <c r="R12" s="221">
        <v>89</v>
      </c>
      <c r="S12" s="221">
        <v>69</v>
      </c>
      <c r="T12" s="221">
        <v>41</v>
      </c>
      <c r="U12" s="221">
        <v>28</v>
      </c>
      <c r="V12" s="221">
        <v>46</v>
      </c>
      <c r="W12" s="222">
        <v>273</v>
      </c>
      <c r="X12" s="223">
        <v>336</v>
      </c>
      <c r="Y12" s="220">
        <v>1281</v>
      </c>
      <c r="Z12" s="221">
        <v>1620</v>
      </c>
      <c r="AA12" s="222">
        <v>2901</v>
      </c>
      <c r="AB12" s="213">
        <v>0</v>
      </c>
      <c r="AC12" s="221">
        <v>4056</v>
      </c>
      <c r="AD12" s="221">
        <v>2460</v>
      </c>
      <c r="AE12" s="221">
        <v>1606</v>
      </c>
      <c r="AF12" s="221">
        <v>1279</v>
      </c>
      <c r="AG12" s="221">
        <v>914</v>
      </c>
      <c r="AH12" s="222">
        <v>10315</v>
      </c>
      <c r="AI12" s="223">
        <v>13216</v>
      </c>
    </row>
    <row r="13" spans="2:35" ht="19.5" customHeight="1" x14ac:dyDescent="0.2">
      <c r="B13" s="49" t="s">
        <v>11</v>
      </c>
      <c r="C13" s="220">
        <v>538</v>
      </c>
      <c r="D13" s="221">
        <v>577</v>
      </c>
      <c r="E13" s="222">
        <v>1115</v>
      </c>
      <c r="F13" s="213">
        <v>0</v>
      </c>
      <c r="G13" s="221">
        <v>2160</v>
      </c>
      <c r="H13" s="221">
        <v>1266</v>
      </c>
      <c r="I13" s="221">
        <v>938</v>
      </c>
      <c r="J13" s="221">
        <v>725</v>
      </c>
      <c r="K13" s="221">
        <v>396</v>
      </c>
      <c r="L13" s="222">
        <v>5485</v>
      </c>
      <c r="M13" s="223">
        <v>6600</v>
      </c>
      <c r="N13" s="224">
        <v>9</v>
      </c>
      <c r="O13" s="221">
        <v>10</v>
      </c>
      <c r="P13" s="222">
        <v>19</v>
      </c>
      <c r="Q13" s="213">
        <v>0</v>
      </c>
      <c r="R13" s="221">
        <v>39</v>
      </c>
      <c r="S13" s="221">
        <v>33</v>
      </c>
      <c r="T13" s="221">
        <v>18</v>
      </c>
      <c r="U13" s="221">
        <v>14</v>
      </c>
      <c r="V13" s="221">
        <v>19</v>
      </c>
      <c r="W13" s="222">
        <v>123</v>
      </c>
      <c r="X13" s="223">
        <v>142</v>
      </c>
      <c r="Y13" s="220">
        <v>547</v>
      </c>
      <c r="Z13" s="221">
        <v>587</v>
      </c>
      <c r="AA13" s="222">
        <v>1134</v>
      </c>
      <c r="AB13" s="213">
        <v>0</v>
      </c>
      <c r="AC13" s="221">
        <v>2199</v>
      </c>
      <c r="AD13" s="221">
        <v>1299</v>
      </c>
      <c r="AE13" s="221">
        <v>956</v>
      </c>
      <c r="AF13" s="221">
        <v>739</v>
      </c>
      <c r="AG13" s="221">
        <v>415</v>
      </c>
      <c r="AH13" s="222">
        <v>5608</v>
      </c>
      <c r="AI13" s="223">
        <v>6742</v>
      </c>
    </row>
    <row r="14" spans="2:35" ht="19.5" customHeight="1" x14ac:dyDescent="0.2">
      <c r="B14" s="49" t="s">
        <v>12</v>
      </c>
      <c r="C14" s="220">
        <v>749</v>
      </c>
      <c r="D14" s="221">
        <v>983</v>
      </c>
      <c r="E14" s="222">
        <v>1732</v>
      </c>
      <c r="F14" s="213">
        <v>0</v>
      </c>
      <c r="G14" s="221">
        <v>1603</v>
      </c>
      <c r="H14" s="221">
        <v>1380</v>
      </c>
      <c r="I14" s="221">
        <v>984</v>
      </c>
      <c r="J14" s="221">
        <v>842</v>
      </c>
      <c r="K14" s="221">
        <v>500</v>
      </c>
      <c r="L14" s="222">
        <v>5309</v>
      </c>
      <c r="M14" s="223">
        <v>7041</v>
      </c>
      <c r="N14" s="224">
        <v>16</v>
      </c>
      <c r="O14" s="221">
        <v>25</v>
      </c>
      <c r="P14" s="222">
        <v>41</v>
      </c>
      <c r="Q14" s="213">
        <v>0</v>
      </c>
      <c r="R14" s="221">
        <v>16</v>
      </c>
      <c r="S14" s="221">
        <v>30</v>
      </c>
      <c r="T14" s="221">
        <v>17</v>
      </c>
      <c r="U14" s="221">
        <v>28</v>
      </c>
      <c r="V14" s="221">
        <v>17</v>
      </c>
      <c r="W14" s="222">
        <v>108</v>
      </c>
      <c r="X14" s="223">
        <v>149</v>
      </c>
      <c r="Y14" s="220">
        <v>765</v>
      </c>
      <c r="Z14" s="221">
        <v>1008</v>
      </c>
      <c r="AA14" s="222">
        <v>1773</v>
      </c>
      <c r="AB14" s="213">
        <v>0</v>
      </c>
      <c r="AC14" s="221">
        <v>1619</v>
      </c>
      <c r="AD14" s="221">
        <v>1410</v>
      </c>
      <c r="AE14" s="221">
        <v>1001</v>
      </c>
      <c r="AF14" s="221">
        <v>870</v>
      </c>
      <c r="AG14" s="221">
        <v>517</v>
      </c>
      <c r="AH14" s="222">
        <v>5417</v>
      </c>
      <c r="AI14" s="223">
        <v>7190</v>
      </c>
    </row>
    <row r="15" spans="2:35" ht="19.5" customHeight="1" x14ac:dyDescent="0.2">
      <c r="B15" s="49" t="s">
        <v>13</v>
      </c>
      <c r="C15" s="220">
        <v>128</v>
      </c>
      <c r="D15" s="221">
        <v>225</v>
      </c>
      <c r="E15" s="222">
        <v>353</v>
      </c>
      <c r="F15" s="213">
        <v>0</v>
      </c>
      <c r="G15" s="221">
        <v>648</v>
      </c>
      <c r="H15" s="221">
        <v>603</v>
      </c>
      <c r="I15" s="221">
        <v>385</v>
      </c>
      <c r="J15" s="221">
        <v>326</v>
      </c>
      <c r="K15" s="221">
        <v>215</v>
      </c>
      <c r="L15" s="222">
        <v>2177</v>
      </c>
      <c r="M15" s="223">
        <v>2530</v>
      </c>
      <c r="N15" s="224">
        <v>0</v>
      </c>
      <c r="O15" s="221">
        <v>1</v>
      </c>
      <c r="P15" s="222">
        <v>1</v>
      </c>
      <c r="Q15" s="213">
        <v>0</v>
      </c>
      <c r="R15" s="221">
        <v>14</v>
      </c>
      <c r="S15" s="221">
        <v>13</v>
      </c>
      <c r="T15" s="221">
        <v>13</v>
      </c>
      <c r="U15" s="221">
        <v>3</v>
      </c>
      <c r="V15" s="221">
        <v>8</v>
      </c>
      <c r="W15" s="222">
        <v>51</v>
      </c>
      <c r="X15" s="223">
        <v>52</v>
      </c>
      <c r="Y15" s="220">
        <v>128</v>
      </c>
      <c r="Z15" s="221">
        <v>226</v>
      </c>
      <c r="AA15" s="222">
        <v>354</v>
      </c>
      <c r="AB15" s="213">
        <v>0</v>
      </c>
      <c r="AC15" s="221">
        <v>662</v>
      </c>
      <c r="AD15" s="221">
        <v>616</v>
      </c>
      <c r="AE15" s="221">
        <v>398</v>
      </c>
      <c r="AF15" s="221">
        <v>329</v>
      </c>
      <c r="AG15" s="221">
        <v>223</v>
      </c>
      <c r="AH15" s="222">
        <v>2228</v>
      </c>
      <c r="AI15" s="223">
        <v>2582</v>
      </c>
    </row>
    <row r="16" spans="2:35" ht="19.5" customHeight="1" x14ac:dyDescent="0.2">
      <c r="B16" s="49" t="s">
        <v>15</v>
      </c>
      <c r="C16" s="220">
        <v>75</v>
      </c>
      <c r="D16" s="221">
        <v>188</v>
      </c>
      <c r="E16" s="222">
        <v>263</v>
      </c>
      <c r="F16" s="213">
        <v>0</v>
      </c>
      <c r="G16" s="221">
        <v>465</v>
      </c>
      <c r="H16" s="221">
        <v>539</v>
      </c>
      <c r="I16" s="221">
        <v>310</v>
      </c>
      <c r="J16" s="221">
        <v>235</v>
      </c>
      <c r="K16" s="221">
        <v>127</v>
      </c>
      <c r="L16" s="222">
        <v>1676</v>
      </c>
      <c r="M16" s="223">
        <v>1939</v>
      </c>
      <c r="N16" s="224">
        <v>0</v>
      </c>
      <c r="O16" s="221">
        <v>6</v>
      </c>
      <c r="P16" s="222">
        <v>6</v>
      </c>
      <c r="Q16" s="213">
        <v>0</v>
      </c>
      <c r="R16" s="221">
        <v>6</v>
      </c>
      <c r="S16" s="221">
        <v>15</v>
      </c>
      <c r="T16" s="221">
        <v>2</v>
      </c>
      <c r="U16" s="221">
        <v>2</v>
      </c>
      <c r="V16" s="221">
        <v>7</v>
      </c>
      <c r="W16" s="222">
        <v>32</v>
      </c>
      <c r="X16" s="223">
        <v>38</v>
      </c>
      <c r="Y16" s="220">
        <v>75</v>
      </c>
      <c r="Z16" s="221">
        <v>194</v>
      </c>
      <c r="AA16" s="222">
        <v>269</v>
      </c>
      <c r="AB16" s="213">
        <v>0</v>
      </c>
      <c r="AC16" s="221">
        <v>471</v>
      </c>
      <c r="AD16" s="221">
        <v>554</v>
      </c>
      <c r="AE16" s="221">
        <v>312</v>
      </c>
      <c r="AF16" s="221">
        <v>237</v>
      </c>
      <c r="AG16" s="221">
        <v>134</v>
      </c>
      <c r="AH16" s="222">
        <v>1708</v>
      </c>
      <c r="AI16" s="223">
        <v>1977</v>
      </c>
    </row>
    <row r="17" spans="2:35" ht="19.5" customHeight="1" x14ac:dyDescent="0.2">
      <c r="B17" s="49" t="s">
        <v>16</v>
      </c>
      <c r="C17" s="220">
        <v>244</v>
      </c>
      <c r="D17" s="221">
        <v>394</v>
      </c>
      <c r="E17" s="222">
        <v>638</v>
      </c>
      <c r="F17" s="213">
        <v>0</v>
      </c>
      <c r="G17" s="221">
        <v>952</v>
      </c>
      <c r="H17" s="221">
        <v>1286</v>
      </c>
      <c r="I17" s="221">
        <v>741</v>
      </c>
      <c r="J17" s="221">
        <v>547</v>
      </c>
      <c r="K17" s="221">
        <v>339</v>
      </c>
      <c r="L17" s="222">
        <v>3865</v>
      </c>
      <c r="M17" s="223">
        <v>4503</v>
      </c>
      <c r="N17" s="224">
        <v>8</v>
      </c>
      <c r="O17" s="221">
        <v>8</v>
      </c>
      <c r="P17" s="222">
        <v>16</v>
      </c>
      <c r="Q17" s="213">
        <v>0</v>
      </c>
      <c r="R17" s="221">
        <v>14</v>
      </c>
      <c r="S17" s="221">
        <v>37</v>
      </c>
      <c r="T17" s="221">
        <v>22</v>
      </c>
      <c r="U17" s="221">
        <v>15</v>
      </c>
      <c r="V17" s="221">
        <v>14</v>
      </c>
      <c r="W17" s="222">
        <v>102</v>
      </c>
      <c r="X17" s="223">
        <v>118</v>
      </c>
      <c r="Y17" s="220">
        <v>252</v>
      </c>
      <c r="Z17" s="221">
        <v>402</v>
      </c>
      <c r="AA17" s="222">
        <v>654</v>
      </c>
      <c r="AB17" s="213">
        <v>0</v>
      </c>
      <c r="AC17" s="221">
        <v>966</v>
      </c>
      <c r="AD17" s="221">
        <v>1323</v>
      </c>
      <c r="AE17" s="221">
        <v>763</v>
      </c>
      <c r="AF17" s="221">
        <v>562</v>
      </c>
      <c r="AG17" s="221">
        <v>353</v>
      </c>
      <c r="AH17" s="222">
        <v>3967</v>
      </c>
      <c r="AI17" s="223">
        <v>4621</v>
      </c>
    </row>
    <row r="18" spans="2:35" ht="19.5" customHeight="1" x14ac:dyDescent="0.2">
      <c r="B18" s="49" t="s">
        <v>17</v>
      </c>
      <c r="C18" s="220">
        <v>287</v>
      </c>
      <c r="D18" s="221">
        <v>594</v>
      </c>
      <c r="E18" s="222">
        <v>881</v>
      </c>
      <c r="F18" s="213">
        <v>0</v>
      </c>
      <c r="G18" s="221">
        <v>1107</v>
      </c>
      <c r="H18" s="221">
        <v>1615</v>
      </c>
      <c r="I18" s="221">
        <v>911</v>
      </c>
      <c r="J18" s="221">
        <v>713</v>
      </c>
      <c r="K18" s="221">
        <v>456</v>
      </c>
      <c r="L18" s="222">
        <v>4802</v>
      </c>
      <c r="M18" s="223">
        <v>5683</v>
      </c>
      <c r="N18" s="224">
        <v>2</v>
      </c>
      <c r="O18" s="221">
        <v>24</v>
      </c>
      <c r="P18" s="222">
        <v>26</v>
      </c>
      <c r="Q18" s="213">
        <v>0</v>
      </c>
      <c r="R18" s="221">
        <v>20</v>
      </c>
      <c r="S18" s="221">
        <v>62</v>
      </c>
      <c r="T18" s="221">
        <v>35</v>
      </c>
      <c r="U18" s="221">
        <v>24</v>
      </c>
      <c r="V18" s="221">
        <v>19</v>
      </c>
      <c r="W18" s="222">
        <v>160</v>
      </c>
      <c r="X18" s="223">
        <v>186</v>
      </c>
      <c r="Y18" s="220">
        <v>289</v>
      </c>
      <c r="Z18" s="221">
        <v>618</v>
      </c>
      <c r="AA18" s="222">
        <v>907</v>
      </c>
      <c r="AB18" s="213">
        <v>0</v>
      </c>
      <c r="AC18" s="221">
        <v>1127</v>
      </c>
      <c r="AD18" s="221">
        <v>1677</v>
      </c>
      <c r="AE18" s="221">
        <v>946</v>
      </c>
      <c r="AF18" s="221">
        <v>737</v>
      </c>
      <c r="AG18" s="221">
        <v>475</v>
      </c>
      <c r="AH18" s="222">
        <v>4962</v>
      </c>
      <c r="AI18" s="223">
        <v>5869</v>
      </c>
    </row>
    <row r="19" spans="2:35" ht="19.5" customHeight="1" x14ac:dyDescent="0.2">
      <c r="B19" s="49" t="s">
        <v>18</v>
      </c>
      <c r="C19" s="220">
        <v>335</v>
      </c>
      <c r="D19" s="221">
        <v>633</v>
      </c>
      <c r="E19" s="222">
        <v>968</v>
      </c>
      <c r="F19" s="213">
        <v>0</v>
      </c>
      <c r="G19" s="221">
        <v>1743</v>
      </c>
      <c r="H19" s="221">
        <v>1637</v>
      </c>
      <c r="I19" s="221">
        <v>1027</v>
      </c>
      <c r="J19" s="221">
        <v>728</v>
      </c>
      <c r="K19" s="221">
        <v>438</v>
      </c>
      <c r="L19" s="222">
        <v>5573</v>
      </c>
      <c r="M19" s="223">
        <v>6541</v>
      </c>
      <c r="N19" s="224">
        <v>9</v>
      </c>
      <c r="O19" s="221">
        <v>19</v>
      </c>
      <c r="P19" s="222">
        <v>28</v>
      </c>
      <c r="Q19" s="213">
        <v>0</v>
      </c>
      <c r="R19" s="221">
        <v>43</v>
      </c>
      <c r="S19" s="221">
        <v>60</v>
      </c>
      <c r="T19" s="221">
        <v>38</v>
      </c>
      <c r="U19" s="221">
        <v>25</v>
      </c>
      <c r="V19" s="221">
        <v>19</v>
      </c>
      <c r="W19" s="222">
        <v>185</v>
      </c>
      <c r="X19" s="223">
        <v>213</v>
      </c>
      <c r="Y19" s="220">
        <v>344</v>
      </c>
      <c r="Z19" s="221">
        <v>652</v>
      </c>
      <c r="AA19" s="222">
        <v>996</v>
      </c>
      <c r="AB19" s="213">
        <v>0</v>
      </c>
      <c r="AC19" s="221">
        <v>1786</v>
      </c>
      <c r="AD19" s="221">
        <v>1697</v>
      </c>
      <c r="AE19" s="221">
        <v>1065</v>
      </c>
      <c r="AF19" s="221">
        <v>753</v>
      </c>
      <c r="AG19" s="221">
        <v>457</v>
      </c>
      <c r="AH19" s="222">
        <v>5758</v>
      </c>
      <c r="AI19" s="223">
        <v>6754</v>
      </c>
    </row>
    <row r="20" spans="2:35" ht="19.5" customHeight="1" x14ac:dyDescent="0.2">
      <c r="B20" s="49" t="s">
        <v>19</v>
      </c>
      <c r="C20" s="220">
        <v>183</v>
      </c>
      <c r="D20" s="221">
        <v>294</v>
      </c>
      <c r="E20" s="222">
        <v>477</v>
      </c>
      <c r="F20" s="213">
        <v>0</v>
      </c>
      <c r="G20" s="221">
        <v>831</v>
      </c>
      <c r="H20" s="221">
        <v>685</v>
      </c>
      <c r="I20" s="221">
        <v>406</v>
      </c>
      <c r="J20" s="221">
        <v>273</v>
      </c>
      <c r="K20" s="221">
        <v>211</v>
      </c>
      <c r="L20" s="222">
        <v>2406</v>
      </c>
      <c r="M20" s="223">
        <v>2883</v>
      </c>
      <c r="N20" s="224">
        <v>2</v>
      </c>
      <c r="O20" s="221">
        <v>8</v>
      </c>
      <c r="P20" s="222">
        <v>10</v>
      </c>
      <c r="Q20" s="213">
        <v>0</v>
      </c>
      <c r="R20" s="221">
        <v>15</v>
      </c>
      <c r="S20" s="221">
        <v>20</v>
      </c>
      <c r="T20" s="221">
        <v>13</v>
      </c>
      <c r="U20" s="221">
        <v>7</v>
      </c>
      <c r="V20" s="221">
        <v>7</v>
      </c>
      <c r="W20" s="222">
        <v>62</v>
      </c>
      <c r="X20" s="223">
        <v>72</v>
      </c>
      <c r="Y20" s="220">
        <v>185</v>
      </c>
      <c r="Z20" s="221">
        <v>302</v>
      </c>
      <c r="AA20" s="222">
        <v>487</v>
      </c>
      <c r="AB20" s="213">
        <v>0</v>
      </c>
      <c r="AC20" s="221">
        <v>846</v>
      </c>
      <c r="AD20" s="221">
        <v>705</v>
      </c>
      <c r="AE20" s="221">
        <v>419</v>
      </c>
      <c r="AF20" s="221">
        <v>280</v>
      </c>
      <c r="AG20" s="221">
        <v>218</v>
      </c>
      <c r="AH20" s="222">
        <v>2468</v>
      </c>
      <c r="AI20" s="223">
        <v>2955</v>
      </c>
    </row>
    <row r="21" spans="2:35" ht="19.5" customHeight="1" x14ac:dyDescent="0.2">
      <c r="B21" s="49" t="s">
        <v>20</v>
      </c>
      <c r="C21" s="220">
        <v>209</v>
      </c>
      <c r="D21" s="221">
        <v>415</v>
      </c>
      <c r="E21" s="222">
        <v>624</v>
      </c>
      <c r="F21" s="213">
        <v>0</v>
      </c>
      <c r="G21" s="221">
        <v>1095</v>
      </c>
      <c r="H21" s="221">
        <v>668</v>
      </c>
      <c r="I21" s="221">
        <v>477</v>
      </c>
      <c r="J21" s="221">
        <v>323</v>
      </c>
      <c r="K21" s="221">
        <v>160</v>
      </c>
      <c r="L21" s="222">
        <v>2723</v>
      </c>
      <c r="M21" s="223">
        <v>3347</v>
      </c>
      <c r="N21" s="224">
        <v>2</v>
      </c>
      <c r="O21" s="221">
        <v>24</v>
      </c>
      <c r="P21" s="222">
        <v>26</v>
      </c>
      <c r="Q21" s="213">
        <v>0</v>
      </c>
      <c r="R21" s="221">
        <v>33</v>
      </c>
      <c r="S21" s="221">
        <v>20</v>
      </c>
      <c r="T21" s="221">
        <v>16</v>
      </c>
      <c r="U21" s="221">
        <v>15</v>
      </c>
      <c r="V21" s="221">
        <v>6</v>
      </c>
      <c r="W21" s="222">
        <v>90</v>
      </c>
      <c r="X21" s="223">
        <v>116</v>
      </c>
      <c r="Y21" s="220">
        <v>211</v>
      </c>
      <c r="Z21" s="221">
        <v>439</v>
      </c>
      <c r="AA21" s="222">
        <v>650</v>
      </c>
      <c r="AB21" s="213">
        <v>0</v>
      </c>
      <c r="AC21" s="221">
        <v>1128</v>
      </c>
      <c r="AD21" s="221">
        <v>688</v>
      </c>
      <c r="AE21" s="221">
        <v>493</v>
      </c>
      <c r="AF21" s="221">
        <v>338</v>
      </c>
      <c r="AG21" s="221">
        <v>166</v>
      </c>
      <c r="AH21" s="222">
        <v>2813</v>
      </c>
      <c r="AI21" s="223">
        <v>3463</v>
      </c>
    </row>
    <row r="22" spans="2:35" ht="19.5" customHeight="1" x14ac:dyDescent="0.2">
      <c r="B22" s="49" t="s">
        <v>21</v>
      </c>
      <c r="C22" s="220">
        <v>263</v>
      </c>
      <c r="D22" s="221">
        <v>427</v>
      </c>
      <c r="E22" s="222">
        <v>690</v>
      </c>
      <c r="F22" s="213">
        <v>0</v>
      </c>
      <c r="G22" s="221">
        <v>896</v>
      </c>
      <c r="H22" s="221">
        <v>1049</v>
      </c>
      <c r="I22" s="221">
        <v>636</v>
      </c>
      <c r="J22" s="221">
        <v>420</v>
      </c>
      <c r="K22" s="221">
        <v>250</v>
      </c>
      <c r="L22" s="222">
        <v>3251</v>
      </c>
      <c r="M22" s="223">
        <v>3941</v>
      </c>
      <c r="N22" s="224">
        <v>7</v>
      </c>
      <c r="O22" s="221">
        <v>18</v>
      </c>
      <c r="P22" s="222">
        <v>25</v>
      </c>
      <c r="Q22" s="213">
        <v>0</v>
      </c>
      <c r="R22" s="221">
        <v>7</v>
      </c>
      <c r="S22" s="221">
        <v>38</v>
      </c>
      <c r="T22" s="221">
        <v>16</v>
      </c>
      <c r="U22" s="221">
        <v>12</v>
      </c>
      <c r="V22" s="221">
        <v>11</v>
      </c>
      <c r="W22" s="222">
        <v>84</v>
      </c>
      <c r="X22" s="223">
        <v>109</v>
      </c>
      <c r="Y22" s="220">
        <v>270</v>
      </c>
      <c r="Z22" s="221">
        <v>445</v>
      </c>
      <c r="AA22" s="222">
        <v>715</v>
      </c>
      <c r="AB22" s="213">
        <v>0</v>
      </c>
      <c r="AC22" s="221">
        <v>903</v>
      </c>
      <c r="AD22" s="221">
        <v>1087</v>
      </c>
      <c r="AE22" s="221">
        <v>652</v>
      </c>
      <c r="AF22" s="221">
        <v>432</v>
      </c>
      <c r="AG22" s="221">
        <v>261</v>
      </c>
      <c r="AH22" s="222">
        <v>3335</v>
      </c>
      <c r="AI22" s="223">
        <v>4050</v>
      </c>
    </row>
    <row r="23" spans="2:35" ht="19.5" customHeight="1" x14ac:dyDescent="0.2">
      <c r="B23" s="49" t="s">
        <v>22</v>
      </c>
      <c r="C23" s="220">
        <v>64</v>
      </c>
      <c r="D23" s="221">
        <v>162</v>
      </c>
      <c r="E23" s="222">
        <v>226</v>
      </c>
      <c r="F23" s="213">
        <v>0</v>
      </c>
      <c r="G23" s="221">
        <v>422</v>
      </c>
      <c r="H23" s="221">
        <v>398</v>
      </c>
      <c r="I23" s="221">
        <v>180</v>
      </c>
      <c r="J23" s="221">
        <v>136</v>
      </c>
      <c r="K23" s="221">
        <v>85</v>
      </c>
      <c r="L23" s="222">
        <v>1221</v>
      </c>
      <c r="M23" s="223">
        <v>1447</v>
      </c>
      <c r="N23" s="224">
        <v>0</v>
      </c>
      <c r="O23" s="221">
        <v>6</v>
      </c>
      <c r="P23" s="222">
        <v>6</v>
      </c>
      <c r="Q23" s="213">
        <v>0</v>
      </c>
      <c r="R23" s="221">
        <v>12</v>
      </c>
      <c r="S23" s="221">
        <v>5</v>
      </c>
      <c r="T23" s="221">
        <v>6</v>
      </c>
      <c r="U23" s="221">
        <v>4</v>
      </c>
      <c r="V23" s="221">
        <v>2</v>
      </c>
      <c r="W23" s="222">
        <v>29</v>
      </c>
      <c r="X23" s="223">
        <v>35</v>
      </c>
      <c r="Y23" s="220">
        <v>64</v>
      </c>
      <c r="Z23" s="221">
        <v>168</v>
      </c>
      <c r="AA23" s="222">
        <v>232</v>
      </c>
      <c r="AB23" s="213">
        <v>0</v>
      </c>
      <c r="AC23" s="221">
        <v>434</v>
      </c>
      <c r="AD23" s="221">
        <v>403</v>
      </c>
      <c r="AE23" s="221">
        <v>186</v>
      </c>
      <c r="AF23" s="221">
        <v>140</v>
      </c>
      <c r="AG23" s="221">
        <v>87</v>
      </c>
      <c r="AH23" s="222">
        <v>1250</v>
      </c>
      <c r="AI23" s="223">
        <v>1482</v>
      </c>
    </row>
    <row r="24" spans="2:35" ht="19.5" customHeight="1" x14ac:dyDescent="0.2">
      <c r="B24" s="49" t="s">
        <v>23</v>
      </c>
      <c r="C24" s="220">
        <v>137</v>
      </c>
      <c r="D24" s="221">
        <v>240</v>
      </c>
      <c r="E24" s="222">
        <v>377</v>
      </c>
      <c r="F24" s="213">
        <v>0</v>
      </c>
      <c r="G24" s="221">
        <v>621</v>
      </c>
      <c r="H24" s="221">
        <v>554</v>
      </c>
      <c r="I24" s="221">
        <v>329</v>
      </c>
      <c r="J24" s="221">
        <v>250</v>
      </c>
      <c r="K24" s="221">
        <v>135</v>
      </c>
      <c r="L24" s="222">
        <v>1889</v>
      </c>
      <c r="M24" s="223">
        <v>2266</v>
      </c>
      <c r="N24" s="224">
        <v>4</v>
      </c>
      <c r="O24" s="221">
        <v>8</v>
      </c>
      <c r="P24" s="222">
        <v>12</v>
      </c>
      <c r="Q24" s="213">
        <v>0</v>
      </c>
      <c r="R24" s="221">
        <v>7</v>
      </c>
      <c r="S24" s="221">
        <v>17</v>
      </c>
      <c r="T24" s="221">
        <v>6</v>
      </c>
      <c r="U24" s="221">
        <v>6</v>
      </c>
      <c r="V24" s="221">
        <v>5</v>
      </c>
      <c r="W24" s="222">
        <v>41</v>
      </c>
      <c r="X24" s="223">
        <v>53</v>
      </c>
      <c r="Y24" s="220">
        <v>141</v>
      </c>
      <c r="Z24" s="221">
        <v>248</v>
      </c>
      <c r="AA24" s="222">
        <v>389</v>
      </c>
      <c r="AB24" s="213">
        <v>0</v>
      </c>
      <c r="AC24" s="221">
        <v>628</v>
      </c>
      <c r="AD24" s="221">
        <v>571</v>
      </c>
      <c r="AE24" s="221">
        <v>335</v>
      </c>
      <c r="AF24" s="221">
        <v>256</v>
      </c>
      <c r="AG24" s="221">
        <v>140</v>
      </c>
      <c r="AH24" s="222">
        <v>1930</v>
      </c>
      <c r="AI24" s="223">
        <v>2319</v>
      </c>
    </row>
    <row r="25" spans="2:35" ht="19.5" customHeight="1" x14ac:dyDescent="0.2">
      <c r="B25" s="49" t="s">
        <v>24</v>
      </c>
      <c r="C25" s="220">
        <v>109</v>
      </c>
      <c r="D25" s="221">
        <v>104</v>
      </c>
      <c r="E25" s="222">
        <v>213</v>
      </c>
      <c r="F25" s="213">
        <v>0</v>
      </c>
      <c r="G25" s="221">
        <v>319</v>
      </c>
      <c r="H25" s="221">
        <v>232</v>
      </c>
      <c r="I25" s="221">
        <v>173</v>
      </c>
      <c r="J25" s="221">
        <v>116</v>
      </c>
      <c r="K25" s="221">
        <v>93</v>
      </c>
      <c r="L25" s="222">
        <v>933</v>
      </c>
      <c r="M25" s="223">
        <v>1146</v>
      </c>
      <c r="N25" s="224">
        <v>2</v>
      </c>
      <c r="O25" s="221">
        <v>0</v>
      </c>
      <c r="P25" s="222">
        <v>2</v>
      </c>
      <c r="Q25" s="213">
        <v>0</v>
      </c>
      <c r="R25" s="221">
        <v>5</v>
      </c>
      <c r="S25" s="221">
        <v>7</v>
      </c>
      <c r="T25" s="221">
        <v>2</v>
      </c>
      <c r="U25" s="221">
        <v>2</v>
      </c>
      <c r="V25" s="221">
        <v>0</v>
      </c>
      <c r="W25" s="222">
        <v>16</v>
      </c>
      <c r="X25" s="223">
        <v>18</v>
      </c>
      <c r="Y25" s="220">
        <v>111</v>
      </c>
      <c r="Z25" s="221">
        <v>104</v>
      </c>
      <c r="AA25" s="222">
        <v>215</v>
      </c>
      <c r="AB25" s="213">
        <v>0</v>
      </c>
      <c r="AC25" s="221">
        <v>324</v>
      </c>
      <c r="AD25" s="221">
        <v>239</v>
      </c>
      <c r="AE25" s="221">
        <v>175</v>
      </c>
      <c r="AF25" s="221">
        <v>118</v>
      </c>
      <c r="AG25" s="221">
        <v>93</v>
      </c>
      <c r="AH25" s="222">
        <v>949</v>
      </c>
      <c r="AI25" s="223">
        <v>1164</v>
      </c>
    </row>
    <row r="26" spans="2:35" ht="19.5" customHeight="1" x14ac:dyDescent="0.2">
      <c r="B26" s="49" t="s">
        <v>25</v>
      </c>
      <c r="C26" s="220">
        <v>92</v>
      </c>
      <c r="D26" s="221">
        <v>144</v>
      </c>
      <c r="E26" s="222">
        <v>236</v>
      </c>
      <c r="F26" s="213">
        <v>0</v>
      </c>
      <c r="G26" s="221">
        <v>399</v>
      </c>
      <c r="H26" s="221">
        <v>265</v>
      </c>
      <c r="I26" s="221">
        <v>139</v>
      </c>
      <c r="J26" s="221">
        <v>134</v>
      </c>
      <c r="K26" s="221">
        <v>69</v>
      </c>
      <c r="L26" s="222">
        <v>1006</v>
      </c>
      <c r="M26" s="223">
        <v>1242</v>
      </c>
      <c r="N26" s="224">
        <v>0</v>
      </c>
      <c r="O26" s="221">
        <v>5</v>
      </c>
      <c r="P26" s="222">
        <v>5</v>
      </c>
      <c r="Q26" s="213">
        <v>0</v>
      </c>
      <c r="R26" s="221">
        <v>7</v>
      </c>
      <c r="S26" s="221">
        <v>11</v>
      </c>
      <c r="T26" s="221">
        <v>4</v>
      </c>
      <c r="U26" s="221">
        <v>3</v>
      </c>
      <c r="V26" s="221">
        <v>2</v>
      </c>
      <c r="W26" s="222">
        <v>27</v>
      </c>
      <c r="X26" s="223">
        <v>32</v>
      </c>
      <c r="Y26" s="220">
        <v>92</v>
      </c>
      <c r="Z26" s="221">
        <v>149</v>
      </c>
      <c r="AA26" s="222">
        <v>241</v>
      </c>
      <c r="AB26" s="213">
        <v>0</v>
      </c>
      <c r="AC26" s="221">
        <v>406</v>
      </c>
      <c r="AD26" s="221">
        <v>276</v>
      </c>
      <c r="AE26" s="221">
        <v>143</v>
      </c>
      <c r="AF26" s="221">
        <v>137</v>
      </c>
      <c r="AG26" s="221">
        <v>71</v>
      </c>
      <c r="AH26" s="222">
        <v>1033</v>
      </c>
      <c r="AI26" s="223">
        <v>1274</v>
      </c>
    </row>
    <row r="27" spans="2:35" ht="19.5" customHeight="1" x14ac:dyDescent="0.2">
      <c r="B27" s="49" t="s">
        <v>26</v>
      </c>
      <c r="C27" s="220">
        <v>80</v>
      </c>
      <c r="D27" s="221">
        <v>102</v>
      </c>
      <c r="E27" s="222">
        <v>182</v>
      </c>
      <c r="F27" s="213">
        <v>0</v>
      </c>
      <c r="G27" s="221">
        <v>288</v>
      </c>
      <c r="H27" s="221">
        <v>249</v>
      </c>
      <c r="I27" s="221">
        <v>162</v>
      </c>
      <c r="J27" s="221">
        <v>124</v>
      </c>
      <c r="K27" s="221">
        <v>81</v>
      </c>
      <c r="L27" s="222">
        <v>904</v>
      </c>
      <c r="M27" s="223">
        <v>1086</v>
      </c>
      <c r="N27" s="224">
        <v>0</v>
      </c>
      <c r="O27" s="221">
        <v>1</v>
      </c>
      <c r="P27" s="222">
        <v>1</v>
      </c>
      <c r="Q27" s="213">
        <v>0</v>
      </c>
      <c r="R27" s="221">
        <v>10</v>
      </c>
      <c r="S27" s="221">
        <v>4</v>
      </c>
      <c r="T27" s="221">
        <v>2</v>
      </c>
      <c r="U27" s="221">
        <v>4</v>
      </c>
      <c r="V27" s="221">
        <v>2</v>
      </c>
      <c r="W27" s="222">
        <v>22</v>
      </c>
      <c r="X27" s="223">
        <v>23</v>
      </c>
      <c r="Y27" s="220">
        <v>80</v>
      </c>
      <c r="Z27" s="221">
        <v>103</v>
      </c>
      <c r="AA27" s="222">
        <v>183</v>
      </c>
      <c r="AB27" s="213">
        <v>0</v>
      </c>
      <c r="AC27" s="221">
        <v>298</v>
      </c>
      <c r="AD27" s="221">
        <v>253</v>
      </c>
      <c r="AE27" s="221">
        <v>164</v>
      </c>
      <c r="AF27" s="221">
        <v>128</v>
      </c>
      <c r="AG27" s="221">
        <v>83</v>
      </c>
      <c r="AH27" s="222">
        <v>926</v>
      </c>
      <c r="AI27" s="223">
        <v>1109</v>
      </c>
    </row>
    <row r="28" spans="2:35" ht="19.5" customHeight="1" x14ac:dyDescent="0.2">
      <c r="B28" s="49" t="s">
        <v>27</v>
      </c>
      <c r="C28" s="220">
        <v>119</v>
      </c>
      <c r="D28" s="221">
        <v>166</v>
      </c>
      <c r="E28" s="222">
        <v>285</v>
      </c>
      <c r="F28" s="213">
        <v>0</v>
      </c>
      <c r="G28" s="221">
        <v>243</v>
      </c>
      <c r="H28" s="221">
        <v>208</v>
      </c>
      <c r="I28" s="221">
        <v>159</v>
      </c>
      <c r="J28" s="221">
        <v>114</v>
      </c>
      <c r="K28" s="221">
        <v>61</v>
      </c>
      <c r="L28" s="222">
        <v>785</v>
      </c>
      <c r="M28" s="223">
        <v>1070</v>
      </c>
      <c r="N28" s="224">
        <v>0</v>
      </c>
      <c r="O28" s="221">
        <v>5</v>
      </c>
      <c r="P28" s="222">
        <v>5</v>
      </c>
      <c r="Q28" s="213">
        <v>0</v>
      </c>
      <c r="R28" s="221">
        <v>7</v>
      </c>
      <c r="S28" s="221">
        <v>4</v>
      </c>
      <c r="T28" s="221">
        <v>2</v>
      </c>
      <c r="U28" s="221">
        <v>2</v>
      </c>
      <c r="V28" s="221">
        <v>3</v>
      </c>
      <c r="W28" s="222">
        <v>18</v>
      </c>
      <c r="X28" s="223">
        <v>23</v>
      </c>
      <c r="Y28" s="220">
        <v>119</v>
      </c>
      <c r="Z28" s="221">
        <v>171</v>
      </c>
      <c r="AA28" s="222">
        <v>290</v>
      </c>
      <c r="AB28" s="213">
        <v>0</v>
      </c>
      <c r="AC28" s="221">
        <v>250</v>
      </c>
      <c r="AD28" s="221">
        <v>212</v>
      </c>
      <c r="AE28" s="221">
        <v>161</v>
      </c>
      <c r="AF28" s="221">
        <v>116</v>
      </c>
      <c r="AG28" s="221">
        <v>64</v>
      </c>
      <c r="AH28" s="222">
        <v>803</v>
      </c>
      <c r="AI28" s="223">
        <v>1093</v>
      </c>
    </row>
    <row r="29" spans="2:35" ht="19.5" customHeight="1" x14ac:dyDescent="0.2">
      <c r="B29" s="49" t="s">
        <v>28</v>
      </c>
      <c r="C29" s="220">
        <v>10</v>
      </c>
      <c r="D29" s="221">
        <v>19</v>
      </c>
      <c r="E29" s="222">
        <v>29</v>
      </c>
      <c r="F29" s="213">
        <v>0</v>
      </c>
      <c r="G29" s="221">
        <v>72</v>
      </c>
      <c r="H29" s="221">
        <v>99</v>
      </c>
      <c r="I29" s="221">
        <v>41</v>
      </c>
      <c r="J29" s="221">
        <v>38</v>
      </c>
      <c r="K29" s="221">
        <v>24</v>
      </c>
      <c r="L29" s="222">
        <v>274</v>
      </c>
      <c r="M29" s="223">
        <v>303</v>
      </c>
      <c r="N29" s="224">
        <v>0</v>
      </c>
      <c r="O29" s="221">
        <v>0</v>
      </c>
      <c r="P29" s="222">
        <v>0</v>
      </c>
      <c r="Q29" s="213">
        <v>0</v>
      </c>
      <c r="R29" s="221">
        <v>0</v>
      </c>
      <c r="S29" s="221">
        <v>1</v>
      </c>
      <c r="T29" s="221">
        <v>0</v>
      </c>
      <c r="U29" s="221">
        <v>1</v>
      </c>
      <c r="V29" s="221">
        <v>3</v>
      </c>
      <c r="W29" s="222">
        <v>5</v>
      </c>
      <c r="X29" s="223">
        <v>5</v>
      </c>
      <c r="Y29" s="220">
        <v>10</v>
      </c>
      <c r="Z29" s="221">
        <v>19</v>
      </c>
      <c r="AA29" s="222">
        <v>29</v>
      </c>
      <c r="AB29" s="213">
        <v>0</v>
      </c>
      <c r="AC29" s="221">
        <v>72</v>
      </c>
      <c r="AD29" s="221">
        <v>100</v>
      </c>
      <c r="AE29" s="221">
        <v>41</v>
      </c>
      <c r="AF29" s="221">
        <v>39</v>
      </c>
      <c r="AG29" s="221">
        <v>27</v>
      </c>
      <c r="AH29" s="222">
        <v>279</v>
      </c>
      <c r="AI29" s="223">
        <v>308</v>
      </c>
    </row>
    <row r="30" spans="2:35" ht="19.5" customHeight="1" x14ac:dyDescent="0.2">
      <c r="B30" s="49" t="s">
        <v>29</v>
      </c>
      <c r="C30" s="220">
        <v>29</v>
      </c>
      <c r="D30" s="221">
        <v>32</v>
      </c>
      <c r="E30" s="222">
        <v>61</v>
      </c>
      <c r="F30" s="213">
        <v>0</v>
      </c>
      <c r="G30" s="221">
        <v>88</v>
      </c>
      <c r="H30" s="221">
        <v>114</v>
      </c>
      <c r="I30" s="221">
        <v>59</v>
      </c>
      <c r="J30" s="221">
        <v>56</v>
      </c>
      <c r="K30" s="221">
        <v>30</v>
      </c>
      <c r="L30" s="222">
        <v>347</v>
      </c>
      <c r="M30" s="223">
        <v>408</v>
      </c>
      <c r="N30" s="224">
        <v>1</v>
      </c>
      <c r="O30" s="221">
        <v>2</v>
      </c>
      <c r="P30" s="222">
        <v>3</v>
      </c>
      <c r="Q30" s="213">
        <v>0</v>
      </c>
      <c r="R30" s="221">
        <v>2</v>
      </c>
      <c r="S30" s="221">
        <v>3</v>
      </c>
      <c r="T30" s="221">
        <v>4</v>
      </c>
      <c r="U30" s="221">
        <v>1</v>
      </c>
      <c r="V30" s="221">
        <v>0</v>
      </c>
      <c r="W30" s="222">
        <v>10</v>
      </c>
      <c r="X30" s="223">
        <v>13</v>
      </c>
      <c r="Y30" s="220">
        <v>30</v>
      </c>
      <c r="Z30" s="221">
        <v>34</v>
      </c>
      <c r="AA30" s="222">
        <v>64</v>
      </c>
      <c r="AB30" s="213">
        <v>0</v>
      </c>
      <c r="AC30" s="221">
        <v>90</v>
      </c>
      <c r="AD30" s="221">
        <v>117</v>
      </c>
      <c r="AE30" s="221">
        <v>63</v>
      </c>
      <c r="AF30" s="221">
        <v>57</v>
      </c>
      <c r="AG30" s="221">
        <v>30</v>
      </c>
      <c r="AH30" s="222">
        <v>357</v>
      </c>
      <c r="AI30" s="223">
        <v>421</v>
      </c>
    </row>
    <row r="31" spans="2:35" ht="19.5" customHeight="1" x14ac:dyDescent="0.2">
      <c r="B31" s="49" t="s">
        <v>30</v>
      </c>
      <c r="C31" s="220">
        <v>31</v>
      </c>
      <c r="D31" s="221">
        <v>30</v>
      </c>
      <c r="E31" s="222">
        <v>61</v>
      </c>
      <c r="F31" s="213">
        <v>0</v>
      </c>
      <c r="G31" s="221">
        <v>105</v>
      </c>
      <c r="H31" s="221">
        <v>89</v>
      </c>
      <c r="I31" s="221">
        <v>61</v>
      </c>
      <c r="J31" s="221">
        <v>53</v>
      </c>
      <c r="K31" s="221">
        <v>20</v>
      </c>
      <c r="L31" s="222">
        <v>328</v>
      </c>
      <c r="M31" s="223">
        <v>389</v>
      </c>
      <c r="N31" s="224">
        <v>0</v>
      </c>
      <c r="O31" s="221">
        <v>0</v>
      </c>
      <c r="P31" s="222">
        <v>0</v>
      </c>
      <c r="Q31" s="213">
        <v>0</v>
      </c>
      <c r="R31" s="221">
        <v>1</v>
      </c>
      <c r="S31" s="221">
        <v>0</v>
      </c>
      <c r="T31" s="221">
        <v>1</v>
      </c>
      <c r="U31" s="221">
        <v>1</v>
      </c>
      <c r="V31" s="221">
        <v>0</v>
      </c>
      <c r="W31" s="222">
        <v>3</v>
      </c>
      <c r="X31" s="223">
        <v>3</v>
      </c>
      <c r="Y31" s="220">
        <v>31</v>
      </c>
      <c r="Z31" s="221">
        <v>30</v>
      </c>
      <c r="AA31" s="222">
        <v>61</v>
      </c>
      <c r="AB31" s="213">
        <v>0</v>
      </c>
      <c r="AC31" s="221">
        <v>106</v>
      </c>
      <c r="AD31" s="221">
        <v>89</v>
      </c>
      <c r="AE31" s="221">
        <v>62</v>
      </c>
      <c r="AF31" s="221">
        <v>54</v>
      </c>
      <c r="AG31" s="221">
        <v>20</v>
      </c>
      <c r="AH31" s="222">
        <v>331</v>
      </c>
      <c r="AI31" s="223">
        <v>392</v>
      </c>
    </row>
    <row r="32" spans="2:35" ht="19.5" customHeight="1" x14ac:dyDescent="0.2">
      <c r="B32" s="49" t="s">
        <v>31</v>
      </c>
      <c r="C32" s="220">
        <v>26</v>
      </c>
      <c r="D32" s="221">
        <v>49</v>
      </c>
      <c r="E32" s="222">
        <v>75</v>
      </c>
      <c r="F32" s="213">
        <v>0</v>
      </c>
      <c r="G32" s="221">
        <v>109</v>
      </c>
      <c r="H32" s="221">
        <v>101</v>
      </c>
      <c r="I32" s="221">
        <v>64</v>
      </c>
      <c r="J32" s="221">
        <v>32</v>
      </c>
      <c r="K32" s="221">
        <v>19</v>
      </c>
      <c r="L32" s="222">
        <v>325</v>
      </c>
      <c r="M32" s="223">
        <v>400</v>
      </c>
      <c r="N32" s="224">
        <v>0</v>
      </c>
      <c r="O32" s="221">
        <v>1</v>
      </c>
      <c r="P32" s="222">
        <v>1</v>
      </c>
      <c r="Q32" s="213">
        <v>0</v>
      </c>
      <c r="R32" s="221">
        <v>3</v>
      </c>
      <c r="S32" s="221">
        <v>1</v>
      </c>
      <c r="T32" s="221">
        <v>1</v>
      </c>
      <c r="U32" s="221">
        <v>1</v>
      </c>
      <c r="V32" s="221">
        <v>2</v>
      </c>
      <c r="W32" s="222">
        <v>8</v>
      </c>
      <c r="X32" s="223">
        <v>9</v>
      </c>
      <c r="Y32" s="220">
        <v>26</v>
      </c>
      <c r="Z32" s="221">
        <v>50</v>
      </c>
      <c r="AA32" s="222">
        <v>76</v>
      </c>
      <c r="AB32" s="213">
        <v>0</v>
      </c>
      <c r="AC32" s="221">
        <v>112</v>
      </c>
      <c r="AD32" s="221">
        <v>102</v>
      </c>
      <c r="AE32" s="221">
        <v>65</v>
      </c>
      <c r="AF32" s="221">
        <v>33</v>
      </c>
      <c r="AG32" s="221">
        <v>21</v>
      </c>
      <c r="AH32" s="222">
        <v>333</v>
      </c>
      <c r="AI32" s="223">
        <v>409</v>
      </c>
    </row>
    <row r="33" spans="2:35" ht="19.5" customHeight="1" x14ac:dyDescent="0.2">
      <c r="B33" s="49" t="s">
        <v>32</v>
      </c>
      <c r="C33" s="220">
        <v>34</v>
      </c>
      <c r="D33" s="221">
        <v>42</v>
      </c>
      <c r="E33" s="222">
        <v>76</v>
      </c>
      <c r="F33" s="213">
        <v>0</v>
      </c>
      <c r="G33" s="221">
        <v>147</v>
      </c>
      <c r="H33" s="221">
        <v>118</v>
      </c>
      <c r="I33" s="221">
        <v>65</v>
      </c>
      <c r="J33" s="221">
        <v>56</v>
      </c>
      <c r="K33" s="221">
        <v>28</v>
      </c>
      <c r="L33" s="222">
        <v>414</v>
      </c>
      <c r="M33" s="223">
        <v>490</v>
      </c>
      <c r="N33" s="224">
        <v>0</v>
      </c>
      <c r="O33" s="221">
        <v>1</v>
      </c>
      <c r="P33" s="222">
        <v>1</v>
      </c>
      <c r="Q33" s="213">
        <v>0</v>
      </c>
      <c r="R33" s="221">
        <v>9</v>
      </c>
      <c r="S33" s="221">
        <v>7</v>
      </c>
      <c r="T33" s="221">
        <v>0</v>
      </c>
      <c r="U33" s="221">
        <v>2</v>
      </c>
      <c r="V33" s="221">
        <v>2</v>
      </c>
      <c r="W33" s="222">
        <v>20</v>
      </c>
      <c r="X33" s="223">
        <v>21</v>
      </c>
      <c r="Y33" s="220">
        <v>34</v>
      </c>
      <c r="Z33" s="221">
        <v>43</v>
      </c>
      <c r="AA33" s="222">
        <v>77</v>
      </c>
      <c r="AB33" s="213">
        <v>0</v>
      </c>
      <c r="AC33" s="221">
        <v>156</v>
      </c>
      <c r="AD33" s="221">
        <v>125</v>
      </c>
      <c r="AE33" s="221">
        <v>65</v>
      </c>
      <c r="AF33" s="221">
        <v>58</v>
      </c>
      <c r="AG33" s="221">
        <v>30</v>
      </c>
      <c r="AH33" s="222">
        <v>434</v>
      </c>
      <c r="AI33" s="223">
        <v>511</v>
      </c>
    </row>
    <row r="34" spans="2:35" ht="19.5" customHeight="1" x14ac:dyDescent="0.2">
      <c r="B34" s="49" t="s">
        <v>33</v>
      </c>
      <c r="C34" s="220">
        <v>37</v>
      </c>
      <c r="D34" s="221">
        <v>57</v>
      </c>
      <c r="E34" s="222">
        <v>94</v>
      </c>
      <c r="F34" s="213">
        <v>0</v>
      </c>
      <c r="G34" s="221">
        <v>125</v>
      </c>
      <c r="H34" s="221">
        <v>86</v>
      </c>
      <c r="I34" s="221">
        <v>47</v>
      </c>
      <c r="J34" s="221">
        <v>38</v>
      </c>
      <c r="K34" s="221">
        <v>24</v>
      </c>
      <c r="L34" s="222">
        <v>320</v>
      </c>
      <c r="M34" s="223">
        <v>414</v>
      </c>
      <c r="N34" s="224">
        <v>0</v>
      </c>
      <c r="O34" s="221">
        <v>0</v>
      </c>
      <c r="P34" s="222">
        <v>0</v>
      </c>
      <c r="Q34" s="213">
        <v>0</v>
      </c>
      <c r="R34" s="221">
        <v>3</v>
      </c>
      <c r="S34" s="221">
        <v>0</v>
      </c>
      <c r="T34" s="221">
        <v>0</v>
      </c>
      <c r="U34" s="221">
        <v>1</v>
      </c>
      <c r="V34" s="221">
        <v>1</v>
      </c>
      <c r="W34" s="222">
        <v>5</v>
      </c>
      <c r="X34" s="223">
        <v>5</v>
      </c>
      <c r="Y34" s="220">
        <v>37</v>
      </c>
      <c r="Z34" s="221">
        <v>57</v>
      </c>
      <c r="AA34" s="222">
        <v>94</v>
      </c>
      <c r="AB34" s="213">
        <v>0</v>
      </c>
      <c r="AC34" s="221">
        <v>128</v>
      </c>
      <c r="AD34" s="221">
        <v>86</v>
      </c>
      <c r="AE34" s="221">
        <v>47</v>
      </c>
      <c r="AF34" s="221">
        <v>39</v>
      </c>
      <c r="AG34" s="221">
        <v>25</v>
      </c>
      <c r="AH34" s="222">
        <v>325</v>
      </c>
      <c r="AI34" s="223">
        <v>419</v>
      </c>
    </row>
    <row r="35" spans="2:35" ht="19.5" customHeight="1" x14ac:dyDescent="0.2">
      <c r="B35" s="49" t="s">
        <v>34</v>
      </c>
      <c r="C35" s="220">
        <v>16</v>
      </c>
      <c r="D35" s="221">
        <v>27</v>
      </c>
      <c r="E35" s="222">
        <v>43</v>
      </c>
      <c r="F35" s="213">
        <v>0</v>
      </c>
      <c r="G35" s="221">
        <v>96</v>
      </c>
      <c r="H35" s="221">
        <v>75</v>
      </c>
      <c r="I35" s="221">
        <v>44</v>
      </c>
      <c r="J35" s="221">
        <v>33</v>
      </c>
      <c r="K35" s="221">
        <v>16</v>
      </c>
      <c r="L35" s="222">
        <v>264</v>
      </c>
      <c r="M35" s="223">
        <v>307</v>
      </c>
      <c r="N35" s="224">
        <v>0</v>
      </c>
      <c r="O35" s="221">
        <v>0</v>
      </c>
      <c r="P35" s="222">
        <v>0</v>
      </c>
      <c r="Q35" s="213">
        <v>0</v>
      </c>
      <c r="R35" s="221">
        <v>3</v>
      </c>
      <c r="S35" s="221">
        <v>2</v>
      </c>
      <c r="T35" s="221">
        <v>2</v>
      </c>
      <c r="U35" s="221">
        <v>1</v>
      </c>
      <c r="V35" s="221">
        <v>1</v>
      </c>
      <c r="W35" s="222">
        <v>9</v>
      </c>
      <c r="X35" s="223">
        <v>9</v>
      </c>
      <c r="Y35" s="220">
        <v>16</v>
      </c>
      <c r="Z35" s="221">
        <v>27</v>
      </c>
      <c r="AA35" s="222">
        <v>43</v>
      </c>
      <c r="AB35" s="213">
        <v>0</v>
      </c>
      <c r="AC35" s="221">
        <v>99</v>
      </c>
      <c r="AD35" s="221">
        <v>77</v>
      </c>
      <c r="AE35" s="221">
        <v>46</v>
      </c>
      <c r="AF35" s="221">
        <v>34</v>
      </c>
      <c r="AG35" s="221">
        <v>17</v>
      </c>
      <c r="AH35" s="222">
        <v>273</v>
      </c>
      <c r="AI35" s="223">
        <v>316</v>
      </c>
    </row>
    <row r="36" spans="2:35" ht="19.5" customHeight="1" x14ac:dyDescent="0.2">
      <c r="B36" s="49" t="s">
        <v>35</v>
      </c>
      <c r="C36" s="220">
        <v>71</v>
      </c>
      <c r="D36" s="221">
        <v>101</v>
      </c>
      <c r="E36" s="222">
        <v>172</v>
      </c>
      <c r="F36" s="213">
        <v>0</v>
      </c>
      <c r="G36" s="221">
        <v>369</v>
      </c>
      <c r="H36" s="221">
        <v>243</v>
      </c>
      <c r="I36" s="221">
        <v>132</v>
      </c>
      <c r="J36" s="221">
        <v>125</v>
      </c>
      <c r="K36" s="221">
        <v>44</v>
      </c>
      <c r="L36" s="222">
        <v>913</v>
      </c>
      <c r="M36" s="223">
        <v>1085</v>
      </c>
      <c r="N36" s="224">
        <v>0</v>
      </c>
      <c r="O36" s="221">
        <v>1</v>
      </c>
      <c r="P36" s="222">
        <v>1</v>
      </c>
      <c r="Q36" s="213">
        <v>0</v>
      </c>
      <c r="R36" s="221">
        <v>1</v>
      </c>
      <c r="S36" s="221">
        <v>7</v>
      </c>
      <c r="T36" s="221">
        <v>1</v>
      </c>
      <c r="U36" s="221">
        <v>1</v>
      </c>
      <c r="V36" s="221">
        <v>1</v>
      </c>
      <c r="W36" s="222">
        <v>11</v>
      </c>
      <c r="X36" s="223">
        <v>12</v>
      </c>
      <c r="Y36" s="220">
        <v>71</v>
      </c>
      <c r="Z36" s="221">
        <v>102</v>
      </c>
      <c r="AA36" s="222">
        <v>173</v>
      </c>
      <c r="AB36" s="213">
        <v>0</v>
      </c>
      <c r="AC36" s="221">
        <v>370</v>
      </c>
      <c r="AD36" s="221">
        <v>250</v>
      </c>
      <c r="AE36" s="221">
        <v>133</v>
      </c>
      <c r="AF36" s="221">
        <v>126</v>
      </c>
      <c r="AG36" s="221">
        <v>45</v>
      </c>
      <c r="AH36" s="222">
        <v>924</v>
      </c>
      <c r="AI36" s="223">
        <v>1097</v>
      </c>
    </row>
    <row r="37" spans="2:35" ht="19.5" customHeight="1" x14ac:dyDescent="0.2">
      <c r="B37" s="49" t="s">
        <v>36</v>
      </c>
      <c r="C37" s="220">
        <v>52</v>
      </c>
      <c r="D37" s="221">
        <v>128</v>
      </c>
      <c r="E37" s="222">
        <v>180</v>
      </c>
      <c r="F37" s="213">
        <v>0</v>
      </c>
      <c r="G37" s="221">
        <v>283</v>
      </c>
      <c r="H37" s="221">
        <v>259</v>
      </c>
      <c r="I37" s="221">
        <v>167</v>
      </c>
      <c r="J37" s="221">
        <v>103</v>
      </c>
      <c r="K37" s="221">
        <v>64</v>
      </c>
      <c r="L37" s="222">
        <v>876</v>
      </c>
      <c r="M37" s="223">
        <v>1056</v>
      </c>
      <c r="N37" s="224">
        <v>1</v>
      </c>
      <c r="O37" s="221">
        <v>4</v>
      </c>
      <c r="P37" s="222">
        <v>5</v>
      </c>
      <c r="Q37" s="213">
        <v>0</v>
      </c>
      <c r="R37" s="221">
        <v>3</v>
      </c>
      <c r="S37" s="221">
        <v>9</v>
      </c>
      <c r="T37" s="221">
        <v>5</v>
      </c>
      <c r="U37" s="221">
        <v>0</v>
      </c>
      <c r="V37" s="221">
        <v>0</v>
      </c>
      <c r="W37" s="222">
        <v>17</v>
      </c>
      <c r="X37" s="223">
        <v>22</v>
      </c>
      <c r="Y37" s="220">
        <v>53</v>
      </c>
      <c r="Z37" s="221">
        <v>132</v>
      </c>
      <c r="AA37" s="222">
        <v>185</v>
      </c>
      <c r="AB37" s="213">
        <v>0</v>
      </c>
      <c r="AC37" s="221">
        <v>286</v>
      </c>
      <c r="AD37" s="221">
        <v>268</v>
      </c>
      <c r="AE37" s="221">
        <v>172</v>
      </c>
      <c r="AF37" s="221">
        <v>103</v>
      </c>
      <c r="AG37" s="221">
        <v>64</v>
      </c>
      <c r="AH37" s="222">
        <v>893</v>
      </c>
      <c r="AI37" s="223">
        <v>1078</v>
      </c>
    </row>
    <row r="38" spans="2:35" ht="19.5" customHeight="1" thickBot="1" x14ac:dyDescent="0.25">
      <c r="B38" s="50" t="s">
        <v>37</v>
      </c>
      <c r="C38" s="225">
        <v>13</v>
      </c>
      <c r="D38" s="226">
        <v>7</v>
      </c>
      <c r="E38" s="227">
        <v>20</v>
      </c>
      <c r="F38" s="214">
        <v>0</v>
      </c>
      <c r="G38" s="226">
        <v>30</v>
      </c>
      <c r="H38" s="226">
        <v>18</v>
      </c>
      <c r="I38" s="226">
        <v>21</v>
      </c>
      <c r="J38" s="226">
        <v>6</v>
      </c>
      <c r="K38" s="226">
        <v>5</v>
      </c>
      <c r="L38" s="227">
        <v>80</v>
      </c>
      <c r="M38" s="228">
        <v>100</v>
      </c>
      <c r="N38" s="229">
        <v>0</v>
      </c>
      <c r="O38" s="226">
        <v>0</v>
      </c>
      <c r="P38" s="227">
        <v>0</v>
      </c>
      <c r="Q38" s="214">
        <v>0</v>
      </c>
      <c r="R38" s="226">
        <v>1</v>
      </c>
      <c r="S38" s="226">
        <v>1</v>
      </c>
      <c r="T38" s="226">
        <v>2</v>
      </c>
      <c r="U38" s="226">
        <v>1</v>
      </c>
      <c r="V38" s="226">
        <v>0</v>
      </c>
      <c r="W38" s="227">
        <v>5</v>
      </c>
      <c r="X38" s="228">
        <v>5</v>
      </c>
      <c r="Y38" s="225">
        <v>13</v>
      </c>
      <c r="Z38" s="226">
        <v>7</v>
      </c>
      <c r="AA38" s="227">
        <v>20</v>
      </c>
      <c r="AB38" s="214">
        <v>0</v>
      </c>
      <c r="AC38" s="226">
        <v>31</v>
      </c>
      <c r="AD38" s="226">
        <v>19</v>
      </c>
      <c r="AE38" s="226">
        <v>23</v>
      </c>
      <c r="AF38" s="226">
        <v>7</v>
      </c>
      <c r="AG38" s="226">
        <v>5</v>
      </c>
      <c r="AH38" s="227">
        <v>85</v>
      </c>
      <c r="AI38" s="228">
        <v>105</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6">
        <f>第１表!F2</f>
        <v>4</v>
      </c>
      <c r="J1" s="526"/>
      <c r="K1" s="248">
        <f>第１表!G2</f>
        <v>10</v>
      </c>
      <c r="L1" s="531">
        <f>IF(K1&lt;3,K1+12-2,K1-2)</f>
        <v>8</v>
      </c>
      <c r="M1" s="531"/>
    </row>
    <row r="2" spans="2:156" ht="24" customHeight="1" thickBot="1" x14ac:dyDescent="0.25">
      <c r="B2" s="290" t="s">
        <v>138</v>
      </c>
      <c r="G2" s="247"/>
      <c r="H2" s="248"/>
      <c r="J2" s="254"/>
      <c r="K2" s="254"/>
    </row>
    <row r="3" spans="2:156" ht="23.25" customHeight="1" thickBot="1" x14ac:dyDescent="0.25">
      <c r="B3" s="539"/>
      <c r="C3" s="542" t="s">
        <v>70</v>
      </c>
      <c r="D3" s="543"/>
      <c r="E3" s="543"/>
      <c r="F3" s="543"/>
      <c r="G3" s="543"/>
      <c r="H3" s="543"/>
      <c r="I3" s="543"/>
      <c r="J3" s="543"/>
      <c r="K3" s="543"/>
      <c r="L3" s="543"/>
      <c r="M3" s="544"/>
      <c r="N3" s="542" t="s">
        <v>71</v>
      </c>
      <c r="O3" s="543"/>
      <c r="P3" s="543"/>
      <c r="Q3" s="543"/>
      <c r="R3" s="543"/>
      <c r="S3" s="543"/>
      <c r="T3" s="543"/>
      <c r="U3" s="543"/>
      <c r="V3" s="543"/>
      <c r="W3" s="543"/>
      <c r="X3" s="544"/>
      <c r="Y3" s="542" t="s">
        <v>72</v>
      </c>
      <c r="Z3" s="543"/>
      <c r="AA3" s="543"/>
      <c r="AB3" s="543"/>
      <c r="AC3" s="543"/>
      <c r="AD3" s="543"/>
      <c r="AE3" s="543"/>
      <c r="AF3" s="543"/>
      <c r="AG3" s="543"/>
      <c r="AH3" s="543"/>
      <c r="AI3" s="544"/>
      <c r="AJ3" s="542" t="s">
        <v>73</v>
      </c>
      <c r="AK3" s="543"/>
      <c r="AL3" s="543"/>
      <c r="AM3" s="543"/>
      <c r="AN3" s="543"/>
      <c r="AO3" s="543"/>
      <c r="AP3" s="543"/>
      <c r="AQ3" s="543"/>
      <c r="AR3" s="543"/>
      <c r="AS3" s="543"/>
      <c r="AT3" s="544"/>
      <c r="AU3" s="542" t="s">
        <v>74</v>
      </c>
      <c r="AV3" s="543"/>
      <c r="AW3" s="543"/>
      <c r="AX3" s="543"/>
      <c r="AY3" s="543"/>
      <c r="AZ3" s="543"/>
      <c r="BA3" s="543"/>
      <c r="BB3" s="543"/>
      <c r="BC3" s="543"/>
      <c r="BD3" s="543"/>
      <c r="BE3" s="544"/>
      <c r="BF3" s="542" t="s">
        <v>75</v>
      </c>
      <c r="BG3" s="543"/>
      <c r="BH3" s="543"/>
      <c r="BI3" s="543"/>
      <c r="BJ3" s="543"/>
      <c r="BK3" s="543"/>
      <c r="BL3" s="543"/>
      <c r="BM3" s="543"/>
      <c r="BN3" s="543"/>
      <c r="BO3" s="543"/>
      <c r="BP3" s="544"/>
      <c r="BQ3" s="542" t="s">
        <v>76</v>
      </c>
      <c r="BR3" s="543"/>
      <c r="BS3" s="543"/>
      <c r="BT3" s="543"/>
      <c r="BU3" s="543"/>
      <c r="BV3" s="543"/>
      <c r="BW3" s="543"/>
      <c r="BX3" s="543"/>
      <c r="BY3" s="543"/>
      <c r="BZ3" s="543"/>
      <c r="CA3" s="544"/>
      <c r="CB3" s="542" t="s">
        <v>77</v>
      </c>
      <c r="CC3" s="543"/>
      <c r="CD3" s="543"/>
      <c r="CE3" s="543"/>
      <c r="CF3" s="543"/>
      <c r="CG3" s="543"/>
      <c r="CH3" s="543"/>
      <c r="CI3" s="543"/>
      <c r="CJ3" s="543"/>
      <c r="CK3" s="543"/>
      <c r="CL3" s="544"/>
      <c r="CM3" s="542" t="s">
        <v>78</v>
      </c>
      <c r="CN3" s="543"/>
      <c r="CO3" s="543"/>
      <c r="CP3" s="543"/>
      <c r="CQ3" s="543"/>
      <c r="CR3" s="543"/>
      <c r="CS3" s="543"/>
      <c r="CT3" s="543"/>
      <c r="CU3" s="543"/>
      <c r="CV3" s="543"/>
      <c r="CW3" s="544"/>
      <c r="CX3" s="542" t="s">
        <v>79</v>
      </c>
      <c r="CY3" s="543"/>
      <c r="CZ3" s="543"/>
      <c r="DA3" s="543"/>
      <c r="DB3" s="543"/>
      <c r="DC3" s="543"/>
      <c r="DD3" s="543"/>
      <c r="DE3" s="543"/>
      <c r="DF3" s="543"/>
      <c r="DG3" s="543"/>
      <c r="DH3" s="544"/>
      <c r="DI3" s="542" t="s">
        <v>152</v>
      </c>
      <c r="DJ3" s="543"/>
      <c r="DK3" s="543"/>
      <c r="DL3" s="543"/>
      <c r="DM3" s="543"/>
      <c r="DN3" s="543"/>
      <c r="DO3" s="543"/>
      <c r="DP3" s="543"/>
      <c r="DQ3" s="543"/>
      <c r="DR3" s="543"/>
      <c r="DS3" s="544"/>
      <c r="DT3" s="542" t="s">
        <v>80</v>
      </c>
      <c r="DU3" s="543"/>
      <c r="DV3" s="543"/>
      <c r="DW3" s="543"/>
      <c r="DX3" s="543"/>
      <c r="DY3" s="543"/>
      <c r="DZ3" s="543"/>
      <c r="EA3" s="543"/>
      <c r="EB3" s="543"/>
      <c r="EC3" s="543"/>
      <c r="ED3" s="544"/>
      <c r="EE3" s="542" t="s">
        <v>68</v>
      </c>
      <c r="EF3" s="543"/>
      <c r="EG3" s="543"/>
      <c r="EH3" s="543"/>
      <c r="EI3" s="543"/>
      <c r="EJ3" s="543"/>
      <c r="EK3" s="543"/>
      <c r="EL3" s="543"/>
      <c r="EM3" s="543"/>
      <c r="EN3" s="543"/>
      <c r="EO3" s="544"/>
      <c r="EP3" s="545" t="s">
        <v>69</v>
      </c>
      <c r="EQ3" s="546"/>
      <c r="ER3" s="546"/>
      <c r="ES3" s="546"/>
      <c r="ET3" s="546"/>
      <c r="EU3" s="546"/>
      <c r="EV3" s="546"/>
      <c r="EW3" s="546"/>
      <c r="EX3" s="546"/>
      <c r="EY3" s="546"/>
      <c r="EZ3" s="547"/>
    </row>
    <row r="4" spans="2:156" ht="22.5" customHeight="1" x14ac:dyDescent="0.2">
      <c r="B4" s="540"/>
      <c r="C4" s="534" t="s">
        <v>61</v>
      </c>
      <c r="D4" s="535"/>
      <c r="E4" s="536"/>
      <c r="F4" s="537" t="s">
        <v>62</v>
      </c>
      <c r="G4" s="535"/>
      <c r="H4" s="535"/>
      <c r="I4" s="535"/>
      <c r="J4" s="535"/>
      <c r="K4" s="535"/>
      <c r="L4" s="538"/>
      <c r="M4" s="532" t="s">
        <v>52</v>
      </c>
      <c r="N4" s="534" t="s">
        <v>61</v>
      </c>
      <c r="O4" s="535"/>
      <c r="P4" s="536"/>
      <c r="Q4" s="537" t="s">
        <v>62</v>
      </c>
      <c r="R4" s="535"/>
      <c r="S4" s="535"/>
      <c r="T4" s="535"/>
      <c r="U4" s="535"/>
      <c r="V4" s="535"/>
      <c r="W4" s="536"/>
      <c r="X4" s="532" t="s">
        <v>52</v>
      </c>
      <c r="Y4" s="534" t="s">
        <v>61</v>
      </c>
      <c r="Z4" s="535"/>
      <c r="AA4" s="536"/>
      <c r="AB4" s="537" t="s">
        <v>62</v>
      </c>
      <c r="AC4" s="535"/>
      <c r="AD4" s="535"/>
      <c r="AE4" s="535"/>
      <c r="AF4" s="535"/>
      <c r="AG4" s="535"/>
      <c r="AH4" s="536"/>
      <c r="AI4" s="532" t="s">
        <v>52</v>
      </c>
      <c r="AJ4" s="534" t="s">
        <v>61</v>
      </c>
      <c r="AK4" s="535"/>
      <c r="AL4" s="536"/>
      <c r="AM4" s="537" t="s">
        <v>62</v>
      </c>
      <c r="AN4" s="535"/>
      <c r="AO4" s="535"/>
      <c r="AP4" s="535"/>
      <c r="AQ4" s="535"/>
      <c r="AR4" s="535"/>
      <c r="AS4" s="536"/>
      <c r="AT4" s="532" t="s">
        <v>52</v>
      </c>
      <c r="AU4" s="534" t="s">
        <v>61</v>
      </c>
      <c r="AV4" s="535"/>
      <c r="AW4" s="536"/>
      <c r="AX4" s="537" t="s">
        <v>62</v>
      </c>
      <c r="AY4" s="535"/>
      <c r="AZ4" s="535"/>
      <c r="BA4" s="535"/>
      <c r="BB4" s="535"/>
      <c r="BC4" s="535"/>
      <c r="BD4" s="538"/>
      <c r="BE4" s="532" t="s">
        <v>52</v>
      </c>
      <c r="BF4" s="534" t="s">
        <v>61</v>
      </c>
      <c r="BG4" s="535"/>
      <c r="BH4" s="536"/>
      <c r="BI4" s="537" t="s">
        <v>62</v>
      </c>
      <c r="BJ4" s="535"/>
      <c r="BK4" s="535"/>
      <c r="BL4" s="535"/>
      <c r="BM4" s="535"/>
      <c r="BN4" s="535"/>
      <c r="BO4" s="536"/>
      <c r="BP4" s="532" t="s">
        <v>52</v>
      </c>
      <c r="BQ4" s="534" t="s">
        <v>61</v>
      </c>
      <c r="BR4" s="535"/>
      <c r="BS4" s="536"/>
      <c r="BT4" s="537" t="s">
        <v>62</v>
      </c>
      <c r="BU4" s="535"/>
      <c r="BV4" s="535"/>
      <c r="BW4" s="535"/>
      <c r="BX4" s="535"/>
      <c r="BY4" s="535"/>
      <c r="BZ4" s="536"/>
      <c r="CA4" s="532" t="s">
        <v>52</v>
      </c>
      <c r="CB4" s="534" t="s">
        <v>61</v>
      </c>
      <c r="CC4" s="535"/>
      <c r="CD4" s="536"/>
      <c r="CE4" s="537" t="s">
        <v>62</v>
      </c>
      <c r="CF4" s="535"/>
      <c r="CG4" s="535"/>
      <c r="CH4" s="535"/>
      <c r="CI4" s="535"/>
      <c r="CJ4" s="535"/>
      <c r="CK4" s="536"/>
      <c r="CL4" s="532" t="s">
        <v>52</v>
      </c>
      <c r="CM4" s="534" t="s">
        <v>61</v>
      </c>
      <c r="CN4" s="535"/>
      <c r="CO4" s="536"/>
      <c r="CP4" s="537" t="s">
        <v>62</v>
      </c>
      <c r="CQ4" s="535"/>
      <c r="CR4" s="535"/>
      <c r="CS4" s="535"/>
      <c r="CT4" s="535"/>
      <c r="CU4" s="535"/>
      <c r="CV4" s="536"/>
      <c r="CW4" s="532" t="s">
        <v>52</v>
      </c>
      <c r="CX4" s="534" t="s">
        <v>61</v>
      </c>
      <c r="CY4" s="535"/>
      <c r="CZ4" s="536"/>
      <c r="DA4" s="537" t="s">
        <v>62</v>
      </c>
      <c r="DB4" s="535"/>
      <c r="DC4" s="535"/>
      <c r="DD4" s="535"/>
      <c r="DE4" s="535"/>
      <c r="DF4" s="535"/>
      <c r="DG4" s="536"/>
      <c r="DH4" s="532" t="s">
        <v>52</v>
      </c>
      <c r="DI4" s="534" t="s">
        <v>61</v>
      </c>
      <c r="DJ4" s="535"/>
      <c r="DK4" s="536"/>
      <c r="DL4" s="537" t="s">
        <v>62</v>
      </c>
      <c r="DM4" s="535"/>
      <c r="DN4" s="535"/>
      <c r="DO4" s="535"/>
      <c r="DP4" s="535"/>
      <c r="DQ4" s="535"/>
      <c r="DR4" s="536"/>
      <c r="DS4" s="532" t="s">
        <v>52</v>
      </c>
      <c r="DT4" s="534" t="s">
        <v>61</v>
      </c>
      <c r="DU4" s="535"/>
      <c r="DV4" s="536"/>
      <c r="DW4" s="537" t="s">
        <v>62</v>
      </c>
      <c r="DX4" s="535"/>
      <c r="DY4" s="535"/>
      <c r="DZ4" s="535"/>
      <c r="EA4" s="535"/>
      <c r="EB4" s="535"/>
      <c r="EC4" s="536"/>
      <c r="ED4" s="532" t="s">
        <v>52</v>
      </c>
      <c r="EE4" s="534" t="s">
        <v>61</v>
      </c>
      <c r="EF4" s="535"/>
      <c r="EG4" s="536"/>
      <c r="EH4" s="537" t="s">
        <v>62</v>
      </c>
      <c r="EI4" s="535"/>
      <c r="EJ4" s="535"/>
      <c r="EK4" s="535"/>
      <c r="EL4" s="535"/>
      <c r="EM4" s="535"/>
      <c r="EN4" s="536"/>
      <c r="EO4" s="532" t="s">
        <v>52</v>
      </c>
      <c r="EP4" s="534" t="s">
        <v>61</v>
      </c>
      <c r="EQ4" s="535"/>
      <c r="ER4" s="536"/>
      <c r="ES4" s="537" t="s">
        <v>62</v>
      </c>
      <c r="ET4" s="535"/>
      <c r="EU4" s="535"/>
      <c r="EV4" s="535"/>
      <c r="EW4" s="535"/>
      <c r="EX4" s="535"/>
      <c r="EY4" s="536"/>
      <c r="EZ4" s="532" t="s">
        <v>52</v>
      </c>
    </row>
    <row r="5" spans="2:156" ht="34.5" customHeight="1" thickBot="1" x14ac:dyDescent="0.25">
      <c r="B5" s="541"/>
      <c r="C5" s="263" t="s">
        <v>43</v>
      </c>
      <c r="D5" s="259" t="s">
        <v>44</v>
      </c>
      <c r="E5" s="382" t="s">
        <v>45</v>
      </c>
      <c r="F5" s="267" t="s">
        <v>83</v>
      </c>
      <c r="G5" s="259" t="s">
        <v>47</v>
      </c>
      <c r="H5" s="259" t="s">
        <v>48</v>
      </c>
      <c r="I5" s="259" t="s">
        <v>49</v>
      </c>
      <c r="J5" s="259" t="s">
        <v>50</v>
      </c>
      <c r="K5" s="259" t="s">
        <v>51</v>
      </c>
      <c r="L5" s="268" t="s">
        <v>45</v>
      </c>
      <c r="M5" s="533"/>
      <c r="N5" s="263" t="s">
        <v>43</v>
      </c>
      <c r="O5" s="259" t="s">
        <v>44</v>
      </c>
      <c r="P5" s="265" t="s">
        <v>45</v>
      </c>
      <c r="Q5" s="267" t="s">
        <v>83</v>
      </c>
      <c r="R5" s="259" t="s">
        <v>47</v>
      </c>
      <c r="S5" s="259" t="s">
        <v>48</v>
      </c>
      <c r="T5" s="259" t="s">
        <v>49</v>
      </c>
      <c r="U5" s="259" t="s">
        <v>50</v>
      </c>
      <c r="V5" s="259" t="s">
        <v>51</v>
      </c>
      <c r="W5" s="265" t="s">
        <v>45</v>
      </c>
      <c r="X5" s="533"/>
      <c r="Y5" s="263" t="s">
        <v>43</v>
      </c>
      <c r="Z5" s="259" t="s">
        <v>44</v>
      </c>
      <c r="AA5" s="265" t="s">
        <v>45</v>
      </c>
      <c r="AB5" s="267" t="s">
        <v>83</v>
      </c>
      <c r="AC5" s="259" t="s">
        <v>47</v>
      </c>
      <c r="AD5" s="259" t="s">
        <v>48</v>
      </c>
      <c r="AE5" s="259" t="s">
        <v>49</v>
      </c>
      <c r="AF5" s="259" t="s">
        <v>50</v>
      </c>
      <c r="AG5" s="259" t="s">
        <v>51</v>
      </c>
      <c r="AH5" s="265" t="s">
        <v>45</v>
      </c>
      <c r="AI5" s="533"/>
      <c r="AJ5" s="263" t="s">
        <v>43</v>
      </c>
      <c r="AK5" s="259" t="s">
        <v>44</v>
      </c>
      <c r="AL5" s="265" t="s">
        <v>45</v>
      </c>
      <c r="AM5" s="267" t="s">
        <v>83</v>
      </c>
      <c r="AN5" s="259" t="s">
        <v>47</v>
      </c>
      <c r="AO5" s="259" t="s">
        <v>48</v>
      </c>
      <c r="AP5" s="259" t="s">
        <v>49</v>
      </c>
      <c r="AQ5" s="259" t="s">
        <v>50</v>
      </c>
      <c r="AR5" s="259" t="s">
        <v>51</v>
      </c>
      <c r="AS5" s="265" t="s">
        <v>45</v>
      </c>
      <c r="AT5" s="533"/>
      <c r="AU5" s="263" t="s">
        <v>43</v>
      </c>
      <c r="AV5" s="259" t="s">
        <v>44</v>
      </c>
      <c r="AW5" s="265" t="s">
        <v>45</v>
      </c>
      <c r="AX5" s="267" t="s">
        <v>83</v>
      </c>
      <c r="AY5" s="259" t="s">
        <v>47</v>
      </c>
      <c r="AZ5" s="259" t="s">
        <v>48</v>
      </c>
      <c r="BA5" s="259" t="s">
        <v>49</v>
      </c>
      <c r="BB5" s="259" t="s">
        <v>50</v>
      </c>
      <c r="BC5" s="259" t="s">
        <v>51</v>
      </c>
      <c r="BD5" s="268" t="s">
        <v>45</v>
      </c>
      <c r="BE5" s="533"/>
      <c r="BF5" s="263" t="s">
        <v>43</v>
      </c>
      <c r="BG5" s="259" t="s">
        <v>44</v>
      </c>
      <c r="BH5" s="265" t="s">
        <v>45</v>
      </c>
      <c r="BI5" s="267" t="s">
        <v>83</v>
      </c>
      <c r="BJ5" s="259" t="s">
        <v>47</v>
      </c>
      <c r="BK5" s="259" t="s">
        <v>48</v>
      </c>
      <c r="BL5" s="259" t="s">
        <v>49</v>
      </c>
      <c r="BM5" s="259" t="s">
        <v>50</v>
      </c>
      <c r="BN5" s="259" t="s">
        <v>51</v>
      </c>
      <c r="BO5" s="265" t="s">
        <v>45</v>
      </c>
      <c r="BP5" s="533"/>
      <c r="BQ5" s="263" t="s">
        <v>43</v>
      </c>
      <c r="BR5" s="259" t="s">
        <v>44</v>
      </c>
      <c r="BS5" s="265" t="s">
        <v>45</v>
      </c>
      <c r="BT5" s="267" t="s">
        <v>83</v>
      </c>
      <c r="BU5" s="259" t="s">
        <v>47</v>
      </c>
      <c r="BV5" s="259" t="s">
        <v>48</v>
      </c>
      <c r="BW5" s="259" t="s">
        <v>49</v>
      </c>
      <c r="BX5" s="259" t="s">
        <v>50</v>
      </c>
      <c r="BY5" s="259" t="s">
        <v>51</v>
      </c>
      <c r="BZ5" s="265" t="s">
        <v>45</v>
      </c>
      <c r="CA5" s="533"/>
      <c r="CB5" s="263" t="s">
        <v>43</v>
      </c>
      <c r="CC5" s="259" t="s">
        <v>44</v>
      </c>
      <c r="CD5" s="265" t="s">
        <v>45</v>
      </c>
      <c r="CE5" s="267" t="s">
        <v>83</v>
      </c>
      <c r="CF5" s="259" t="s">
        <v>47</v>
      </c>
      <c r="CG5" s="259" t="s">
        <v>48</v>
      </c>
      <c r="CH5" s="259" t="s">
        <v>49</v>
      </c>
      <c r="CI5" s="259" t="s">
        <v>50</v>
      </c>
      <c r="CJ5" s="259" t="s">
        <v>51</v>
      </c>
      <c r="CK5" s="265" t="s">
        <v>45</v>
      </c>
      <c r="CL5" s="533"/>
      <c r="CM5" s="263" t="s">
        <v>43</v>
      </c>
      <c r="CN5" s="259" t="s">
        <v>44</v>
      </c>
      <c r="CO5" s="265" t="s">
        <v>45</v>
      </c>
      <c r="CP5" s="267" t="s">
        <v>83</v>
      </c>
      <c r="CQ5" s="259" t="s">
        <v>47</v>
      </c>
      <c r="CR5" s="259" t="s">
        <v>48</v>
      </c>
      <c r="CS5" s="259" t="s">
        <v>49</v>
      </c>
      <c r="CT5" s="259" t="s">
        <v>50</v>
      </c>
      <c r="CU5" s="259" t="s">
        <v>51</v>
      </c>
      <c r="CV5" s="265" t="s">
        <v>45</v>
      </c>
      <c r="CW5" s="533"/>
      <c r="CX5" s="263" t="s">
        <v>43</v>
      </c>
      <c r="CY5" s="259" t="s">
        <v>44</v>
      </c>
      <c r="CZ5" s="265" t="s">
        <v>45</v>
      </c>
      <c r="DA5" s="267" t="s">
        <v>83</v>
      </c>
      <c r="DB5" s="259" t="s">
        <v>47</v>
      </c>
      <c r="DC5" s="259" t="s">
        <v>48</v>
      </c>
      <c r="DD5" s="259" t="s">
        <v>49</v>
      </c>
      <c r="DE5" s="259" t="s">
        <v>50</v>
      </c>
      <c r="DF5" s="259" t="s">
        <v>51</v>
      </c>
      <c r="DG5" s="265" t="s">
        <v>45</v>
      </c>
      <c r="DH5" s="533"/>
      <c r="DI5" s="344" t="s">
        <v>43</v>
      </c>
      <c r="DJ5" s="259" t="s">
        <v>44</v>
      </c>
      <c r="DK5" s="265" t="s">
        <v>45</v>
      </c>
      <c r="DL5" s="267" t="s">
        <v>83</v>
      </c>
      <c r="DM5" s="259" t="s">
        <v>47</v>
      </c>
      <c r="DN5" s="259" t="s">
        <v>48</v>
      </c>
      <c r="DO5" s="259" t="s">
        <v>49</v>
      </c>
      <c r="DP5" s="259" t="s">
        <v>50</v>
      </c>
      <c r="DQ5" s="259" t="s">
        <v>51</v>
      </c>
      <c r="DR5" s="265" t="s">
        <v>45</v>
      </c>
      <c r="DS5" s="533"/>
      <c r="DT5" s="263" t="s">
        <v>43</v>
      </c>
      <c r="DU5" s="259" t="s">
        <v>44</v>
      </c>
      <c r="DV5" s="265" t="s">
        <v>45</v>
      </c>
      <c r="DW5" s="267" t="s">
        <v>83</v>
      </c>
      <c r="DX5" s="259" t="s">
        <v>47</v>
      </c>
      <c r="DY5" s="259" t="s">
        <v>48</v>
      </c>
      <c r="DZ5" s="259" t="s">
        <v>49</v>
      </c>
      <c r="EA5" s="259" t="s">
        <v>50</v>
      </c>
      <c r="EB5" s="259" t="s">
        <v>51</v>
      </c>
      <c r="EC5" s="265" t="s">
        <v>45</v>
      </c>
      <c r="ED5" s="533"/>
      <c r="EE5" s="263" t="s">
        <v>43</v>
      </c>
      <c r="EF5" s="259" t="s">
        <v>44</v>
      </c>
      <c r="EG5" s="265" t="s">
        <v>45</v>
      </c>
      <c r="EH5" s="267" t="s">
        <v>83</v>
      </c>
      <c r="EI5" s="259" t="s">
        <v>47</v>
      </c>
      <c r="EJ5" s="259" t="s">
        <v>48</v>
      </c>
      <c r="EK5" s="259" t="s">
        <v>49</v>
      </c>
      <c r="EL5" s="259" t="s">
        <v>50</v>
      </c>
      <c r="EM5" s="259" t="s">
        <v>51</v>
      </c>
      <c r="EN5" s="265" t="s">
        <v>45</v>
      </c>
      <c r="EO5" s="533"/>
      <c r="EP5" s="263" t="s">
        <v>43</v>
      </c>
      <c r="EQ5" s="259" t="s">
        <v>44</v>
      </c>
      <c r="ER5" s="265" t="s">
        <v>45</v>
      </c>
      <c r="ES5" s="267" t="s">
        <v>83</v>
      </c>
      <c r="ET5" s="259" t="s">
        <v>47</v>
      </c>
      <c r="EU5" s="259" t="s">
        <v>48</v>
      </c>
      <c r="EV5" s="259" t="s">
        <v>49</v>
      </c>
      <c r="EW5" s="259" t="s">
        <v>50</v>
      </c>
      <c r="EX5" s="259" t="s">
        <v>51</v>
      </c>
      <c r="EY5" s="265" t="s">
        <v>45</v>
      </c>
      <c r="EZ5" s="533"/>
    </row>
    <row r="6" spans="2:156" ht="19.5" customHeight="1" x14ac:dyDescent="0.2">
      <c r="B6" s="260" t="s">
        <v>4</v>
      </c>
      <c r="C6" s="269">
        <v>0</v>
      </c>
      <c r="D6" s="273">
        <v>0</v>
      </c>
      <c r="E6" s="383">
        <v>0</v>
      </c>
      <c r="F6" s="272">
        <v>0</v>
      </c>
      <c r="G6" s="273">
        <v>19060</v>
      </c>
      <c r="H6" s="273">
        <v>22171</v>
      </c>
      <c r="I6" s="273">
        <v>12073</v>
      </c>
      <c r="J6" s="273">
        <v>9918</v>
      </c>
      <c r="K6" s="273">
        <v>7451</v>
      </c>
      <c r="L6" s="274">
        <v>70673</v>
      </c>
      <c r="M6" s="275">
        <v>70673</v>
      </c>
      <c r="N6" s="269">
        <v>2</v>
      </c>
      <c r="O6" s="273">
        <v>22</v>
      </c>
      <c r="P6" s="270">
        <v>24</v>
      </c>
      <c r="Q6" s="272">
        <v>0</v>
      </c>
      <c r="R6" s="273">
        <v>107</v>
      </c>
      <c r="S6" s="273">
        <v>441</v>
      </c>
      <c r="T6" s="273">
        <v>778</v>
      </c>
      <c r="U6" s="273">
        <v>1929</v>
      </c>
      <c r="V6" s="273">
        <v>3382</v>
      </c>
      <c r="W6" s="270">
        <v>6637</v>
      </c>
      <c r="X6" s="275">
        <v>6661</v>
      </c>
      <c r="Y6" s="269">
        <v>2110</v>
      </c>
      <c r="Z6" s="273">
        <v>5052</v>
      </c>
      <c r="AA6" s="270">
        <v>7162</v>
      </c>
      <c r="AB6" s="272">
        <v>0</v>
      </c>
      <c r="AC6" s="273">
        <v>11130</v>
      </c>
      <c r="AD6" s="273">
        <v>15509</v>
      </c>
      <c r="AE6" s="273">
        <v>9389</v>
      </c>
      <c r="AF6" s="273">
        <v>8452</v>
      </c>
      <c r="AG6" s="273">
        <v>6525</v>
      </c>
      <c r="AH6" s="270">
        <v>51005</v>
      </c>
      <c r="AI6" s="275">
        <v>58167</v>
      </c>
      <c r="AJ6" s="269">
        <v>245</v>
      </c>
      <c r="AK6" s="273">
        <v>702</v>
      </c>
      <c r="AL6" s="270">
        <v>947</v>
      </c>
      <c r="AM6" s="272">
        <v>0</v>
      </c>
      <c r="AN6" s="273">
        <v>1061</v>
      </c>
      <c r="AO6" s="273">
        <v>1687</v>
      </c>
      <c r="AP6" s="273">
        <v>1040</v>
      </c>
      <c r="AQ6" s="273">
        <v>969</v>
      </c>
      <c r="AR6" s="273">
        <v>595</v>
      </c>
      <c r="AS6" s="270">
        <v>5352</v>
      </c>
      <c r="AT6" s="275">
        <v>6299</v>
      </c>
      <c r="AU6" s="269">
        <v>2737</v>
      </c>
      <c r="AV6" s="273">
        <v>3639</v>
      </c>
      <c r="AW6" s="270">
        <v>6376</v>
      </c>
      <c r="AX6" s="272">
        <v>0</v>
      </c>
      <c r="AY6" s="273">
        <v>17502</v>
      </c>
      <c r="AZ6" s="273">
        <v>21427</v>
      </c>
      <c r="BA6" s="273">
        <v>18703</v>
      </c>
      <c r="BB6" s="273">
        <v>18330</v>
      </c>
      <c r="BC6" s="273">
        <v>14055</v>
      </c>
      <c r="BD6" s="274">
        <v>90017</v>
      </c>
      <c r="BE6" s="275">
        <v>96393</v>
      </c>
      <c r="BF6" s="269">
        <v>1</v>
      </c>
      <c r="BG6" s="273">
        <v>0</v>
      </c>
      <c r="BH6" s="270">
        <v>1</v>
      </c>
      <c r="BI6" s="272">
        <v>0</v>
      </c>
      <c r="BJ6" s="273">
        <v>21014</v>
      </c>
      <c r="BK6" s="273">
        <v>19308</v>
      </c>
      <c r="BL6" s="273">
        <v>10568</v>
      </c>
      <c r="BM6" s="273">
        <v>6306</v>
      </c>
      <c r="BN6" s="273">
        <v>3049</v>
      </c>
      <c r="BO6" s="270">
        <v>60245</v>
      </c>
      <c r="BP6" s="275">
        <v>60246</v>
      </c>
      <c r="BQ6" s="269">
        <v>1497</v>
      </c>
      <c r="BR6" s="273">
        <v>2391</v>
      </c>
      <c r="BS6" s="270">
        <v>3888</v>
      </c>
      <c r="BT6" s="272">
        <v>0</v>
      </c>
      <c r="BU6" s="273">
        <v>4182</v>
      </c>
      <c r="BV6" s="273">
        <v>6071</v>
      </c>
      <c r="BW6" s="273">
        <v>3489</v>
      </c>
      <c r="BX6" s="273">
        <v>2266</v>
      </c>
      <c r="BY6" s="273">
        <v>836</v>
      </c>
      <c r="BZ6" s="270">
        <v>16844</v>
      </c>
      <c r="CA6" s="275">
        <v>20732</v>
      </c>
      <c r="CB6" s="269">
        <v>67</v>
      </c>
      <c r="CC6" s="273">
        <v>219</v>
      </c>
      <c r="CD6" s="270">
        <v>286</v>
      </c>
      <c r="CE6" s="272">
        <v>0</v>
      </c>
      <c r="CF6" s="273">
        <v>1915</v>
      </c>
      <c r="CG6" s="273">
        <v>3224</v>
      </c>
      <c r="CH6" s="273">
        <v>3958</v>
      </c>
      <c r="CI6" s="273">
        <v>2945</v>
      </c>
      <c r="CJ6" s="273">
        <v>1599</v>
      </c>
      <c r="CK6" s="270">
        <v>13641</v>
      </c>
      <c r="CL6" s="275">
        <v>13927</v>
      </c>
      <c r="CM6" s="269">
        <v>1</v>
      </c>
      <c r="CN6" s="273">
        <v>16</v>
      </c>
      <c r="CO6" s="270">
        <v>17</v>
      </c>
      <c r="CP6" s="272">
        <v>0</v>
      </c>
      <c r="CQ6" s="273">
        <v>173</v>
      </c>
      <c r="CR6" s="273">
        <v>359</v>
      </c>
      <c r="CS6" s="273">
        <v>479</v>
      </c>
      <c r="CT6" s="273">
        <v>389</v>
      </c>
      <c r="CU6" s="273">
        <v>261</v>
      </c>
      <c r="CV6" s="270">
        <v>1661</v>
      </c>
      <c r="CW6" s="275">
        <v>1678</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1</v>
      </c>
      <c r="DN6" s="273">
        <v>0</v>
      </c>
      <c r="DO6" s="273">
        <v>1</v>
      </c>
      <c r="DP6" s="273">
        <v>0</v>
      </c>
      <c r="DQ6" s="273">
        <v>0</v>
      </c>
      <c r="DR6" s="270">
        <v>2</v>
      </c>
      <c r="DS6" s="275">
        <v>2</v>
      </c>
      <c r="DT6" s="269">
        <v>10440</v>
      </c>
      <c r="DU6" s="273">
        <v>21968</v>
      </c>
      <c r="DV6" s="270">
        <v>32408</v>
      </c>
      <c r="DW6" s="272">
        <v>0</v>
      </c>
      <c r="DX6" s="273">
        <v>26276</v>
      </c>
      <c r="DY6" s="273">
        <v>43936</v>
      </c>
      <c r="DZ6" s="273">
        <v>26056</v>
      </c>
      <c r="EA6" s="273">
        <v>20420</v>
      </c>
      <c r="EB6" s="273">
        <v>12924</v>
      </c>
      <c r="EC6" s="270">
        <v>129612</v>
      </c>
      <c r="ED6" s="275">
        <v>162020</v>
      </c>
      <c r="EE6" s="269">
        <v>1657</v>
      </c>
      <c r="EF6" s="273">
        <v>1294</v>
      </c>
      <c r="EG6" s="270">
        <v>2951</v>
      </c>
      <c r="EH6" s="272">
        <v>0</v>
      </c>
      <c r="EI6" s="273">
        <v>5951</v>
      </c>
      <c r="EJ6" s="273">
        <v>5385</v>
      </c>
      <c r="EK6" s="273">
        <v>4660</v>
      </c>
      <c r="EL6" s="273">
        <v>5289</v>
      </c>
      <c r="EM6" s="273">
        <v>3134</v>
      </c>
      <c r="EN6" s="270">
        <v>24419</v>
      </c>
      <c r="EO6" s="275">
        <v>27370</v>
      </c>
      <c r="EP6" s="269">
        <v>13411</v>
      </c>
      <c r="EQ6" s="273">
        <v>26203</v>
      </c>
      <c r="ER6" s="270">
        <v>39614</v>
      </c>
      <c r="ES6" s="272">
        <v>0</v>
      </c>
      <c r="ET6" s="273">
        <v>56297</v>
      </c>
      <c r="EU6" s="273">
        <v>58969</v>
      </c>
      <c r="EV6" s="273">
        <v>31195</v>
      </c>
      <c r="EW6" s="273">
        <v>21999</v>
      </c>
      <c r="EX6" s="273">
        <v>13395</v>
      </c>
      <c r="EY6" s="270">
        <v>181855</v>
      </c>
      <c r="EZ6" s="275">
        <v>221469</v>
      </c>
    </row>
    <row r="7" spans="2:156" ht="19.5" customHeight="1" x14ac:dyDescent="0.2">
      <c r="B7" s="261" t="s">
        <v>5</v>
      </c>
      <c r="C7" s="276">
        <v>0</v>
      </c>
      <c r="D7" s="280">
        <v>0</v>
      </c>
      <c r="E7" s="384">
        <v>0</v>
      </c>
      <c r="F7" s="279">
        <v>0</v>
      </c>
      <c r="G7" s="280">
        <v>6794</v>
      </c>
      <c r="H7" s="280">
        <v>10970</v>
      </c>
      <c r="I7" s="280">
        <v>5289</v>
      </c>
      <c r="J7" s="280">
        <v>4044</v>
      </c>
      <c r="K7" s="280">
        <v>3036</v>
      </c>
      <c r="L7" s="281">
        <v>30133</v>
      </c>
      <c r="M7" s="282">
        <v>30133</v>
      </c>
      <c r="N7" s="276">
        <v>1</v>
      </c>
      <c r="O7" s="280">
        <v>7</v>
      </c>
      <c r="P7" s="277">
        <v>8</v>
      </c>
      <c r="Q7" s="279">
        <v>0</v>
      </c>
      <c r="R7" s="280">
        <v>30</v>
      </c>
      <c r="S7" s="280">
        <v>181</v>
      </c>
      <c r="T7" s="280">
        <v>278</v>
      </c>
      <c r="U7" s="280">
        <v>755</v>
      </c>
      <c r="V7" s="280">
        <v>1434</v>
      </c>
      <c r="W7" s="277">
        <v>2678</v>
      </c>
      <c r="X7" s="282">
        <v>2686</v>
      </c>
      <c r="Y7" s="276">
        <v>929</v>
      </c>
      <c r="Z7" s="280">
        <v>2581</v>
      </c>
      <c r="AA7" s="277">
        <v>3510</v>
      </c>
      <c r="AB7" s="279">
        <v>0</v>
      </c>
      <c r="AC7" s="280">
        <v>4071</v>
      </c>
      <c r="AD7" s="280">
        <v>7934</v>
      </c>
      <c r="AE7" s="280">
        <v>4382</v>
      </c>
      <c r="AF7" s="280">
        <v>3766</v>
      </c>
      <c r="AG7" s="280">
        <v>2844</v>
      </c>
      <c r="AH7" s="277">
        <v>22997</v>
      </c>
      <c r="AI7" s="282">
        <v>26507</v>
      </c>
      <c r="AJ7" s="276">
        <v>107</v>
      </c>
      <c r="AK7" s="280">
        <v>355</v>
      </c>
      <c r="AL7" s="277">
        <v>462</v>
      </c>
      <c r="AM7" s="279">
        <v>0</v>
      </c>
      <c r="AN7" s="280">
        <v>274</v>
      </c>
      <c r="AO7" s="280">
        <v>711</v>
      </c>
      <c r="AP7" s="280">
        <v>420</v>
      </c>
      <c r="AQ7" s="280">
        <v>385</v>
      </c>
      <c r="AR7" s="280">
        <v>217</v>
      </c>
      <c r="AS7" s="277">
        <v>2007</v>
      </c>
      <c r="AT7" s="282">
        <v>2469</v>
      </c>
      <c r="AU7" s="276">
        <v>1117</v>
      </c>
      <c r="AV7" s="280">
        <v>1748</v>
      </c>
      <c r="AW7" s="277">
        <v>2865</v>
      </c>
      <c r="AX7" s="279">
        <v>0</v>
      </c>
      <c r="AY7" s="280">
        <v>6413</v>
      </c>
      <c r="AZ7" s="280">
        <v>9381</v>
      </c>
      <c r="BA7" s="280">
        <v>7661</v>
      </c>
      <c r="BB7" s="280">
        <v>7302</v>
      </c>
      <c r="BC7" s="280">
        <v>5712</v>
      </c>
      <c r="BD7" s="281">
        <v>36469</v>
      </c>
      <c r="BE7" s="282">
        <v>39334</v>
      </c>
      <c r="BF7" s="276">
        <v>1</v>
      </c>
      <c r="BG7" s="280">
        <v>0</v>
      </c>
      <c r="BH7" s="277">
        <v>1</v>
      </c>
      <c r="BI7" s="279">
        <v>0</v>
      </c>
      <c r="BJ7" s="280">
        <v>6627</v>
      </c>
      <c r="BK7" s="280">
        <v>7908</v>
      </c>
      <c r="BL7" s="280">
        <v>3925</v>
      </c>
      <c r="BM7" s="280">
        <v>2252</v>
      </c>
      <c r="BN7" s="280">
        <v>1094</v>
      </c>
      <c r="BO7" s="277">
        <v>21806</v>
      </c>
      <c r="BP7" s="282">
        <v>21807</v>
      </c>
      <c r="BQ7" s="276">
        <v>647</v>
      </c>
      <c r="BR7" s="280">
        <v>1068</v>
      </c>
      <c r="BS7" s="277">
        <v>1715</v>
      </c>
      <c r="BT7" s="279">
        <v>0</v>
      </c>
      <c r="BU7" s="280">
        <v>1287</v>
      </c>
      <c r="BV7" s="280">
        <v>2826</v>
      </c>
      <c r="BW7" s="280">
        <v>1560</v>
      </c>
      <c r="BX7" s="280">
        <v>1017</v>
      </c>
      <c r="BY7" s="280">
        <v>381</v>
      </c>
      <c r="BZ7" s="277">
        <v>7071</v>
      </c>
      <c r="CA7" s="282">
        <v>8786</v>
      </c>
      <c r="CB7" s="276">
        <v>22</v>
      </c>
      <c r="CC7" s="280">
        <v>88</v>
      </c>
      <c r="CD7" s="277">
        <v>110</v>
      </c>
      <c r="CE7" s="279">
        <v>0</v>
      </c>
      <c r="CF7" s="280">
        <v>574</v>
      </c>
      <c r="CG7" s="280">
        <v>1188</v>
      </c>
      <c r="CH7" s="280">
        <v>1421</v>
      </c>
      <c r="CI7" s="280">
        <v>1069</v>
      </c>
      <c r="CJ7" s="280">
        <v>569</v>
      </c>
      <c r="CK7" s="277">
        <v>4821</v>
      </c>
      <c r="CL7" s="282">
        <v>4931</v>
      </c>
      <c r="CM7" s="276">
        <v>0</v>
      </c>
      <c r="CN7" s="280">
        <v>12</v>
      </c>
      <c r="CO7" s="277">
        <v>12</v>
      </c>
      <c r="CP7" s="279">
        <v>0</v>
      </c>
      <c r="CQ7" s="280">
        <v>88</v>
      </c>
      <c r="CR7" s="280">
        <v>208</v>
      </c>
      <c r="CS7" s="280">
        <v>280</v>
      </c>
      <c r="CT7" s="280">
        <v>223</v>
      </c>
      <c r="CU7" s="280">
        <v>160</v>
      </c>
      <c r="CV7" s="277">
        <v>959</v>
      </c>
      <c r="CW7" s="282">
        <v>971</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1</v>
      </c>
      <c r="DP7" s="280">
        <v>0</v>
      </c>
      <c r="DQ7" s="280">
        <v>0</v>
      </c>
      <c r="DR7" s="277">
        <v>1</v>
      </c>
      <c r="DS7" s="282">
        <v>1</v>
      </c>
      <c r="DT7" s="276">
        <v>3545</v>
      </c>
      <c r="DU7" s="280">
        <v>9393</v>
      </c>
      <c r="DV7" s="277">
        <v>12938</v>
      </c>
      <c r="DW7" s="279">
        <v>0</v>
      </c>
      <c r="DX7" s="280">
        <v>7458</v>
      </c>
      <c r="DY7" s="280">
        <v>19537</v>
      </c>
      <c r="DZ7" s="280">
        <v>10594</v>
      </c>
      <c r="EA7" s="280">
        <v>8045</v>
      </c>
      <c r="EB7" s="280">
        <v>5247</v>
      </c>
      <c r="EC7" s="277">
        <v>50881</v>
      </c>
      <c r="ED7" s="282">
        <v>63819</v>
      </c>
      <c r="EE7" s="276">
        <v>685</v>
      </c>
      <c r="EF7" s="280">
        <v>551</v>
      </c>
      <c r="EG7" s="277">
        <v>1236</v>
      </c>
      <c r="EH7" s="279">
        <v>0</v>
      </c>
      <c r="EI7" s="280">
        <v>2381</v>
      </c>
      <c r="EJ7" s="280">
        <v>2549</v>
      </c>
      <c r="EK7" s="280">
        <v>2053</v>
      </c>
      <c r="EL7" s="280">
        <v>2343</v>
      </c>
      <c r="EM7" s="280">
        <v>1310</v>
      </c>
      <c r="EN7" s="277">
        <v>10636</v>
      </c>
      <c r="EO7" s="282">
        <v>11872</v>
      </c>
      <c r="EP7" s="276">
        <v>4904</v>
      </c>
      <c r="EQ7" s="280">
        <v>11508</v>
      </c>
      <c r="ER7" s="277">
        <v>16412</v>
      </c>
      <c r="ES7" s="279">
        <v>0</v>
      </c>
      <c r="ET7" s="280">
        <v>18507</v>
      </c>
      <c r="EU7" s="280">
        <v>26703</v>
      </c>
      <c r="EV7" s="280">
        <v>12890</v>
      </c>
      <c r="EW7" s="280">
        <v>8834</v>
      </c>
      <c r="EX7" s="280">
        <v>5464</v>
      </c>
      <c r="EY7" s="277">
        <v>72398</v>
      </c>
      <c r="EZ7" s="282">
        <v>88810</v>
      </c>
    </row>
    <row r="8" spans="2:156" ht="19.5" customHeight="1" x14ac:dyDescent="0.2">
      <c r="B8" s="261" t="s">
        <v>6</v>
      </c>
      <c r="C8" s="276">
        <v>0</v>
      </c>
      <c r="D8" s="280">
        <v>0</v>
      </c>
      <c r="E8" s="384">
        <v>0</v>
      </c>
      <c r="F8" s="279">
        <v>0</v>
      </c>
      <c r="G8" s="280">
        <v>3379</v>
      </c>
      <c r="H8" s="280">
        <v>2925</v>
      </c>
      <c r="I8" s="280">
        <v>1856</v>
      </c>
      <c r="J8" s="280">
        <v>1595</v>
      </c>
      <c r="K8" s="280">
        <v>1216</v>
      </c>
      <c r="L8" s="281">
        <v>10971</v>
      </c>
      <c r="M8" s="282">
        <v>10971</v>
      </c>
      <c r="N8" s="276">
        <v>0</v>
      </c>
      <c r="O8" s="280">
        <v>6</v>
      </c>
      <c r="P8" s="277">
        <v>6</v>
      </c>
      <c r="Q8" s="279">
        <v>0</v>
      </c>
      <c r="R8" s="280">
        <v>16</v>
      </c>
      <c r="S8" s="280">
        <v>52</v>
      </c>
      <c r="T8" s="280">
        <v>100</v>
      </c>
      <c r="U8" s="280">
        <v>282</v>
      </c>
      <c r="V8" s="280">
        <v>502</v>
      </c>
      <c r="W8" s="277">
        <v>952</v>
      </c>
      <c r="X8" s="282">
        <v>958</v>
      </c>
      <c r="Y8" s="276">
        <v>315</v>
      </c>
      <c r="Z8" s="280">
        <v>647</v>
      </c>
      <c r="AA8" s="277">
        <v>962</v>
      </c>
      <c r="AB8" s="279">
        <v>0</v>
      </c>
      <c r="AC8" s="280">
        <v>2006</v>
      </c>
      <c r="AD8" s="280">
        <v>1956</v>
      </c>
      <c r="AE8" s="280">
        <v>1305</v>
      </c>
      <c r="AF8" s="280">
        <v>1295</v>
      </c>
      <c r="AG8" s="280">
        <v>955</v>
      </c>
      <c r="AH8" s="277">
        <v>7517</v>
      </c>
      <c r="AI8" s="282">
        <v>8479</v>
      </c>
      <c r="AJ8" s="276">
        <v>18</v>
      </c>
      <c r="AK8" s="280">
        <v>54</v>
      </c>
      <c r="AL8" s="277">
        <v>72</v>
      </c>
      <c r="AM8" s="279">
        <v>0</v>
      </c>
      <c r="AN8" s="280">
        <v>170</v>
      </c>
      <c r="AO8" s="280">
        <v>200</v>
      </c>
      <c r="AP8" s="280">
        <v>125</v>
      </c>
      <c r="AQ8" s="280">
        <v>128</v>
      </c>
      <c r="AR8" s="280">
        <v>69</v>
      </c>
      <c r="AS8" s="277">
        <v>692</v>
      </c>
      <c r="AT8" s="282">
        <v>764</v>
      </c>
      <c r="AU8" s="276">
        <v>460</v>
      </c>
      <c r="AV8" s="280">
        <v>518</v>
      </c>
      <c r="AW8" s="277">
        <v>978</v>
      </c>
      <c r="AX8" s="279">
        <v>0</v>
      </c>
      <c r="AY8" s="280">
        <v>3230</v>
      </c>
      <c r="AZ8" s="280">
        <v>3398</v>
      </c>
      <c r="BA8" s="280">
        <v>3138</v>
      </c>
      <c r="BB8" s="280">
        <v>3186</v>
      </c>
      <c r="BC8" s="280">
        <v>2427</v>
      </c>
      <c r="BD8" s="281">
        <v>15379</v>
      </c>
      <c r="BE8" s="282">
        <v>16357</v>
      </c>
      <c r="BF8" s="276">
        <v>0</v>
      </c>
      <c r="BG8" s="280">
        <v>0</v>
      </c>
      <c r="BH8" s="277">
        <v>0</v>
      </c>
      <c r="BI8" s="279">
        <v>0</v>
      </c>
      <c r="BJ8" s="280">
        <v>3666</v>
      </c>
      <c r="BK8" s="280">
        <v>2564</v>
      </c>
      <c r="BL8" s="280">
        <v>1486</v>
      </c>
      <c r="BM8" s="280">
        <v>1022</v>
      </c>
      <c r="BN8" s="280">
        <v>470</v>
      </c>
      <c r="BO8" s="277">
        <v>9208</v>
      </c>
      <c r="BP8" s="282">
        <v>9208</v>
      </c>
      <c r="BQ8" s="276">
        <v>101</v>
      </c>
      <c r="BR8" s="280">
        <v>188</v>
      </c>
      <c r="BS8" s="277">
        <v>289</v>
      </c>
      <c r="BT8" s="279">
        <v>0</v>
      </c>
      <c r="BU8" s="280">
        <v>586</v>
      </c>
      <c r="BV8" s="280">
        <v>683</v>
      </c>
      <c r="BW8" s="280">
        <v>473</v>
      </c>
      <c r="BX8" s="280">
        <v>352</v>
      </c>
      <c r="BY8" s="280">
        <v>118</v>
      </c>
      <c r="BZ8" s="277">
        <v>2212</v>
      </c>
      <c r="CA8" s="282">
        <v>2501</v>
      </c>
      <c r="CB8" s="276">
        <v>8</v>
      </c>
      <c r="CC8" s="280">
        <v>23</v>
      </c>
      <c r="CD8" s="277">
        <v>31</v>
      </c>
      <c r="CE8" s="279">
        <v>0</v>
      </c>
      <c r="CF8" s="280">
        <v>282</v>
      </c>
      <c r="CG8" s="280">
        <v>385</v>
      </c>
      <c r="CH8" s="280">
        <v>461</v>
      </c>
      <c r="CI8" s="280">
        <v>381</v>
      </c>
      <c r="CJ8" s="280">
        <v>203</v>
      </c>
      <c r="CK8" s="277">
        <v>1712</v>
      </c>
      <c r="CL8" s="282">
        <v>1743</v>
      </c>
      <c r="CM8" s="276">
        <v>0</v>
      </c>
      <c r="CN8" s="280">
        <v>1</v>
      </c>
      <c r="CO8" s="277">
        <v>1</v>
      </c>
      <c r="CP8" s="279">
        <v>0</v>
      </c>
      <c r="CQ8" s="280">
        <v>17</v>
      </c>
      <c r="CR8" s="280">
        <v>39</v>
      </c>
      <c r="CS8" s="280">
        <v>58</v>
      </c>
      <c r="CT8" s="280">
        <v>51</v>
      </c>
      <c r="CU8" s="280">
        <v>29</v>
      </c>
      <c r="CV8" s="277">
        <v>194</v>
      </c>
      <c r="CW8" s="282">
        <v>195</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534</v>
      </c>
      <c r="DU8" s="280">
        <v>2722</v>
      </c>
      <c r="DV8" s="277">
        <v>4256</v>
      </c>
      <c r="DW8" s="279">
        <v>0</v>
      </c>
      <c r="DX8" s="280">
        <v>4879</v>
      </c>
      <c r="DY8" s="280">
        <v>5571</v>
      </c>
      <c r="DZ8" s="280">
        <v>3842</v>
      </c>
      <c r="EA8" s="280">
        <v>3270</v>
      </c>
      <c r="EB8" s="280">
        <v>2084</v>
      </c>
      <c r="EC8" s="277">
        <v>19646</v>
      </c>
      <c r="ED8" s="282">
        <v>23902</v>
      </c>
      <c r="EE8" s="276">
        <v>243</v>
      </c>
      <c r="EF8" s="280">
        <v>175</v>
      </c>
      <c r="EG8" s="277">
        <v>418</v>
      </c>
      <c r="EH8" s="279">
        <v>0</v>
      </c>
      <c r="EI8" s="280">
        <v>860</v>
      </c>
      <c r="EJ8" s="280">
        <v>698</v>
      </c>
      <c r="EK8" s="280">
        <v>672</v>
      </c>
      <c r="EL8" s="280">
        <v>794</v>
      </c>
      <c r="EM8" s="280">
        <v>495</v>
      </c>
      <c r="EN8" s="277">
        <v>3519</v>
      </c>
      <c r="EO8" s="282">
        <v>3937</v>
      </c>
      <c r="EP8" s="276">
        <v>1876</v>
      </c>
      <c r="EQ8" s="280">
        <v>3211</v>
      </c>
      <c r="ER8" s="277">
        <v>5087</v>
      </c>
      <c r="ES8" s="279">
        <v>0</v>
      </c>
      <c r="ET8" s="280">
        <v>9543</v>
      </c>
      <c r="EU8" s="280">
        <v>7364</v>
      </c>
      <c r="EV8" s="280">
        <v>4443</v>
      </c>
      <c r="EW8" s="280">
        <v>3477</v>
      </c>
      <c r="EX8" s="280">
        <v>2130</v>
      </c>
      <c r="EY8" s="277">
        <v>26957</v>
      </c>
      <c r="EZ8" s="282">
        <v>32044</v>
      </c>
    </row>
    <row r="9" spans="2:156" ht="19.5" customHeight="1" x14ac:dyDescent="0.2">
      <c r="B9" s="261" t="s">
        <v>14</v>
      </c>
      <c r="C9" s="276">
        <v>0</v>
      </c>
      <c r="D9" s="280">
        <v>0</v>
      </c>
      <c r="E9" s="384">
        <v>0</v>
      </c>
      <c r="F9" s="279">
        <v>0</v>
      </c>
      <c r="G9" s="280">
        <v>1187</v>
      </c>
      <c r="H9" s="280">
        <v>1587</v>
      </c>
      <c r="I9" s="280">
        <v>928</v>
      </c>
      <c r="J9" s="280">
        <v>714</v>
      </c>
      <c r="K9" s="280">
        <v>516</v>
      </c>
      <c r="L9" s="281">
        <v>4932</v>
      </c>
      <c r="M9" s="282">
        <v>4932</v>
      </c>
      <c r="N9" s="276">
        <v>1</v>
      </c>
      <c r="O9" s="280">
        <v>3</v>
      </c>
      <c r="P9" s="277">
        <v>4</v>
      </c>
      <c r="Q9" s="279">
        <v>0</v>
      </c>
      <c r="R9" s="280">
        <v>7</v>
      </c>
      <c r="S9" s="280">
        <v>21</v>
      </c>
      <c r="T9" s="280">
        <v>65</v>
      </c>
      <c r="U9" s="280">
        <v>115</v>
      </c>
      <c r="V9" s="280">
        <v>234</v>
      </c>
      <c r="W9" s="277">
        <v>442</v>
      </c>
      <c r="X9" s="282">
        <v>446</v>
      </c>
      <c r="Y9" s="276">
        <v>119</v>
      </c>
      <c r="Z9" s="280">
        <v>400</v>
      </c>
      <c r="AA9" s="277">
        <v>519</v>
      </c>
      <c r="AB9" s="279">
        <v>0</v>
      </c>
      <c r="AC9" s="280">
        <v>650</v>
      </c>
      <c r="AD9" s="280">
        <v>1026</v>
      </c>
      <c r="AE9" s="280">
        <v>710</v>
      </c>
      <c r="AF9" s="280">
        <v>623</v>
      </c>
      <c r="AG9" s="280">
        <v>477</v>
      </c>
      <c r="AH9" s="277">
        <v>3486</v>
      </c>
      <c r="AI9" s="282">
        <v>4005</v>
      </c>
      <c r="AJ9" s="276">
        <v>9</v>
      </c>
      <c r="AK9" s="280">
        <v>40</v>
      </c>
      <c r="AL9" s="277">
        <v>49</v>
      </c>
      <c r="AM9" s="279">
        <v>0</v>
      </c>
      <c r="AN9" s="280">
        <v>23</v>
      </c>
      <c r="AO9" s="280">
        <v>73</v>
      </c>
      <c r="AP9" s="280">
        <v>48</v>
      </c>
      <c r="AQ9" s="280">
        <v>45</v>
      </c>
      <c r="AR9" s="280">
        <v>27</v>
      </c>
      <c r="AS9" s="277">
        <v>216</v>
      </c>
      <c r="AT9" s="282">
        <v>265</v>
      </c>
      <c r="AU9" s="276">
        <v>189</v>
      </c>
      <c r="AV9" s="280">
        <v>315</v>
      </c>
      <c r="AW9" s="277">
        <v>504</v>
      </c>
      <c r="AX9" s="279">
        <v>0</v>
      </c>
      <c r="AY9" s="280">
        <v>1257</v>
      </c>
      <c r="AZ9" s="280">
        <v>1637</v>
      </c>
      <c r="BA9" s="280">
        <v>1570</v>
      </c>
      <c r="BB9" s="280">
        <v>1356</v>
      </c>
      <c r="BC9" s="280">
        <v>1039</v>
      </c>
      <c r="BD9" s="281">
        <v>6859</v>
      </c>
      <c r="BE9" s="282">
        <v>7363</v>
      </c>
      <c r="BF9" s="276">
        <v>0</v>
      </c>
      <c r="BG9" s="280">
        <v>0</v>
      </c>
      <c r="BH9" s="277">
        <v>0</v>
      </c>
      <c r="BI9" s="279">
        <v>0</v>
      </c>
      <c r="BJ9" s="280">
        <v>1507</v>
      </c>
      <c r="BK9" s="280">
        <v>1640</v>
      </c>
      <c r="BL9" s="280">
        <v>1056</v>
      </c>
      <c r="BM9" s="280">
        <v>615</v>
      </c>
      <c r="BN9" s="280">
        <v>301</v>
      </c>
      <c r="BO9" s="277">
        <v>5119</v>
      </c>
      <c r="BP9" s="282">
        <v>5119</v>
      </c>
      <c r="BQ9" s="276">
        <v>73</v>
      </c>
      <c r="BR9" s="280">
        <v>173</v>
      </c>
      <c r="BS9" s="277">
        <v>246</v>
      </c>
      <c r="BT9" s="279">
        <v>0</v>
      </c>
      <c r="BU9" s="280">
        <v>145</v>
      </c>
      <c r="BV9" s="280">
        <v>361</v>
      </c>
      <c r="BW9" s="280">
        <v>224</v>
      </c>
      <c r="BX9" s="280">
        <v>144</v>
      </c>
      <c r="BY9" s="280">
        <v>45</v>
      </c>
      <c r="BZ9" s="277">
        <v>919</v>
      </c>
      <c r="CA9" s="282">
        <v>1165</v>
      </c>
      <c r="CB9" s="276">
        <v>4</v>
      </c>
      <c r="CC9" s="280">
        <v>20</v>
      </c>
      <c r="CD9" s="277">
        <v>24</v>
      </c>
      <c r="CE9" s="279">
        <v>0</v>
      </c>
      <c r="CF9" s="280">
        <v>125</v>
      </c>
      <c r="CG9" s="280">
        <v>248</v>
      </c>
      <c r="CH9" s="280">
        <v>344</v>
      </c>
      <c r="CI9" s="280">
        <v>264</v>
      </c>
      <c r="CJ9" s="280">
        <v>148</v>
      </c>
      <c r="CK9" s="277">
        <v>1129</v>
      </c>
      <c r="CL9" s="282">
        <v>1153</v>
      </c>
      <c r="CM9" s="276">
        <v>0</v>
      </c>
      <c r="CN9" s="280">
        <v>0</v>
      </c>
      <c r="CO9" s="277">
        <v>0</v>
      </c>
      <c r="CP9" s="279">
        <v>0</v>
      </c>
      <c r="CQ9" s="280">
        <v>0</v>
      </c>
      <c r="CR9" s="280">
        <v>6</v>
      </c>
      <c r="CS9" s="280">
        <v>10</v>
      </c>
      <c r="CT9" s="280">
        <v>3</v>
      </c>
      <c r="CU9" s="280">
        <v>5</v>
      </c>
      <c r="CV9" s="277">
        <v>24</v>
      </c>
      <c r="CW9" s="282">
        <v>24</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808</v>
      </c>
      <c r="DU9" s="280">
        <v>2234</v>
      </c>
      <c r="DV9" s="277">
        <v>3042</v>
      </c>
      <c r="DW9" s="279">
        <v>0</v>
      </c>
      <c r="DX9" s="280">
        <v>1698</v>
      </c>
      <c r="DY9" s="280">
        <v>3517</v>
      </c>
      <c r="DZ9" s="280">
        <v>2176</v>
      </c>
      <c r="EA9" s="280">
        <v>1630</v>
      </c>
      <c r="EB9" s="280">
        <v>953</v>
      </c>
      <c r="EC9" s="277">
        <v>9974</v>
      </c>
      <c r="ED9" s="282">
        <v>13016</v>
      </c>
      <c r="EE9" s="276">
        <v>125</v>
      </c>
      <c r="EF9" s="280">
        <v>112</v>
      </c>
      <c r="EG9" s="277">
        <v>237</v>
      </c>
      <c r="EH9" s="279">
        <v>0</v>
      </c>
      <c r="EI9" s="280">
        <v>333</v>
      </c>
      <c r="EJ9" s="280">
        <v>297</v>
      </c>
      <c r="EK9" s="280">
        <v>260</v>
      </c>
      <c r="EL9" s="280">
        <v>280</v>
      </c>
      <c r="EM9" s="280">
        <v>169</v>
      </c>
      <c r="EN9" s="277">
        <v>1339</v>
      </c>
      <c r="EO9" s="282">
        <v>1576</v>
      </c>
      <c r="EP9" s="276">
        <v>948</v>
      </c>
      <c r="EQ9" s="280">
        <v>2529</v>
      </c>
      <c r="ER9" s="277">
        <v>3477</v>
      </c>
      <c r="ES9" s="279">
        <v>0</v>
      </c>
      <c r="ET9" s="280">
        <v>3752</v>
      </c>
      <c r="EU9" s="280">
        <v>4706</v>
      </c>
      <c r="EV9" s="280">
        <v>2627</v>
      </c>
      <c r="EW9" s="280">
        <v>1763</v>
      </c>
      <c r="EX9" s="280">
        <v>1028</v>
      </c>
      <c r="EY9" s="277">
        <v>13876</v>
      </c>
      <c r="EZ9" s="282">
        <v>17353</v>
      </c>
    </row>
    <row r="10" spans="2:156" ht="19.5" customHeight="1" x14ac:dyDescent="0.2">
      <c r="B10" s="261" t="s">
        <v>7</v>
      </c>
      <c r="C10" s="276">
        <v>0</v>
      </c>
      <c r="D10" s="280">
        <v>0</v>
      </c>
      <c r="E10" s="384">
        <v>0</v>
      </c>
      <c r="F10" s="279">
        <v>0</v>
      </c>
      <c r="G10" s="280">
        <v>1499</v>
      </c>
      <c r="H10" s="280">
        <v>1124</v>
      </c>
      <c r="I10" s="280">
        <v>589</v>
      </c>
      <c r="J10" s="280">
        <v>568</v>
      </c>
      <c r="K10" s="280">
        <v>387</v>
      </c>
      <c r="L10" s="281">
        <v>4167</v>
      </c>
      <c r="M10" s="282">
        <v>4167</v>
      </c>
      <c r="N10" s="276">
        <v>0</v>
      </c>
      <c r="O10" s="280">
        <v>0</v>
      </c>
      <c r="P10" s="277">
        <v>0</v>
      </c>
      <c r="Q10" s="279">
        <v>0</v>
      </c>
      <c r="R10" s="280">
        <v>9</v>
      </c>
      <c r="S10" s="280">
        <v>40</v>
      </c>
      <c r="T10" s="280">
        <v>54</v>
      </c>
      <c r="U10" s="280">
        <v>142</v>
      </c>
      <c r="V10" s="280">
        <v>170</v>
      </c>
      <c r="W10" s="277">
        <v>415</v>
      </c>
      <c r="X10" s="282">
        <v>415</v>
      </c>
      <c r="Y10" s="276">
        <v>16</v>
      </c>
      <c r="Z10" s="280">
        <v>23</v>
      </c>
      <c r="AA10" s="277">
        <v>39</v>
      </c>
      <c r="AB10" s="279">
        <v>0</v>
      </c>
      <c r="AC10" s="280">
        <v>487</v>
      </c>
      <c r="AD10" s="280">
        <v>519</v>
      </c>
      <c r="AE10" s="280">
        <v>326</v>
      </c>
      <c r="AF10" s="280">
        <v>345</v>
      </c>
      <c r="AG10" s="280">
        <v>265</v>
      </c>
      <c r="AH10" s="277">
        <v>1942</v>
      </c>
      <c r="AI10" s="282">
        <v>1981</v>
      </c>
      <c r="AJ10" s="276">
        <v>4</v>
      </c>
      <c r="AK10" s="280">
        <v>3</v>
      </c>
      <c r="AL10" s="277">
        <v>7</v>
      </c>
      <c r="AM10" s="279">
        <v>0</v>
      </c>
      <c r="AN10" s="280">
        <v>53</v>
      </c>
      <c r="AO10" s="280">
        <v>67</v>
      </c>
      <c r="AP10" s="280">
        <v>45</v>
      </c>
      <c r="AQ10" s="280">
        <v>53</v>
      </c>
      <c r="AR10" s="280">
        <v>28</v>
      </c>
      <c r="AS10" s="277">
        <v>246</v>
      </c>
      <c r="AT10" s="282">
        <v>253</v>
      </c>
      <c r="AU10" s="276">
        <v>112</v>
      </c>
      <c r="AV10" s="280">
        <v>96</v>
      </c>
      <c r="AW10" s="277">
        <v>208</v>
      </c>
      <c r="AX10" s="279">
        <v>0</v>
      </c>
      <c r="AY10" s="280">
        <v>1101</v>
      </c>
      <c r="AZ10" s="280">
        <v>1062</v>
      </c>
      <c r="BA10" s="280">
        <v>915</v>
      </c>
      <c r="BB10" s="280">
        <v>993</v>
      </c>
      <c r="BC10" s="280">
        <v>654</v>
      </c>
      <c r="BD10" s="281">
        <v>4725</v>
      </c>
      <c r="BE10" s="282">
        <v>4933</v>
      </c>
      <c r="BF10" s="276">
        <v>0</v>
      </c>
      <c r="BG10" s="280">
        <v>0</v>
      </c>
      <c r="BH10" s="277">
        <v>0</v>
      </c>
      <c r="BI10" s="279">
        <v>0</v>
      </c>
      <c r="BJ10" s="280">
        <v>1670</v>
      </c>
      <c r="BK10" s="280">
        <v>1035</v>
      </c>
      <c r="BL10" s="280">
        <v>519</v>
      </c>
      <c r="BM10" s="280">
        <v>300</v>
      </c>
      <c r="BN10" s="280">
        <v>135</v>
      </c>
      <c r="BO10" s="277">
        <v>3659</v>
      </c>
      <c r="BP10" s="282">
        <v>3659</v>
      </c>
      <c r="BQ10" s="276">
        <v>38</v>
      </c>
      <c r="BR10" s="280">
        <v>42</v>
      </c>
      <c r="BS10" s="277">
        <v>80</v>
      </c>
      <c r="BT10" s="279">
        <v>0</v>
      </c>
      <c r="BU10" s="280">
        <v>253</v>
      </c>
      <c r="BV10" s="280">
        <v>215</v>
      </c>
      <c r="BW10" s="280">
        <v>132</v>
      </c>
      <c r="BX10" s="280">
        <v>64</v>
      </c>
      <c r="BY10" s="280">
        <v>18</v>
      </c>
      <c r="BZ10" s="277">
        <v>682</v>
      </c>
      <c r="CA10" s="282">
        <v>762</v>
      </c>
      <c r="CB10" s="276">
        <v>1</v>
      </c>
      <c r="CC10" s="280">
        <v>2</v>
      </c>
      <c r="CD10" s="277">
        <v>3</v>
      </c>
      <c r="CE10" s="279">
        <v>0</v>
      </c>
      <c r="CF10" s="280">
        <v>168</v>
      </c>
      <c r="CG10" s="280">
        <v>216</v>
      </c>
      <c r="CH10" s="280">
        <v>235</v>
      </c>
      <c r="CI10" s="280">
        <v>156</v>
      </c>
      <c r="CJ10" s="280">
        <v>82</v>
      </c>
      <c r="CK10" s="277">
        <v>857</v>
      </c>
      <c r="CL10" s="282">
        <v>860</v>
      </c>
      <c r="CM10" s="276">
        <v>0</v>
      </c>
      <c r="CN10" s="280">
        <v>0</v>
      </c>
      <c r="CO10" s="277">
        <v>0</v>
      </c>
      <c r="CP10" s="279">
        <v>0</v>
      </c>
      <c r="CQ10" s="280">
        <v>8</v>
      </c>
      <c r="CR10" s="280">
        <v>13</v>
      </c>
      <c r="CS10" s="280">
        <v>14</v>
      </c>
      <c r="CT10" s="280">
        <v>7</v>
      </c>
      <c r="CU10" s="280">
        <v>6</v>
      </c>
      <c r="CV10" s="277">
        <v>48</v>
      </c>
      <c r="CW10" s="282">
        <v>48</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30</v>
      </c>
      <c r="DU10" s="280">
        <v>648</v>
      </c>
      <c r="DV10" s="277">
        <v>978</v>
      </c>
      <c r="DW10" s="279">
        <v>0</v>
      </c>
      <c r="DX10" s="280">
        <v>1965</v>
      </c>
      <c r="DY10" s="280">
        <v>2252</v>
      </c>
      <c r="DZ10" s="280">
        <v>1262</v>
      </c>
      <c r="EA10" s="280">
        <v>996</v>
      </c>
      <c r="EB10" s="280">
        <v>588</v>
      </c>
      <c r="EC10" s="277">
        <v>7063</v>
      </c>
      <c r="ED10" s="282">
        <v>8041</v>
      </c>
      <c r="EE10" s="276">
        <v>98</v>
      </c>
      <c r="EF10" s="280">
        <v>52</v>
      </c>
      <c r="EG10" s="277">
        <v>150</v>
      </c>
      <c r="EH10" s="279">
        <v>0</v>
      </c>
      <c r="EI10" s="280">
        <v>486</v>
      </c>
      <c r="EJ10" s="280">
        <v>270</v>
      </c>
      <c r="EK10" s="280">
        <v>235</v>
      </c>
      <c r="EL10" s="280">
        <v>271</v>
      </c>
      <c r="EM10" s="280">
        <v>146</v>
      </c>
      <c r="EN10" s="277">
        <v>1408</v>
      </c>
      <c r="EO10" s="282">
        <v>1558</v>
      </c>
      <c r="EP10" s="276">
        <v>383</v>
      </c>
      <c r="EQ10" s="280">
        <v>694</v>
      </c>
      <c r="ER10" s="277">
        <v>1077</v>
      </c>
      <c r="ES10" s="279">
        <v>0</v>
      </c>
      <c r="ET10" s="280">
        <v>4322</v>
      </c>
      <c r="EU10" s="280">
        <v>3035</v>
      </c>
      <c r="EV10" s="280">
        <v>1550</v>
      </c>
      <c r="EW10" s="280">
        <v>1111</v>
      </c>
      <c r="EX10" s="280">
        <v>631</v>
      </c>
      <c r="EY10" s="277">
        <v>10649</v>
      </c>
      <c r="EZ10" s="282">
        <v>11726</v>
      </c>
    </row>
    <row r="11" spans="2:156" ht="19.5" customHeight="1" x14ac:dyDescent="0.2">
      <c r="B11" s="261" t="s">
        <v>8</v>
      </c>
      <c r="C11" s="276">
        <v>0</v>
      </c>
      <c r="D11" s="280">
        <v>0</v>
      </c>
      <c r="E11" s="384">
        <v>0</v>
      </c>
      <c r="F11" s="279">
        <v>0</v>
      </c>
      <c r="G11" s="280">
        <v>482</v>
      </c>
      <c r="H11" s="280">
        <v>591</v>
      </c>
      <c r="I11" s="280">
        <v>360</v>
      </c>
      <c r="J11" s="280">
        <v>305</v>
      </c>
      <c r="K11" s="280">
        <v>259</v>
      </c>
      <c r="L11" s="281">
        <v>1997</v>
      </c>
      <c r="M11" s="282">
        <v>1997</v>
      </c>
      <c r="N11" s="276">
        <v>0</v>
      </c>
      <c r="O11" s="280">
        <v>0</v>
      </c>
      <c r="P11" s="277">
        <v>0</v>
      </c>
      <c r="Q11" s="279">
        <v>0</v>
      </c>
      <c r="R11" s="280">
        <v>2</v>
      </c>
      <c r="S11" s="280">
        <v>15</v>
      </c>
      <c r="T11" s="280">
        <v>31</v>
      </c>
      <c r="U11" s="280">
        <v>58</v>
      </c>
      <c r="V11" s="280">
        <v>101</v>
      </c>
      <c r="W11" s="277">
        <v>207</v>
      </c>
      <c r="X11" s="282">
        <v>207</v>
      </c>
      <c r="Y11" s="276">
        <v>54</v>
      </c>
      <c r="Z11" s="280">
        <v>68</v>
      </c>
      <c r="AA11" s="277">
        <v>122</v>
      </c>
      <c r="AB11" s="279">
        <v>0</v>
      </c>
      <c r="AC11" s="280">
        <v>273</v>
      </c>
      <c r="AD11" s="280">
        <v>378</v>
      </c>
      <c r="AE11" s="280">
        <v>248</v>
      </c>
      <c r="AF11" s="280">
        <v>212</v>
      </c>
      <c r="AG11" s="280">
        <v>187</v>
      </c>
      <c r="AH11" s="277">
        <v>1298</v>
      </c>
      <c r="AI11" s="282">
        <v>1420</v>
      </c>
      <c r="AJ11" s="276">
        <v>8</v>
      </c>
      <c r="AK11" s="280">
        <v>18</v>
      </c>
      <c r="AL11" s="277">
        <v>26</v>
      </c>
      <c r="AM11" s="279">
        <v>0</v>
      </c>
      <c r="AN11" s="280">
        <v>42</v>
      </c>
      <c r="AO11" s="280">
        <v>69</v>
      </c>
      <c r="AP11" s="280">
        <v>45</v>
      </c>
      <c r="AQ11" s="280">
        <v>39</v>
      </c>
      <c r="AR11" s="280">
        <v>26</v>
      </c>
      <c r="AS11" s="277">
        <v>221</v>
      </c>
      <c r="AT11" s="282">
        <v>247</v>
      </c>
      <c r="AU11" s="276">
        <v>73</v>
      </c>
      <c r="AV11" s="280">
        <v>53</v>
      </c>
      <c r="AW11" s="277">
        <v>126</v>
      </c>
      <c r="AX11" s="279">
        <v>0</v>
      </c>
      <c r="AY11" s="280">
        <v>445</v>
      </c>
      <c r="AZ11" s="280">
        <v>559</v>
      </c>
      <c r="BA11" s="280">
        <v>488</v>
      </c>
      <c r="BB11" s="280">
        <v>507</v>
      </c>
      <c r="BC11" s="280">
        <v>407</v>
      </c>
      <c r="BD11" s="281">
        <v>2406</v>
      </c>
      <c r="BE11" s="282">
        <v>2532</v>
      </c>
      <c r="BF11" s="276">
        <v>0</v>
      </c>
      <c r="BG11" s="280">
        <v>0</v>
      </c>
      <c r="BH11" s="277">
        <v>0</v>
      </c>
      <c r="BI11" s="279">
        <v>0</v>
      </c>
      <c r="BJ11" s="280">
        <v>545</v>
      </c>
      <c r="BK11" s="280">
        <v>583</v>
      </c>
      <c r="BL11" s="280">
        <v>349</v>
      </c>
      <c r="BM11" s="280">
        <v>183</v>
      </c>
      <c r="BN11" s="280">
        <v>116</v>
      </c>
      <c r="BO11" s="277">
        <v>1776</v>
      </c>
      <c r="BP11" s="282">
        <v>1776</v>
      </c>
      <c r="BQ11" s="276">
        <v>58</v>
      </c>
      <c r="BR11" s="280">
        <v>54</v>
      </c>
      <c r="BS11" s="277">
        <v>112</v>
      </c>
      <c r="BT11" s="279">
        <v>0</v>
      </c>
      <c r="BU11" s="280">
        <v>110</v>
      </c>
      <c r="BV11" s="280">
        <v>164</v>
      </c>
      <c r="BW11" s="280">
        <v>92</v>
      </c>
      <c r="BX11" s="280">
        <v>50</v>
      </c>
      <c r="BY11" s="280">
        <v>14</v>
      </c>
      <c r="BZ11" s="277">
        <v>430</v>
      </c>
      <c r="CA11" s="282">
        <v>542</v>
      </c>
      <c r="CB11" s="276">
        <v>3</v>
      </c>
      <c r="CC11" s="280">
        <v>5</v>
      </c>
      <c r="CD11" s="277">
        <v>8</v>
      </c>
      <c r="CE11" s="279">
        <v>0</v>
      </c>
      <c r="CF11" s="280">
        <v>58</v>
      </c>
      <c r="CG11" s="280">
        <v>134</v>
      </c>
      <c r="CH11" s="280">
        <v>169</v>
      </c>
      <c r="CI11" s="280">
        <v>91</v>
      </c>
      <c r="CJ11" s="280">
        <v>59</v>
      </c>
      <c r="CK11" s="277">
        <v>511</v>
      </c>
      <c r="CL11" s="282">
        <v>519</v>
      </c>
      <c r="CM11" s="276">
        <v>0</v>
      </c>
      <c r="CN11" s="280">
        <v>0</v>
      </c>
      <c r="CO11" s="277">
        <v>0</v>
      </c>
      <c r="CP11" s="279">
        <v>0</v>
      </c>
      <c r="CQ11" s="280">
        <v>0</v>
      </c>
      <c r="CR11" s="280">
        <v>6</v>
      </c>
      <c r="CS11" s="280">
        <v>5</v>
      </c>
      <c r="CT11" s="280">
        <v>3</v>
      </c>
      <c r="CU11" s="280">
        <v>0</v>
      </c>
      <c r="CV11" s="277">
        <v>14</v>
      </c>
      <c r="CW11" s="282">
        <v>14</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391</v>
      </c>
      <c r="DU11" s="280">
        <v>543</v>
      </c>
      <c r="DV11" s="277">
        <v>934</v>
      </c>
      <c r="DW11" s="279">
        <v>0</v>
      </c>
      <c r="DX11" s="280">
        <v>907</v>
      </c>
      <c r="DY11" s="280">
        <v>1441</v>
      </c>
      <c r="DZ11" s="280">
        <v>855</v>
      </c>
      <c r="EA11" s="280">
        <v>599</v>
      </c>
      <c r="EB11" s="280">
        <v>403</v>
      </c>
      <c r="EC11" s="277">
        <v>4205</v>
      </c>
      <c r="ED11" s="282">
        <v>5139</v>
      </c>
      <c r="EE11" s="276">
        <v>52</v>
      </c>
      <c r="EF11" s="280">
        <v>17</v>
      </c>
      <c r="EG11" s="277">
        <v>69</v>
      </c>
      <c r="EH11" s="279">
        <v>0</v>
      </c>
      <c r="EI11" s="280">
        <v>149</v>
      </c>
      <c r="EJ11" s="280">
        <v>117</v>
      </c>
      <c r="EK11" s="280">
        <v>104</v>
      </c>
      <c r="EL11" s="280">
        <v>118</v>
      </c>
      <c r="EM11" s="280">
        <v>79</v>
      </c>
      <c r="EN11" s="277">
        <v>567</v>
      </c>
      <c r="EO11" s="282">
        <v>636</v>
      </c>
      <c r="EP11" s="276">
        <v>490</v>
      </c>
      <c r="EQ11" s="280">
        <v>614</v>
      </c>
      <c r="ER11" s="277">
        <v>1104</v>
      </c>
      <c r="ES11" s="279">
        <v>0</v>
      </c>
      <c r="ET11" s="280">
        <v>1733</v>
      </c>
      <c r="EU11" s="280">
        <v>1849</v>
      </c>
      <c r="EV11" s="280">
        <v>1004</v>
      </c>
      <c r="EW11" s="280">
        <v>641</v>
      </c>
      <c r="EX11" s="280">
        <v>420</v>
      </c>
      <c r="EY11" s="277">
        <v>5647</v>
      </c>
      <c r="EZ11" s="282">
        <v>6751</v>
      </c>
    </row>
    <row r="12" spans="2:156" ht="19.5" customHeight="1" x14ac:dyDescent="0.2">
      <c r="B12" s="261" t="s">
        <v>9</v>
      </c>
      <c r="C12" s="276">
        <v>0</v>
      </c>
      <c r="D12" s="280">
        <v>0</v>
      </c>
      <c r="E12" s="384">
        <v>0</v>
      </c>
      <c r="F12" s="279">
        <v>0</v>
      </c>
      <c r="G12" s="280">
        <v>628</v>
      </c>
      <c r="H12" s="280">
        <v>506</v>
      </c>
      <c r="I12" s="280">
        <v>329</v>
      </c>
      <c r="J12" s="280">
        <v>333</v>
      </c>
      <c r="K12" s="280">
        <v>250</v>
      </c>
      <c r="L12" s="281">
        <v>2046</v>
      </c>
      <c r="M12" s="282">
        <v>2046</v>
      </c>
      <c r="N12" s="276">
        <v>0</v>
      </c>
      <c r="O12" s="280">
        <v>0</v>
      </c>
      <c r="P12" s="277">
        <v>0</v>
      </c>
      <c r="Q12" s="279">
        <v>0</v>
      </c>
      <c r="R12" s="280">
        <v>6</v>
      </c>
      <c r="S12" s="280">
        <v>5</v>
      </c>
      <c r="T12" s="280">
        <v>17</v>
      </c>
      <c r="U12" s="280">
        <v>55</v>
      </c>
      <c r="V12" s="280">
        <v>111</v>
      </c>
      <c r="W12" s="277">
        <v>194</v>
      </c>
      <c r="X12" s="282">
        <v>194</v>
      </c>
      <c r="Y12" s="276">
        <v>33</v>
      </c>
      <c r="Z12" s="280">
        <v>67</v>
      </c>
      <c r="AA12" s="277">
        <v>100</v>
      </c>
      <c r="AB12" s="279">
        <v>0</v>
      </c>
      <c r="AC12" s="280">
        <v>341</v>
      </c>
      <c r="AD12" s="280">
        <v>311</v>
      </c>
      <c r="AE12" s="280">
        <v>233</v>
      </c>
      <c r="AF12" s="280">
        <v>241</v>
      </c>
      <c r="AG12" s="280">
        <v>189</v>
      </c>
      <c r="AH12" s="277">
        <v>1315</v>
      </c>
      <c r="AI12" s="282">
        <v>1415</v>
      </c>
      <c r="AJ12" s="276">
        <v>2</v>
      </c>
      <c r="AK12" s="280">
        <v>16</v>
      </c>
      <c r="AL12" s="277">
        <v>18</v>
      </c>
      <c r="AM12" s="279">
        <v>0</v>
      </c>
      <c r="AN12" s="280">
        <v>56</v>
      </c>
      <c r="AO12" s="280">
        <v>57</v>
      </c>
      <c r="AP12" s="280">
        <v>48</v>
      </c>
      <c r="AQ12" s="280">
        <v>47</v>
      </c>
      <c r="AR12" s="280">
        <v>39</v>
      </c>
      <c r="AS12" s="277">
        <v>247</v>
      </c>
      <c r="AT12" s="282">
        <v>265</v>
      </c>
      <c r="AU12" s="276">
        <v>73</v>
      </c>
      <c r="AV12" s="280">
        <v>63</v>
      </c>
      <c r="AW12" s="277">
        <v>136</v>
      </c>
      <c r="AX12" s="279">
        <v>0</v>
      </c>
      <c r="AY12" s="280">
        <v>523</v>
      </c>
      <c r="AZ12" s="280">
        <v>518</v>
      </c>
      <c r="BA12" s="280">
        <v>539</v>
      </c>
      <c r="BB12" s="280">
        <v>541</v>
      </c>
      <c r="BC12" s="280">
        <v>397</v>
      </c>
      <c r="BD12" s="281">
        <v>2518</v>
      </c>
      <c r="BE12" s="282">
        <v>2654</v>
      </c>
      <c r="BF12" s="276">
        <v>0</v>
      </c>
      <c r="BG12" s="280">
        <v>0</v>
      </c>
      <c r="BH12" s="277">
        <v>0</v>
      </c>
      <c r="BI12" s="279">
        <v>0</v>
      </c>
      <c r="BJ12" s="280">
        <v>552</v>
      </c>
      <c r="BK12" s="280">
        <v>376</v>
      </c>
      <c r="BL12" s="280">
        <v>229</v>
      </c>
      <c r="BM12" s="280">
        <v>151</v>
      </c>
      <c r="BN12" s="280">
        <v>53</v>
      </c>
      <c r="BO12" s="277">
        <v>1361</v>
      </c>
      <c r="BP12" s="282">
        <v>1361</v>
      </c>
      <c r="BQ12" s="276">
        <v>40</v>
      </c>
      <c r="BR12" s="280">
        <v>54</v>
      </c>
      <c r="BS12" s="277">
        <v>94</v>
      </c>
      <c r="BT12" s="279">
        <v>0</v>
      </c>
      <c r="BU12" s="280">
        <v>136</v>
      </c>
      <c r="BV12" s="280">
        <v>123</v>
      </c>
      <c r="BW12" s="280">
        <v>67</v>
      </c>
      <c r="BX12" s="280">
        <v>62</v>
      </c>
      <c r="BY12" s="280">
        <v>17</v>
      </c>
      <c r="BZ12" s="277">
        <v>405</v>
      </c>
      <c r="CA12" s="282">
        <v>499</v>
      </c>
      <c r="CB12" s="276">
        <v>3</v>
      </c>
      <c r="CC12" s="280">
        <v>5</v>
      </c>
      <c r="CD12" s="277">
        <v>8</v>
      </c>
      <c r="CE12" s="279">
        <v>0</v>
      </c>
      <c r="CF12" s="280">
        <v>49</v>
      </c>
      <c r="CG12" s="280">
        <v>94</v>
      </c>
      <c r="CH12" s="280">
        <v>106</v>
      </c>
      <c r="CI12" s="280">
        <v>82</v>
      </c>
      <c r="CJ12" s="280">
        <v>47</v>
      </c>
      <c r="CK12" s="277">
        <v>378</v>
      </c>
      <c r="CL12" s="282">
        <v>386</v>
      </c>
      <c r="CM12" s="276">
        <v>1</v>
      </c>
      <c r="CN12" s="280">
        <v>0</v>
      </c>
      <c r="CO12" s="277">
        <v>1</v>
      </c>
      <c r="CP12" s="279">
        <v>0</v>
      </c>
      <c r="CQ12" s="280">
        <v>8</v>
      </c>
      <c r="CR12" s="280">
        <v>10</v>
      </c>
      <c r="CS12" s="280">
        <v>13</v>
      </c>
      <c r="CT12" s="280">
        <v>12</v>
      </c>
      <c r="CU12" s="280">
        <v>9</v>
      </c>
      <c r="CV12" s="277">
        <v>52</v>
      </c>
      <c r="CW12" s="282">
        <v>53</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51</v>
      </c>
      <c r="DU12" s="280">
        <v>452</v>
      </c>
      <c r="DV12" s="277">
        <v>803</v>
      </c>
      <c r="DW12" s="279">
        <v>0</v>
      </c>
      <c r="DX12" s="280">
        <v>940</v>
      </c>
      <c r="DY12" s="280">
        <v>959</v>
      </c>
      <c r="DZ12" s="280">
        <v>634</v>
      </c>
      <c r="EA12" s="280">
        <v>561</v>
      </c>
      <c r="EB12" s="280">
        <v>362</v>
      </c>
      <c r="EC12" s="277">
        <v>3456</v>
      </c>
      <c r="ED12" s="282">
        <v>4259</v>
      </c>
      <c r="EE12" s="276">
        <v>44</v>
      </c>
      <c r="EF12" s="280">
        <v>25</v>
      </c>
      <c r="EG12" s="277">
        <v>69</v>
      </c>
      <c r="EH12" s="279">
        <v>0</v>
      </c>
      <c r="EI12" s="280">
        <v>188</v>
      </c>
      <c r="EJ12" s="280">
        <v>158</v>
      </c>
      <c r="EK12" s="280">
        <v>144</v>
      </c>
      <c r="EL12" s="280">
        <v>155</v>
      </c>
      <c r="EM12" s="280">
        <v>108</v>
      </c>
      <c r="EN12" s="277">
        <v>753</v>
      </c>
      <c r="EO12" s="282">
        <v>822</v>
      </c>
      <c r="EP12" s="276">
        <v>400</v>
      </c>
      <c r="EQ12" s="280">
        <v>528</v>
      </c>
      <c r="ER12" s="277">
        <v>928</v>
      </c>
      <c r="ES12" s="279">
        <v>0</v>
      </c>
      <c r="ET12" s="280">
        <v>1705</v>
      </c>
      <c r="EU12" s="280">
        <v>1277</v>
      </c>
      <c r="EV12" s="280">
        <v>727</v>
      </c>
      <c r="EW12" s="280">
        <v>601</v>
      </c>
      <c r="EX12" s="280">
        <v>374</v>
      </c>
      <c r="EY12" s="277">
        <v>4684</v>
      </c>
      <c r="EZ12" s="282">
        <v>5612</v>
      </c>
    </row>
    <row r="13" spans="2:156" ht="19.5" customHeight="1" x14ac:dyDescent="0.2">
      <c r="B13" s="261" t="s">
        <v>10</v>
      </c>
      <c r="C13" s="276">
        <v>0</v>
      </c>
      <c r="D13" s="280">
        <v>0</v>
      </c>
      <c r="E13" s="384">
        <v>0</v>
      </c>
      <c r="F13" s="279">
        <v>0</v>
      </c>
      <c r="G13" s="280">
        <v>1344</v>
      </c>
      <c r="H13" s="280">
        <v>723</v>
      </c>
      <c r="I13" s="280">
        <v>449</v>
      </c>
      <c r="J13" s="280">
        <v>427</v>
      </c>
      <c r="K13" s="280">
        <v>340</v>
      </c>
      <c r="L13" s="281">
        <v>3283</v>
      </c>
      <c r="M13" s="282">
        <v>3283</v>
      </c>
      <c r="N13" s="276">
        <v>0</v>
      </c>
      <c r="O13" s="280">
        <v>0</v>
      </c>
      <c r="P13" s="277">
        <v>0</v>
      </c>
      <c r="Q13" s="279">
        <v>0</v>
      </c>
      <c r="R13" s="280">
        <v>7</v>
      </c>
      <c r="S13" s="280">
        <v>23</v>
      </c>
      <c r="T13" s="280">
        <v>37</v>
      </c>
      <c r="U13" s="280">
        <v>88</v>
      </c>
      <c r="V13" s="280">
        <v>161</v>
      </c>
      <c r="W13" s="277">
        <v>316</v>
      </c>
      <c r="X13" s="282">
        <v>316</v>
      </c>
      <c r="Y13" s="276">
        <v>142</v>
      </c>
      <c r="Z13" s="280">
        <v>293</v>
      </c>
      <c r="AA13" s="277">
        <v>435</v>
      </c>
      <c r="AB13" s="279">
        <v>0</v>
      </c>
      <c r="AC13" s="280">
        <v>744</v>
      </c>
      <c r="AD13" s="280">
        <v>512</v>
      </c>
      <c r="AE13" s="280">
        <v>330</v>
      </c>
      <c r="AF13" s="280">
        <v>299</v>
      </c>
      <c r="AG13" s="280">
        <v>287</v>
      </c>
      <c r="AH13" s="277">
        <v>2172</v>
      </c>
      <c r="AI13" s="282">
        <v>2607</v>
      </c>
      <c r="AJ13" s="276">
        <v>24</v>
      </c>
      <c r="AK13" s="280">
        <v>42</v>
      </c>
      <c r="AL13" s="277">
        <v>66</v>
      </c>
      <c r="AM13" s="279">
        <v>0</v>
      </c>
      <c r="AN13" s="280">
        <v>108</v>
      </c>
      <c r="AO13" s="280">
        <v>93</v>
      </c>
      <c r="AP13" s="280">
        <v>57</v>
      </c>
      <c r="AQ13" s="280">
        <v>48</v>
      </c>
      <c r="AR13" s="280">
        <v>54</v>
      </c>
      <c r="AS13" s="277">
        <v>360</v>
      </c>
      <c r="AT13" s="282">
        <v>426</v>
      </c>
      <c r="AU13" s="276">
        <v>170</v>
      </c>
      <c r="AV13" s="280">
        <v>254</v>
      </c>
      <c r="AW13" s="277">
        <v>424</v>
      </c>
      <c r="AX13" s="279">
        <v>0</v>
      </c>
      <c r="AY13" s="280">
        <v>1213</v>
      </c>
      <c r="AZ13" s="280">
        <v>1037</v>
      </c>
      <c r="BA13" s="280">
        <v>859</v>
      </c>
      <c r="BB13" s="280">
        <v>919</v>
      </c>
      <c r="BC13" s="280">
        <v>742</v>
      </c>
      <c r="BD13" s="281">
        <v>4770</v>
      </c>
      <c r="BE13" s="282">
        <v>5194</v>
      </c>
      <c r="BF13" s="276">
        <v>0</v>
      </c>
      <c r="BG13" s="280">
        <v>0</v>
      </c>
      <c r="BH13" s="277">
        <v>0</v>
      </c>
      <c r="BI13" s="279">
        <v>0</v>
      </c>
      <c r="BJ13" s="280">
        <v>1503</v>
      </c>
      <c r="BK13" s="280">
        <v>793</v>
      </c>
      <c r="BL13" s="280">
        <v>472</v>
      </c>
      <c r="BM13" s="280">
        <v>264</v>
      </c>
      <c r="BN13" s="280">
        <v>140</v>
      </c>
      <c r="BO13" s="277">
        <v>3172</v>
      </c>
      <c r="BP13" s="282">
        <v>3172</v>
      </c>
      <c r="BQ13" s="276">
        <v>66</v>
      </c>
      <c r="BR13" s="280">
        <v>84</v>
      </c>
      <c r="BS13" s="277">
        <v>150</v>
      </c>
      <c r="BT13" s="279">
        <v>0</v>
      </c>
      <c r="BU13" s="280">
        <v>252</v>
      </c>
      <c r="BV13" s="280">
        <v>158</v>
      </c>
      <c r="BW13" s="280">
        <v>95</v>
      </c>
      <c r="BX13" s="280">
        <v>54</v>
      </c>
      <c r="BY13" s="280">
        <v>27</v>
      </c>
      <c r="BZ13" s="277">
        <v>586</v>
      </c>
      <c r="CA13" s="282">
        <v>736</v>
      </c>
      <c r="CB13" s="276">
        <v>7</v>
      </c>
      <c r="CC13" s="280">
        <v>20</v>
      </c>
      <c r="CD13" s="277">
        <v>27</v>
      </c>
      <c r="CE13" s="279">
        <v>0</v>
      </c>
      <c r="CF13" s="280">
        <v>145</v>
      </c>
      <c r="CG13" s="280">
        <v>146</v>
      </c>
      <c r="CH13" s="280">
        <v>183</v>
      </c>
      <c r="CI13" s="280">
        <v>133</v>
      </c>
      <c r="CJ13" s="280">
        <v>92</v>
      </c>
      <c r="CK13" s="277">
        <v>699</v>
      </c>
      <c r="CL13" s="282">
        <v>726</v>
      </c>
      <c r="CM13" s="276">
        <v>0</v>
      </c>
      <c r="CN13" s="280">
        <v>1</v>
      </c>
      <c r="CO13" s="277">
        <v>1</v>
      </c>
      <c r="CP13" s="279">
        <v>0</v>
      </c>
      <c r="CQ13" s="280">
        <v>6</v>
      </c>
      <c r="CR13" s="280">
        <v>8</v>
      </c>
      <c r="CS13" s="280">
        <v>15</v>
      </c>
      <c r="CT13" s="280">
        <v>7</v>
      </c>
      <c r="CU13" s="280">
        <v>8</v>
      </c>
      <c r="CV13" s="277">
        <v>44</v>
      </c>
      <c r="CW13" s="282">
        <v>45</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907</v>
      </c>
      <c r="DU13" s="280">
        <v>1210</v>
      </c>
      <c r="DV13" s="277">
        <v>2117</v>
      </c>
      <c r="DW13" s="279">
        <v>0</v>
      </c>
      <c r="DX13" s="280">
        <v>1952</v>
      </c>
      <c r="DY13" s="280">
        <v>1568</v>
      </c>
      <c r="DZ13" s="280">
        <v>1035</v>
      </c>
      <c r="EA13" s="280">
        <v>834</v>
      </c>
      <c r="EB13" s="280">
        <v>612</v>
      </c>
      <c r="EC13" s="277">
        <v>6001</v>
      </c>
      <c r="ED13" s="282">
        <v>8118</v>
      </c>
      <c r="EE13" s="276">
        <v>72</v>
      </c>
      <c r="EF13" s="280">
        <v>70</v>
      </c>
      <c r="EG13" s="277">
        <v>142</v>
      </c>
      <c r="EH13" s="279">
        <v>0</v>
      </c>
      <c r="EI13" s="280">
        <v>282</v>
      </c>
      <c r="EJ13" s="280">
        <v>215</v>
      </c>
      <c r="EK13" s="280">
        <v>201</v>
      </c>
      <c r="EL13" s="280">
        <v>224</v>
      </c>
      <c r="EM13" s="280">
        <v>137</v>
      </c>
      <c r="EN13" s="277">
        <v>1059</v>
      </c>
      <c r="EO13" s="282">
        <v>1201</v>
      </c>
      <c r="EP13" s="276">
        <v>1070</v>
      </c>
      <c r="EQ13" s="280">
        <v>1411</v>
      </c>
      <c r="ER13" s="277">
        <v>2481</v>
      </c>
      <c r="ES13" s="279">
        <v>0</v>
      </c>
      <c r="ET13" s="280">
        <v>3447</v>
      </c>
      <c r="EU13" s="280">
        <v>1929</v>
      </c>
      <c r="EV13" s="280">
        <v>1133</v>
      </c>
      <c r="EW13" s="280">
        <v>818</v>
      </c>
      <c r="EX13" s="280">
        <v>583</v>
      </c>
      <c r="EY13" s="277">
        <v>7910</v>
      </c>
      <c r="EZ13" s="282">
        <v>10391</v>
      </c>
    </row>
    <row r="14" spans="2:156" ht="19.5" customHeight="1" x14ac:dyDescent="0.2">
      <c r="B14" s="261" t="s">
        <v>11</v>
      </c>
      <c r="C14" s="276">
        <v>0</v>
      </c>
      <c r="D14" s="280">
        <v>0</v>
      </c>
      <c r="E14" s="384">
        <v>0</v>
      </c>
      <c r="F14" s="279">
        <v>0</v>
      </c>
      <c r="G14" s="280">
        <v>528</v>
      </c>
      <c r="H14" s="280">
        <v>354</v>
      </c>
      <c r="I14" s="280">
        <v>252</v>
      </c>
      <c r="J14" s="280">
        <v>214</v>
      </c>
      <c r="K14" s="280">
        <v>153</v>
      </c>
      <c r="L14" s="281">
        <v>1501</v>
      </c>
      <c r="M14" s="282">
        <v>1501</v>
      </c>
      <c r="N14" s="276">
        <v>0</v>
      </c>
      <c r="O14" s="280">
        <v>1</v>
      </c>
      <c r="P14" s="277">
        <v>1</v>
      </c>
      <c r="Q14" s="279">
        <v>0</v>
      </c>
      <c r="R14" s="280">
        <v>3</v>
      </c>
      <c r="S14" s="280">
        <v>12</v>
      </c>
      <c r="T14" s="280">
        <v>27</v>
      </c>
      <c r="U14" s="280">
        <v>49</v>
      </c>
      <c r="V14" s="280">
        <v>63</v>
      </c>
      <c r="W14" s="277">
        <v>154</v>
      </c>
      <c r="X14" s="282">
        <v>155</v>
      </c>
      <c r="Y14" s="276">
        <v>41</v>
      </c>
      <c r="Z14" s="280">
        <v>69</v>
      </c>
      <c r="AA14" s="277">
        <v>110</v>
      </c>
      <c r="AB14" s="279">
        <v>0</v>
      </c>
      <c r="AC14" s="280">
        <v>319</v>
      </c>
      <c r="AD14" s="280">
        <v>221</v>
      </c>
      <c r="AE14" s="280">
        <v>194</v>
      </c>
      <c r="AF14" s="280">
        <v>174</v>
      </c>
      <c r="AG14" s="280">
        <v>146</v>
      </c>
      <c r="AH14" s="277">
        <v>1054</v>
      </c>
      <c r="AI14" s="282">
        <v>1164</v>
      </c>
      <c r="AJ14" s="276">
        <v>2</v>
      </c>
      <c r="AK14" s="280">
        <v>8</v>
      </c>
      <c r="AL14" s="277">
        <v>10</v>
      </c>
      <c r="AM14" s="279">
        <v>0</v>
      </c>
      <c r="AN14" s="280">
        <v>34</v>
      </c>
      <c r="AO14" s="280">
        <v>29</v>
      </c>
      <c r="AP14" s="280">
        <v>19</v>
      </c>
      <c r="AQ14" s="280">
        <v>20</v>
      </c>
      <c r="AR14" s="280">
        <v>5</v>
      </c>
      <c r="AS14" s="277">
        <v>107</v>
      </c>
      <c r="AT14" s="282">
        <v>117</v>
      </c>
      <c r="AU14" s="276">
        <v>54</v>
      </c>
      <c r="AV14" s="280">
        <v>50</v>
      </c>
      <c r="AW14" s="277">
        <v>104</v>
      </c>
      <c r="AX14" s="279">
        <v>0</v>
      </c>
      <c r="AY14" s="280">
        <v>448</v>
      </c>
      <c r="AZ14" s="280">
        <v>424</v>
      </c>
      <c r="BA14" s="280">
        <v>395</v>
      </c>
      <c r="BB14" s="280">
        <v>395</v>
      </c>
      <c r="BC14" s="280">
        <v>275</v>
      </c>
      <c r="BD14" s="281">
        <v>1937</v>
      </c>
      <c r="BE14" s="282">
        <v>2041</v>
      </c>
      <c r="BF14" s="276">
        <v>0</v>
      </c>
      <c r="BG14" s="280">
        <v>0</v>
      </c>
      <c r="BH14" s="277">
        <v>0</v>
      </c>
      <c r="BI14" s="279">
        <v>0</v>
      </c>
      <c r="BJ14" s="280">
        <v>717</v>
      </c>
      <c r="BK14" s="280">
        <v>367</v>
      </c>
      <c r="BL14" s="280">
        <v>255</v>
      </c>
      <c r="BM14" s="280">
        <v>157</v>
      </c>
      <c r="BN14" s="280">
        <v>86</v>
      </c>
      <c r="BO14" s="277">
        <v>1582</v>
      </c>
      <c r="BP14" s="282">
        <v>1582</v>
      </c>
      <c r="BQ14" s="276">
        <v>78</v>
      </c>
      <c r="BR14" s="280">
        <v>76</v>
      </c>
      <c r="BS14" s="277">
        <v>154</v>
      </c>
      <c r="BT14" s="279">
        <v>0</v>
      </c>
      <c r="BU14" s="280">
        <v>185</v>
      </c>
      <c r="BV14" s="280">
        <v>102</v>
      </c>
      <c r="BW14" s="280">
        <v>72</v>
      </c>
      <c r="BX14" s="280">
        <v>43</v>
      </c>
      <c r="BY14" s="280">
        <v>15</v>
      </c>
      <c r="BZ14" s="277">
        <v>417</v>
      </c>
      <c r="CA14" s="282">
        <v>571</v>
      </c>
      <c r="CB14" s="276">
        <v>4</v>
      </c>
      <c r="CC14" s="280">
        <v>6</v>
      </c>
      <c r="CD14" s="277">
        <v>10</v>
      </c>
      <c r="CE14" s="279">
        <v>0</v>
      </c>
      <c r="CF14" s="280">
        <v>85</v>
      </c>
      <c r="CG14" s="280">
        <v>97</v>
      </c>
      <c r="CH14" s="280">
        <v>109</v>
      </c>
      <c r="CI14" s="280">
        <v>74</v>
      </c>
      <c r="CJ14" s="280">
        <v>34</v>
      </c>
      <c r="CK14" s="277">
        <v>399</v>
      </c>
      <c r="CL14" s="282">
        <v>409</v>
      </c>
      <c r="CM14" s="276">
        <v>0</v>
      </c>
      <c r="CN14" s="280">
        <v>0</v>
      </c>
      <c r="CO14" s="277">
        <v>0</v>
      </c>
      <c r="CP14" s="279">
        <v>0</v>
      </c>
      <c r="CQ14" s="280">
        <v>4</v>
      </c>
      <c r="CR14" s="280">
        <v>5</v>
      </c>
      <c r="CS14" s="280">
        <v>11</v>
      </c>
      <c r="CT14" s="280">
        <v>4</v>
      </c>
      <c r="CU14" s="280">
        <v>6</v>
      </c>
      <c r="CV14" s="277">
        <v>30</v>
      </c>
      <c r="CW14" s="282">
        <v>30</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396</v>
      </c>
      <c r="DU14" s="280">
        <v>449</v>
      </c>
      <c r="DV14" s="277">
        <v>845</v>
      </c>
      <c r="DW14" s="279">
        <v>0</v>
      </c>
      <c r="DX14" s="280">
        <v>993</v>
      </c>
      <c r="DY14" s="280">
        <v>800</v>
      </c>
      <c r="DZ14" s="280">
        <v>622</v>
      </c>
      <c r="EA14" s="280">
        <v>488</v>
      </c>
      <c r="EB14" s="280">
        <v>280</v>
      </c>
      <c r="EC14" s="277">
        <v>3183</v>
      </c>
      <c r="ED14" s="282">
        <v>4028</v>
      </c>
      <c r="EE14" s="276">
        <v>36</v>
      </c>
      <c r="EF14" s="280">
        <v>33</v>
      </c>
      <c r="EG14" s="277">
        <v>69</v>
      </c>
      <c r="EH14" s="279">
        <v>0</v>
      </c>
      <c r="EI14" s="280">
        <v>198</v>
      </c>
      <c r="EJ14" s="280">
        <v>133</v>
      </c>
      <c r="EK14" s="280">
        <v>131</v>
      </c>
      <c r="EL14" s="280">
        <v>156</v>
      </c>
      <c r="EM14" s="280">
        <v>76</v>
      </c>
      <c r="EN14" s="277">
        <v>694</v>
      </c>
      <c r="EO14" s="282">
        <v>763</v>
      </c>
      <c r="EP14" s="276">
        <v>488</v>
      </c>
      <c r="EQ14" s="280">
        <v>532</v>
      </c>
      <c r="ER14" s="277">
        <v>1020</v>
      </c>
      <c r="ES14" s="279">
        <v>0</v>
      </c>
      <c r="ET14" s="280">
        <v>1898</v>
      </c>
      <c r="EU14" s="280">
        <v>1055</v>
      </c>
      <c r="EV14" s="280">
        <v>728</v>
      </c>
      <c r="EW14" s="280">
        <v>505</v>
      </c>
      <c r="EX14" s="280">
        <v>283</v>
      </c>
      <c r="EY14" s="277">
        <v>4469</v>
      </c>
      <c r="EZ14" s="282">
        <v>5489</v>
      </c>
    </row>
    <row r="15" spans="2:156" ht="19.5" customHeight="1" x14ac:dyDescent="0.2">
      <c r="B15" s="261" t="s">
        <v>12</v>
      </c>
      <c r="C15" s="276">
        <v>0</v>
      </c>
      <c r="D15" s="280">
        <v>0</v>
      </c>
      <c r="E15" s="384">
        <v>0</v>
      </c>
      <c r="F15" s="279">
        <v>0</v>
      </c>
      <c r="G15" s="280">
        <v>488</v>
      </c>
      <c r="H15" s="280">
        <v>431</v>
      </c>
      <c r="I15" s="280">
        <v>308</v>
      </c>
      <c r="J15" s="280">
        <v>310</v>
      </c>
      <c r="K15" s="280">
        <v>216</v>
      </c>
      <c r="L15" s="281">
        <v>1753</v>
      </c>
      <c r="M15" s="282">
        <v>1753</v>
      </c>
      <c r="N15" s="276">
        <v>0</v>
      </c>
      <c r="O15" s="280">
        <v>4</v>
      </c>
      <c r="P15" s="277">
        <v>4</v>
      </c>
      <c r="Q15" s="279">
        <v>0</v>
      </c>
      <c r="R15" s="280">
        <v>3</v>
      </c>
      <c r="S15" s="280">
        <v>10</v>
      </c>
      <c r="T15" s="280">
        <v>21</v>
      </c>
      <c r="U15" s="280">
        <v>59</v>
      </c>
      <c r="V15" s="280">
        <v>77</v>
      </c>
      <c r="W15" s="277">
        <v>170</v>
      </c>
      <c r="X15" s="282">
        <v>174</v>
      </c>
      <c r="Y15" s="276">
        <v>124</v>
      </c>
      <c r="Z15" s="280">
        <v>209</v>
      </c>
      <c r="AA15" s="277">
        <v>333</v>
      </c>
      <c r="AB15" s="279">
        <v>0</v>
      </c>
      <c r="AC15" s="280">
        <v>295</v>
      </c>
      <c r="AD15" s="280">
        <v>344</v>
      </c>
      <c r="AE15" s="280">
        <v>214</v>
      </c>
      <c r="AF15" s="280">
        <v>225</v>
      </c>
      <c r="AG15" s="280">
        <v>169</v>
      </c>
      <c r="AH15" s="277">
        <v>1247</v>
      </c>
      <c r="AI15" s="282">
        <v>1580</v>
      </c>
      <c r="AJ15" s="276">
        <v>4</v>
      </c>
      <c r="AK15" s="280">
        <v>20</v>
      </c>
      <c r="AL15" s="277">
        <v>24</v>
      </c>
      <c r="AM15" s="279">
        <v>0</v>
      </c>
      <c r="AN15" s="280">
        <v>16</v>
      </c>
      <c r="AO15" s="280">
        <v>44</v>
      </c>
      <c r="AP15" s="280">
        <v>27</v>
      </c>
      <c r="AQ15" s="280">
        <v>29</v>
      </c>
      <c r="AR15" s="280">
        <v>16</v>
      </c>
      <c r="AS15" s="277">
        <v>132</v>
      </c>
      <c r="AT15" s="282">
        <v>156</v>
      </c>
      <c r="AU15" s="276">
        <v>84</v>
      </c>
      <c r="AV15" s="280">
        <v>111</v>
      </c>
      <c r="AW15" s="277">
        <v>195</v>
      </c>
      <c r="AX15" s="279">
        <v>0</v>
      </c>
      <c r="AY15" s="280">
        <v>321</v>
      </c>
      <c r="AZ15" s="280">
        <v>355</v>
      </c>
      <c r="BA15" s="280">
        <v>354</v>
      </c>
      <c r="BB15" s="280">
        <v>428</v>
      </c>
      <c r="BC15" s="280">
        <v>326</v>
      </c>
      <c r="BD15" s="281">
        <v>1784</v>
      </c>
      <c r="BE15" s="282">
        <v>1979</v>
      </c>
      <c r="BF15" s="276">
        <v>0</v>
      </c>
      <c r="BG15" s="280">
        <v>0</v>
      </c>
      <c r="BH15" s="277">
        <v>0</v>
      </c>
      <c r="BI15" s="279">
        <v>0</v>
      </c>
      <c r="BJ15" s="280">
        <v>555</v>
      </c>
      <c r="BK15" s="280">
        <v>401</v>
      </c>
      <c r="BL15" s="280">
        <v>284</v>
      </c>
      <c r="BM15" s="280">
        <v>199</v>
      </c>
      <c r="BN15" s="280">
        <v>88</v>
      </c>
      <c r="BO15" s="277">
        <v>1527</v>
      </c>
      <c r="BP15" s="282">
        <v>1527</v>
      </c>
      <c r="BQ15" s="276">
        <v>130</v>
      </c>
      <c r="BR15" s="280">
        <v>125</v>
      </c>
      <c r="BS15" s="277">
        <v>255</v>
      </c>
      <c r="BT15" s="279">
        <v>0</v>
      </c>
      <c r="BU15" s="280">
        <v>123</v>
      </c>
      <c r="BV15" s="280">
        <v>168</v>
      </c>
      <c r="BW15" s="280">
        <v>114</v>
      </c>
      <c r="BX15" s="280">
        <v>71</v>
      </c>
      <c r="BY15" s="280">
        <v>35</v>
      </c>
      <c r="BZ15" s="277">
        <v>511</v>
      </c>
      <c r="CA15" s="282">
        <v>766</v>
      </c>
      <c r="CB15" s="276">
        <v>4</v>
      </c>
      <c r="CC15" s="280">
        <v>11</v>
      </c>
      <c r="CD15" s="277">
        <v>15</v>
      </c>
      <c r="CE15" s="279">
        <v>0</v>
      </c>
      <c r="CF15" s="280">
        <v>82</v>
      </c>
      <c r="CG15" s="280">
        <v>78</v>
      </c>
      <c r="CH15" s="280">
        <v>107</v>
      </c>
      <c r="CI15" s="280">
        <v>109</v>
      </c>
      <c r="CJ15" s="280">
        <v>50</v>
      </c>
      <c r="CK15" s="277">
        <v>426</v>
      </c>
      <c r="CL15" s="282">
        <v>441</v>
      </c>
      <c r="CM15" s="276">
        <v>0</v>
      </c>
      <c r="CN15" s="280">
        <v>0</v>
      </c>
      <c r="CO15" s="277">
        <v>0</v>
      </c>
      <c r="CP15" s="279">
        <v>0</v>
      </c>
      <c r="CQ15" s="280">
        <v>1</v>
      </c>
      <c r="CR15" s="280">
        <v>6</v>
      </c>
      <c r="CS15" s="280">
        <v>4</v>
      </c>
      <c r="CT15" s="280">
        <v>5</v>
      </c>
      <c r="CU15" s="280">
        <v>1</v>
      </c>
      <c r="CV15" s="277">
        <v>17</v>
      </c>
      <c r="CW15" s="282">
        <v>17</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470</v>
      </c>
      <c r="DU15" s="280">
        <v>785</v>
      </c>
      <c r="DV15" s="277">
        <v>1255</v>
      </c>
      <c r="DW15" s="279">
        <v>0</v>
      </c>
      <c r="DX15" s="280">
        <v>546</v>
      </c>
      <c r="DY15" s="280">
        <v>920</v>
      </c>
      <c r="DZ15" s="280">
        <v>689</v>
      </c>
      <c r="EA15" s="280">
        <v>622</v>
      </c>
      <c r="EB15" s="280">
        <v>352</v>
      </c>
      <c r="EC15" s="277">
        <v>3129</v>
      </c>
      <c r="ED15" s="282">
        <v>4384</v>
      </c>
      <c r="EE15" s="276">
        <v>51</v>
      </c>
      <c r="EF15" s="280">
        <v>43</v>
      </c>
      <c r="EG15" s="277">
        <v>94</v>
      </c>
      <c r="EH15" s="279">
        <v>0</v>
      </c>
      <c r="EI15" s="280">
        <v>103</v>
      </c>
      <c r="EJ15" s="280">
        <v>104</v>
      </c>
      <c r="EK15" s="280">
        <v>100</v>
      </c>
      <c r="EL15" s="280">
        <v>117</v>
      </c>
      <c r="EM15" s="280">
        <v>81</v>
      </c>
      <c r="EN15" s="277">
        <v>505</v>
      </c>
      <c r="EO15" s="282">
        <v>599</v>
      </c>
      <c r="EP15" s="276">
        <v>667</v>
      </c>
      <c r="EQ15" s="280">
        <v>936</v>
      </c>
      <c r="ER15" s="277">
        <v>1603</v>
      </c>
      <c r="ES15" s="279">
        <v>0</v>
      </c>
      <c r="ET15" s="280">
        <v>1439</v>
      </c>
      <c r="EU15" s="280">
        <v>1210</v>
      </c>
      <c r="EV15" s="280">
        <v>798</v>
      </c>
      <c r="EW15" s="280">
        <v>623</v>
      </c>
      <c r="EX15" s="280">
        <v>346</v>
      </c>
      <c r="EY15" s="277">
        <v>4416</v>
      </c>
      <c r="EZ15" s="282">
        <v>6019</v>
      </c>
    </row>
    <row r="16" spans="2:156" ht="19.5" customHeight="1" x14ac:dyDescent="0.2">
      <c r="B16" s="261" t="s">
        <v>13</v>
      </c>
      <c r="C16" s="276">
        <v>0</v>
      </c>
      <c r="D16" s="280">
        <v>0</v>
      </c>
      <c r="E16" s="384">
        <v>0</v>
      </c>
      <c r="F16" s="279">
        <v>0</v>
      </c>
      <c r="G16" s="280">
        <v>212</v>
      </c>
      <c r="H16" s="280">
        <v>219</v>
      </c>
      <c r="I16" s="280">
        <v>136</v>
      </c>
      <c r="J16" s="280">
        <v>109</v>
      </c>
      <c r="K16" s="280">
        <v>100</v>
      </c>
      <c r="L16" s="281">
        <v>776</v>
      </c>
      <c r="M16" s="282">
        <v>776</v>
      </c>
      <c r="N16" s="276">
        <v>0</v>
      </c>
      <c r="O16" s="280">
        <v>0</v>
      </c>
      <c r="P16" s="277">
        <v>0</v>
      </c>
      <c r="Q16" s="279">
        <v>0</v>
      </c>
      <c r="R16" s="280">
        <v>1</v>
      </c>
      <c r="S16" s="280">
        <v>4</v>
      </c>
      <c r="T16" s="280">
        <v>5</v>
      </c>
      <c r="U16" s="280">
        <v>14</v>
      </c>
      <c r="V16" s="280">
        <v>27</v>
      </c>
      <c r="W16" s="277">
        <v>51</v>
      </c>
      <c r="X16" s="282">
        <v>51</v>
      </c>
      <c r="Y16" s="276">
        <v>9</v>
      </c>
      <c r="Z16" s="280">
        <v>23</v>
      </c>
      <c r="AA16" s="277">
        <v>32</v>
      </c>
      <c r="AB16" s="279">
        <v>0</v>
      </c>
      <c r="AC16" s="280">
        <v>104</v>
      </c>
      <c r="AD16" s="280">
        <v>131</v>
      </c>
      <c r="AE16" s="280">
        <v>82</v>
      </c>
      <c r="AF16" s="280">
        <v>88</v>
      </c>
      <c r="AG16" s="280">
        <v>88</v>
      </c>
      <c r="AH16" s="277">
        <v>493</v>
      </c>
      <c r="AI16" s="282">
        <v>525</v>
      </c>
      <c r="AJ16" s="276">
        <v>1</v>
      </c>
      <c r="AK16" s="280">
        <v>6</v>
      </c>
      <c r="AL16" s="277">
        <v>7</v>
      </c>
      <c r="AM16" s="279">
        <v>0</v>
      </c>
      <c r="AN16" s="280">
        <v>15</v>
      </c>
      <c r="AO16" s="280">
        <v>26</v>
      </c>
      <c r="AP16" s="280">
        <v>8</v>
      </c>
      <c r="AQ16" s="280">
        <v>14</v>
      </c>
      <c r="AR16" s="280">
        <v>8</v>
      </c>
      <c r="AS16" s="277">
        <v>71</v>
      </c>
      <c r="AT16" s="282">
        <v>78</v>
      </c>
      <c r="AU16" s="276">
        <v>37</v>
      </c>
      <c r="AV16" s="280">
        <v>31</v>
      </c>
      <c r="AW16" s="277">
        <v>68</v>
      </c>
      <c r="AX16" s="279">
        <v>0</v>
      </c>
      <c r="AY16" s="280">
        <v>168</v>
      </c>
      <c r="AZ16" s="280">
        <v>185</v>
      </c>
      <c r="BA16" s="280">
        <v>180</v>
      </c>
      <c r="BB16" s="280">
        <v>179</v>
      </c>
      <c r="BC16" s="280">
        <v>146</v>
      </c>
      <c r="BD16" s="281">
        <v>858</v>
      </c>
      <c r="BE16" s="282">
        <v>926</v>
      </c>
      <c r="BF16" s="276">
        <v>0</v>
      </c>
      <c r="BG16" s="280">
        <v>0</v>
      </c>
      <c r="BH16" s="277">
        <v>0</v>
      </c>
      <c r="BI16" s="279">
        <v>0</v>
      </c>
      <c r="BJ16" s="280">
        <v>170</v>
      </c>
      <c r="BK16" s="280">
        <v>167</v>
      </c>
      <c r="BL16" s="280">
        <v>108</v>
      </c>
      <c r="BM16" s="280">
        <v>62</v>
      </c>
      <c r="BN16" s="280">
        <v>31</v>
      </c>
      <c r="BO16" s="277">
        <v>538</v>
      </c>
      <c r="BP16" s="282">
        <v>538</v>
      </c>
      <c r="BQ16" s="276">
        <v>13</v>
      </c>
      <c r="BR16" s="280">
        <v>25</v>
      </c>
      <c r="BS16" s="277">
        <v>38</v>
      </c>
      <c r="BT16" s="279">
        <v>0</v>
      </c>
      <c r="BU16" s="280">
        <v>29</v>
      </c>
      <c r="BV16" s="280">
        <v>38</v>
      </c>
      <c r="BW16" s="280">
        <v>25</v>
      </c>
      <c r="BX16" s="280">
        <v>20</v>
      </c>
      <c r="BY16" s="280">
        <v>10</v>
      </c>
      <c r="BZ16" s="277">
        <v>122</v>
      </c>
      <c r="CA16" s="282">
        <v>160</v>
      </c>
      <c r="CB16" s="276">
        <v>0</v>
      </c>
      <c r="CC16" s="280">
        <v>1</v>
      </c>
      <c r="CD16" s="277">
        <v>1</v>
      </c>
      <c r="CE16" s="279">
        <v>0</v>
      </c>
      <c r="CF16" s="280">
        <v>17</v>
      </c>
      <c r="CG16" s="280">
        <v>19</v>
      </c>
      <c r="CH16" s="280">
        <v>33</v>
      </c>
      <c r="CI16" s="280">
        <v>30</v>
      </c>
      <c r="CJ16" s="280">
        <v>30</v>
      </c>
      <c r="CK16" s="277">
        <v>129</v>
      </c>
      <c r="CL16" s="282">
        <v>130</v>
      </c>
      <c r="CM16" s="276">
        <v>0</v>
      </c>
      <c r="CN16" s="280">
        <v>0</v>
      </c>
      <c r="CO16" s="277">
        <v>0</v>
      </c>
      <c r="CP16" s="279">
        <v>0</v>
      </c>
      <c r="CQ16" s="280">
        <v>2</v>
      </c>
      <c r="CR16" s="280">
        <v>1</v>
      </c>
      <c r="CS16" s="280">
        <v>4</v>
      </c>
      <c r="CT16" s="280">
        <v>1</v>
      </c>
      <c r="CU16" s="280">
        <v>1</v>
      </c>
      <c r="CV16" s="277">
        <v>9</v>
      </c>
      <c r="CW16" s="282">
        <v>9</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70</v>
      </c>
      <c r="DU16" s="280">
        <v>165</v>
      </c>
      <c r="DV16" s="277">
        <v>235</v>
      </c>
      <c r="DW16" s="279">
        <v>0</v>
      </c>
      <c r="DX16" s="280">
        <v>251</v>
      </c>
      <c r="DY16" s="280">
        <v>403</v>
      </c>
      <c r="DZ16" s="280">
        <v>225</v>
      </c>
      <c r="EA16" s="280">
        <v>210</v>
      </c>
      <c r="EB16" s="280">
        <v>144</v>
      </c>
      <c r="EC16" s="277">
        <v>1233</v>
      </c>
      <c r="ED16" s="282">
        <v>1468</v>
      </c>
      <c r="EE16" s="276">
        <v>27</v>
      </c>
      <c r="EF16" s="280">
        <v>19</v>
      </c>
      <c r="EG16" s="277">
        <v>46</v>
      </c>
      <c r="EH16" s="279">
        <v>0</v>
      </c>
      <c r="EI16" s="280">
        <v>86</v>
      </c>
      <c r="EJ16" s="280">
        <v>59</v>
      </c>
      <c r="EK16" s="280">
        <v>71</v>
      </c>
      <c r="EL16" s="280">
        <v>64</v>
      </c>
      <c r="EM16" s="280">
        <v>46</v>
      </c>
      <c r="EN16" s="277">
        <v>326</v>
      </c>
      <c r="EO16" s="282">
        <v>372</v>
      </c>
      <c r="EP16" s="276">
        <v>88</v>
      </c>
      <c r="EQ16" s="280">
        <v>195</v>
      </c>
      <c r="ER16" s="277">
        <v>283</v>
      </c>
      <c r="ES16" s="279">
        <v>0</v>
      </c>
      <c r="ET16" s="280">
        <v>556</v>
      </c>
      <c r="EU16" s="280">
        <v>530</v>
      </c>
      <c r="EV16" s="280">
        <v>298</v>
      </c>
      <c r="EW16" s="280">
        <v>235</v>
      </c>
      <c r="EX16" s="280">
        <v>162</v>
      </c>
      <c r="EY16" s="277">
        <v>1781</v>
      </c>
      <c r="EZ16" s="282">
        <v>2064</v>
      </c>
    </row>
    <row r="17" spans="2:156" ht="19.5" customHeight="1" x14ac:dyDescent="0.2">
      <c r="B17" s="261" t="s">
        <v>15</v>
      </c>
      <c r="C17" s="276">
        <v>0</v>
      </c>
      <c r="D17" s="280">
        <v>0</v>
      </c>
      <c r="E17" s="384">
        <v>0</v>
      </c>
      <c r="F17" s="279">
        <v>0</v>
      </c>
      <c r="G17" s="280">
        <v>104</v>
      </c>
      <c r="H17" s="280">
        <v>158</v>
      </c>
      <c r="I17" s="280">
        <v>75</v>
      </c>
      <c r="J17" s="280">
        <v>49</v>
      </c>
      <c r="K17" s="280">
        <v>51</v>
      </c>
      <c r="L17" s="281">
        <v>437</v>
      </c>
      <c r="M17" s="282">
        <v>437</v>
      </c>
      <c r="N17" s="276">
        <v>0</v>
      </c>
      <c r="O17" s="280">
        <v>0</v>
      </c>
      <c r="P17" s="277">
        <v>0</v>
      </c>
      <c r="Q17" s="279">
        <v>0</v>
      </c>
      <c r="R17" s="280">
        <v>0</v>
      </c>
      <c r="S17" s="280">
        <v>2</v>
      </c>
      <c r="T17" s="280">
        <v>7</v>
      </c>
      <c r="U17" s="280">
        <v>17</v>
      </c>
      <c r="V17" s="280">
        <v>31</v>
      </c>
      <c r="W17" s="277">
        <v>57</v>
      </c>
      <c r="X17" s="282">
        <v>57</v>
      </c>
      <c r="Y17" s="276">
        <v>2</v>
      </c>
      <c r="Z17" s="280">
        <v>13</v>
      </c>
      <c r="AA17" s="277">
        <v>15</v>
      </c>
      <c r="AB17" s="279">
        <v>0</v>
      </c>
      <c r="AC17" s="280">
        <v>43</v>
      </c>
      <c r="AD17" s="280">
        <v>78</v>
      </c>
      <c r="AE17" s="280">
        <v>43</v>
      </c>
      <c r="AF17" s="280">
        <v>40</v>
      </c>
      <c r="AG17" s="280">
        <v>47</v>
      </c>
      <c r="AH17" s="277">
        <v>251</v>
      </c>
      <c r="AI17" s="282">
        <v>266</v>
      </c>
      <c r="AJ17" s="276">
        <v>0</v>
      </c>
      <c r="AK17" s="280">
        <v>1</v>
      </c>
      <c r="AL17" s="277">
        <v>1</v>
      </c>
      <c r="AM17" s="279">
        <v>0</v>
      </c>
      <c r="AN17" s="280">
        <v>6</v>
      </c>
      <c r="AO17" s="280">
        <v>12</v>
      </c>
      <c r="AP17" s="280">
        <v>7</v>
      </c>
      <c r="AQ17" s="280">
        <v>3</v>
      </c>
      <c r="AR17" s="280">
        <v>6</v>
      </c>
      <c r="AS17" s="277">
        <v>34</v>
      </c>
      <c r="AT17" s="282">
        <v>35</v>
      </c>
      <c r="AU17" s="276">
        <v>10</v>
      </c>
      <c r="AV17" s="280">
        <v>13</v>
      </c>
      <c r="AW17" s="277">
        <v>23</v>
      </c>
      <c r="AX17" s="279">
        <v>0</v>
      </c>
      <c r="AY17" s="280">
        <v>106</v>
      </c>
      <c r="AZ17" s="280">
        <v>109</v>
      </c>
      <c r="BA17" s="280">
        <v>103</v>
      </c>
      <c r="BB17" s="280">
        <v>95</v>
      </c>
      <c r="BC17" s="280">
        <v>74</v>
      </c>
      <c r="BD17" s="281">
        <v>487</v>
      </c>
      <c r="BE17" s="282">
        <v>510</v>
      </c>
      <c r="BF17" s="276">
        <v>0</v>
      </c>
      <c r="BG17" s="280">
        <v>0</v>
      </c>
      <c r="BH17" s="277">
        <v>0</v>
      </c>
      <c r="BI17" s="279">
        <v>0</v>
      </c>
      <c r="BJ17" s="280">
        <v>97</v>
      </c>
      <c r="BK17" s="280">
        <v>144</v>
      </c>
      <c r="BL17" s="280">
        <v>57</v>
      </c>
      <c r="BM17" s="280">
        <v>23</v>
      </c>
      <c r="BN17" s="280">
        <v>15</v>
      </c>
      <c r="BO17" s="277">
        <v>336</v>
      </c>
      <c r="BP17" s="282">
        <v>336</v>
      </c>
      <c r="BQ17" s="276">
        <v>1</v>
      </c>
      <c r="BR17" s="280">
        <v>6</v>
      </c>
      <c r="BS17" s="277">
        <v>7</v>
      </c>
      <c r="BT17" s="279">
        <v>0</v>
      </c>
      <c r="BU17" s="280">
        <v>30</v>
      </c>
      <c r="BV17" s="280">
        <v>32</v>
      </c>
      <c r="BW17" s="280">
        <v>24</v>
      </c>
      <c r="BX17" s="280">
        <v>13</v>
      </c>
      <c r="BY17" s="280">
        <v>6</v>
      </c>
      <c r="BZ17" s="277">
        <v>105</v>
      </c>
      <c r="CA17" s="282">
        <v>112</v>
      </c>
      <c r="CB17" s="276">
        <v>0</v>
      </c>
      <c r="CC17" s="280">
        <v>0</v>
      </c>
      <c r="CD17" s="277">
        <v>0</v>
      </c>
      <c r="CE17" s="279">
        <v>0</v>
      </c>
      <c r="CF17" s="280">
        <v>4</v>
      </c>
      <c r="CG17" s="280">
        <v>29</v>
      </c>
      <c r="CH17" s="280">
        <v>41</v>
      </c>
      <c r="CI17" s="280">
        <v>39</v>
      </c>
      <c r="CJ17" s="280">
        <v>19</v>
      </c>
      <c r="CK17" s="277">
        <v>132</v>
      </c>
      <c r="CL17" s="282">
        <v>132</v>
      </c>
      <c r="CM17" s="276">
        <v>0</v>
      </c>
      <c r="CN17" s="280">
        <v>0</v>
      </c>
      <c r="CO17" s="277">
        <v>0</v>
      </c>
      <c r="CP17" s="279">
        <v>0</v>
      </c>
      <c r="CQ17" s="280">
        <v>3</v>
      </c>
      <c r="CR17" s="280">
        <v>2</v>
      </c>
      <c r="CS17" s="280">
        <v>2</v>
      </c>
      <c r="CT17" s="280">
        <v>1</v>
      </c>
      <c r="CU17" s="280">
        <v>0</v>
      </c>
      <c r="CV17" s="277">
        <v>8</v>
      </c>
      <c r="CW17" s="282">
        <v>8</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56</v>
      </c>
      <c r="DU17" s="280">
        <v>165</v>
      </c>
      <c r="DV17" s="277">
        <v>221</v>
      </c>
      <c r="DW17" s="279">
        <v>0</v>
      </c>
      <c r="DX17" s="280">
        <v>191</v>
      </c>
      <c r="DY17" s="280">
        <v>345</v>
      </c>
      <c r="DZ17" s="280">
        <v>183</v>
      </c>
      <c r="EA17" s="280">
        <v>136</v>
      </c>
      <c r="EB17" s="280">
        <v>83</v>
      </c>
      <c r="EC17" s="277">
        <v>938</v>
      </c>
      <c r="ED17" s="282">
        <v>1159</v>
      </c>
      <c r="EE17" s="276">
        <v>15</v>
      </c>
      <c r="EF17" s="280">
        <v>14</v>
      </c>
      <c r="EG17" s="277">
        <v>29</v>
      </c>
      <c r="EH17" s="279">
        <v>0</v>
      </c>
      <c r="EI17" s="280">
        <v>56</v>
      </c>
      <c r="EJ17" s="280">
        <v>36</v>
      </c>
      <c r="EK17" s="280">
        <v>31</v>
      </c>
      <c r="EL17" s="280">
        <v>40</v>
      </c>
      <c r="EM17" s="280">
        <v>20</v>
      </c>
      <c r="EN17" s="277">
        <v>183</v>
      </c>
      <c r="EO17" s="282">
        <v>212</v>
      </c>
      <c r="EP17" s="276">
        <v>57</v>
      </c>
      <c r="EQ17" s="280">
        <v>168</v>
      </c>
      <c r="ER17" s="277">
        <v>225</v>
      </c>
      <c r="ES17" s="279">
        <v>0</v>
      </c>
      <c r="ET17" s="280">
        <v>357</v>
      </c>
      <c r="EU17" s="280">
        <v>465</v>
      </c>
      <c r="EV17" s="280">
        <v>229</v>
      </c>
      <c r="EW17" s="280">
        <v>153</v>
      </c>
      <c r="EX17" s="280">
        <v>95</v>
      </c>
      <c r="EY17" s="277">
        <v>1299</v>
      </c>
      <c r="EZ17" s="282">
        <v>1524</v>
      </c>
    </row>
    <row r="18" spans="2:156" ht="19.5" customHeight="1" x14ac:dyDescent="0.2">
      <c r="B18" s="261" t="s">
        <v>16</v>
      </c>
      <c r="C18" s="276">
        <v>0</v>
      </c>
      <c r="D18" s="280">
        <v>0</v>
      </c>
      <c r="E18" s="384">
        <v>0</v>
      </c>
      <c r="F18" s="279">
        <v>0</v>
      </c>
      <c r="G18" s="280">
        <v>217</v>
      </c>
      <c r="H18" s="280">
        <v>308</v>
      </c>
      <c r="I18" s="280">
        <v>171</v>
      </c>
      <c r="J18" s="280">
        <v>147</v>
      </c>
      <c r="K18" s="280">
        <v>85</v>
      </c>
      <c r="L18" s="281">
        <v>928</v>
      </c>
      <c r="M18" s="282">
        <v>928</v>
      </c>
      <c r="N18" s="276">
        <v>0</v>
      </c>
      <c r="O18" s="280">
        <v>0</v>
      </c>
      <c r="P18" s="277">
        <v>0</v>
      </c>
      <c r="Q18" s="279">
        <v>0</v>
      </c>
      <c r="R18" s="280">
        <v>1</v>
      </c>
      <c r="S18" s="280">
        <v>12</v>
      </c>
      <c r="T18" s="280">
        <v>17</v>
      </c>
      <c r="U18" s="280">
        <v>28</v>
      </c>
      <c r="V18" s="280">
        <v>51</v>
      </c>
      <c r="W18" s="277">
        <v>109</v>
      </c>
      <c r="X18" s="282">
        <v>109</v>
      </c>
      <c r="Y18" s="276">
        <v>26</v>
      </c>
      <c r="Z18" s="280">
        <v>53</v>
      </c>
      <c r="AA18" s="277">
        <v>79</v>
      </c>
      <c r="AB18" s="279">
        <v>0</v>
      </c>
      <c r="AC18" s="280">
        <v>155</v>
      </c>
      <c r="AD18" s="280">
        <v>266</v>
      </c>
      <c r="AE18" s="280">
        <v>173</v>
      </c>
      <c r="AF18" s="280">
        <v>155</v>
      </c>
      <c r="AG18" s="280">
        <v>105</v>
      </c>
      <c r="AH18" s="277">
        <v>854</v>
      </c>
      <c r="AI18" s="282">
        <v>933</v>
      </c>
      <c r="AJ18" s="276">
        <v>0</v>
      </c>
      <c r="AK18" s="280">
        <v>9</v>
      </c>
      <c r="AL18" s="277">
        <v>9</v>
      </c>
      <c r="AM18" s="279">
        <v>0</v>
      </c>
      <c r="AN18" s="280">
        <v>11</v>
      </c>
      <c r="AO18" s="280">
        <v>19</v>
      </c>
      <c r="AP18" s="280">
        <v>20</v>
      </c>
      <c r="AQ18" s="280">
        <v>11</v>
      </c>
      <c r="AR18" s="280">
        <v>9</v>
      </c>
      <c r="AS18" s="277">
        <v>70</v>
      </c>
      <c r="AT18" s="282">
        <v>79</v>
      </c>
      <c r="AU18" s="276">
        <v>40</v>
      </c>
      <c r="AV18" s="280">
        <v>23</v>
      </c>
      <c r="AW18" s="277">
        <v>63</v>
      </c>
      <c r="AX18" s="279">
        <v>0</v>
      </c>
      <c r="AY18" s="280">
        <v>203</v>
      </c>
      <c r="AZ18" s="280">
        <v>267</v>
      </c>
      <c r="BA18" s="280">
        <v>269</v>
      </c>
      <c r="BB18" s="280">
        <v>279</v>
      </c>
      <c r="BC18" s="280">
        <v>217</v>
      </c>
      <c r="BD18" s="281">
        <v>1235</v>
      </c>
      <c r="BE18" s="282">
        <v>1298</v>
      </c>
      <c r="BF18" s="276">
        <v>0</v>
      </c>
      <c r="BG18" s="280">
        <v>0</v>
      </c>
      <c r="BH18" s="277">
        <v>0</v>
      </c>
      <c r="BI18" s="279">
        <v>0</v>
      </c>
      <c r="BJ18" s="280">
        <v>292</v>
      </c>
      <c r="BK18" s="280">
        <v>417</v>
      </c>
      <c r="BL18" s="280">
        <v>254</v>
      </c>
      <c r="BM18" s="280">
        <v>148</v>
      </c>
      <c r="BN18" s="280">
        <v>78</v>
      </c>
      <c r="BO18" s="277">
        <v>1189</v>
      </c>
      <c r="BP18" s="282">
        <v>1189</v>
      </c>
      <c r="BQ18" s="276">
        <v>43</v>
      </c>
      <c r="BR18" s="280">
        <v>91</v>
      </c>
      <c r="BS18" s="277">
        <v>134</v>
      </c>
      <c r="BT18" s="279">
        <v>0</v>
      </c>
      <c r="BU18" s="280">
        <v>169</v>
      </c>
      <c r="BV18" s="280">
        <v>250</v>
      </c>
      <c r="BW18" s="280">
        <v>110</v>
      </c>
      <c r="BX18" s="280">
        <v>64</v>
      </c>
      <c r="BY18" s="280">
        <v>17</v>
      </c>
      <c r="BZ18" s="277">
        <v>610</v>
      </c>
      <c r="CA18" s="282">
        <v>744</v>
      </c>
      <c r="CB18" s="276">
        <v>0</v>
      </c>
      <c r="CC18" s="280">
        <v>5</v>
      </c>
      <c r="CD18" s="277">
        <v>5</v>
      </c>
      <c r="CE18" s="279">
        <v>0</v>
      </c>
      <c r="CF18" s="280">
        <v>28</v>
      </c>
      <c r="CG18" s="280">
        <v>79</v>
      </c>
      <c r="CH18" s="280">
        <v>98</v>
      </c>
      <c r="CI18" s="280">
        <v>52</v>
      </c>
      <c r="CJ18" s="280">
        <v>23</v>
      </c>
      <c r="CK18" s="277">
        <v>280</v>
      </c>
      <c r="CL18" s="282">
        <v>285</v>
      </c>
      <c r="CM18" s="276">
        <v>0</v>
      </c>
      <c r="CN18" s="280">
        <v>0</v>
      </c>
      <c r="CO18" s="277">
        <v>0</v>
      </c>
      <c r="CP18" s="279">
        <v>0</v>
      </c>
      <c r="CQ18" s="280">
        <v>4</v>
      </c>
      <c r="CR18" s="280">
        <v>5</v>
      </c>
      <c r="CS18" s="280">
        <v>12</v>
      </c>
      <c r="CT18" s="280">
        <v>8</v>
      </c>
      <c r="CU18" s="280">
        <v>4</v>
      </c>
      <c r="CV18" s="277">
        <v>33</v>
      </c>
      <c r="CW18" s="282">
        <v>33</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65</v>
      </c>
      <c r="DU18" s="280">
        <v>307</v>
      </c>
      <c r="DV18" s="277">
        <v>472</v>
      </c>
      <c r="DW18" s="279">
        <v>0</v>
      </c>
      <c r="DX18" s="280">
        <v>394</v>
      </c>
      <c r="DY18" s="280">
        <v>869</v>
      </c>
      <c r="DZ18" s="280">
        <v>491</v>
      </c>
      <c r="EA18" s="280">
        <v>379</v>
      </c>
      <c r="EB18" s="280">
        <v>211</v>
      </c>
      <c r="EC18" s="277">
        <v>2344</v>
      </c>
      <c r="ED18" s="282">
        <v>2816</v>
      </c>
      <c r="EE18" s="276">
        <v>28</v>
      </c>
      <c r="EF18" s="280">
        <v>18</v>
      </c>
      <c r="EG18" s="277">
        <v>46</v>
      </c>
      <c r="EH18" s="279">
        <v>0</v>
      </c>
      <c r="EI18" s="280">
        <v>103</v>
      </c>
      <c r="EJ18" s="280">
        <v>99</v>
      </c>
      <c r="EK18" s="280">
        <v>92</v>
      </c>
      <c r="EL18" s="280">
        <v>109</v>
      </c>
      <c r="EM18" s="280">
        <v>90</v>
      </c>
      <c r="EN18" s="277">
        <v>493</v>
      </c>
      <c r="EO18" s="282">
        <v>539</v>
      </c>
      <c r="EP18" s="276">
        <v>211</v>
      </c>
      <c r="EQ18" s="280">
        <v>380</v>
      </c>
      <c r="ER18" s="277">
        <v>591</v>
      </c>
      <c r="ES18" s="279">
        <v>0</v>
      </c>
      <c r="ET18" s="280">
        <v>832</v>
      </c>
      <c r="EU18" s="280">
        <v>1166</v>
      </c>
      <c r="EV18" s="280">
        <v>612</v>
      </c>
      <c r="EW18" s="280">
        <v>396</v>
      </c>
      <c r="EX18" s="280">
        <v>218</v>
      </c>
      <c r="EY18" s="277">
        <v>3224</v>
      </c>
      <c r="EZ18" s="282">
        <v>3815</v>
      </c>
    </row>
    <row r="19" spans="2:156" ht="19.5" customHeight="1" x14ac:dyDescent="0.2">
      <c r="B19" s="261" t="s">
        <v>17</v>
      </c>
      <c r="C19" s="276">
        <v>0</v>
      </c>
      <c r="D19" s="280">
        <v>0</v>
      </c>
      <c r="E19" s="384">
        <v>0</v>
      </c>
      <c r="F19" s="279">
        <v>0</v>
      </c>
      <c r="G19" s="280">
        <v>233</v>
      </c>
      <c r="H19" s="280">
        <v>439</v>
      </c>
      <c r="I19" s="280">
        <v>252</v>
      </c>
      <c r="J19" s="280">
        <v>210</v>
      </c>
      <c r="K19" s="280">
        <v>161</v>
      </c>
      <c r="L19" s="281">
        <v>1295</v>
      </c>
      <c r="M19" s="282">
        <v>1295</v>
      </c>
      <c r="N19" s="276">
        <v>0</v>
      </c>
      <c r="O19" s="280">
        <v>1</v>
      </c>
      <c r="P19" s="277">
        <v>1</v>
      </c>
      <c r="Q19" s="279">
        <v>0</v>
      </c>
      <c r="R19" s="280">
        <v>4</v>
      </c>
      <c r="S19" s="280">
        <v>5</v>
      </c>
      <c r="T19" s="280">
        <v>15</v>
      </c>
      <c r="U19" s="280">
        <v>42</v>
      </c>
      <c r="V19" s="280">
        <v>69</v>
      </c>
      <c r="W19" s="277">
        <v>135</v>
      </c>
      <c r="X19" s="282">
        <v>136</v>
      </c>
      <c r="Y19" s="276">
        <v>28</v>
      </c>
      <c r="Z19" s="280">
        <v>81</v>
      </c>
      <c r="AA19" s="277">
        <v>109</v>
      </c>
      <c r="AB19" s="279">
        <v>0</v>
      </c>
      <c r="AC19" s="280">
        <v>168</v>
      </c>
      <c r="AD19" s="280">
        <v>299</v>
      </c>
      <c r="AE19" s="280">
        <v>200</v>
      </c>
      <c r="AF19" s="280">
        <v>176</v>
      </c>
      <c r="AG19" s="280">
        <v>148</v>
      </c>
      <c r="AH19" s="277">
        <v>991</v>
      </c>
      <c r="AI19" s="282">
        <v>1100</v>
      </c>
      <c r="AJ19" s="276">
        <v>2</v>
      </c>
      <c r="AK19" s="280">
        <v>7</v>
      </c>
      <c r="AL19" s="277">
        <v>9</v>
      </c>
      <c r="AM19" s="279">
        <v>0</v>
      </c>
      <c r="AN19" s="280">
        <v>10</v>
      </c>
      <c r="AO19" s="280">
        <v>36</v>
      </c>
      <c r="AP19" s="280">
        <v>22</v>
      </c>
      <c r="AQ19" s="280">
        <v>15</v>
      </c>
      <c r="AR19" s="280">
        <v>10</v>
      </c>
      <c r="AS19" s="277">
        <v>93</v>
      </c>
      <c r="AT19" s="282">
        <v>102</v>
      </c>
      <c r="AU19" s="276">
        <v>39</v>
      </c>
      <c r="AV19" s="280">
        <v>59</v>
      </c>
      <c r="AW19" s="277">
        <v>98</v>
      </c>
      <c r="AX19" s="279">
        <v>0</v>
      </c>
      <c r="AY19" s="280">
        <v>258</v>
      </c>
      <c r="AZ19" s="280">
        <v>450</v>
      </c>
      <c r="BA19" s="280">
        <v>368</v>
      </c>
      <c r="BB19" s="280">
        <v>383</v>
      </c>
      <c r="BC19" s="280">
        <v>317</v>
      </c>
      <c r="BD19" s="281">
        <v>1776</v>
      </c>
      <c r="BE19" s="282">
        <v>1874</v>
      </c>
      <c r="BF19" s="276">
        <v>0</v>
      </c>
      <c r="BG19" s="280">
        <v>0</v>
      </c>
      <c r="BH19" s="277">
        <v>0</v>
      </c>
      <c r="BI19" s="279">
        <v>0</v>
      </c>
      <c r="BJ19" s="280">
        <v>348</v>
      </c>
      <c r="BK19" s="280">
        <v>506</v>
      </c>
      <c r="BL19" s="280">
        <v>283</v>
      </c>
      <c r="BM19" s="280">
        <v>161</v>
      </c>
      <c r="BN19" s="280">
        <v>80</v>
      </c>
      <c r="BO19" s="277">
        <v>1378</v>
      </c>
      <c r="BP19" s="282">
        <v>1378</v>
      </c>
      <c r="BQ19" s="276">
        <v>29</v>
      </c>
      <c r="BR19" s="280">
        <v>71</v>
      </c>
      <c r="BS19" s="277">
        <v>100</v>
      </c>
      <c r="BT19" s="279">
        <v>0</v>
      </c>
      <c r="BU19" s="280">
        <v>71</v>
      </c>
      <c r="BV19" s="280">
        <v>180</v>
      </c>
      <c r="BW19" s="280">
        <v>70</v>
      </c>
      <c r="BX19" s="280">
        <v>47</v>
      </c>
      <c r="BY19" s="280">
        <v>23</v>
      </c>
      <c r="BZ19" s="277">
        <v>391</v>
      </c>
      <c r="CA19" s="282">
        <v>491</v>
      </c>
      <c r="CB19" s="276">
        <v>3</v>
      </c>
      <c r="CC19" s="280">
        <v>8</v>
      </c>
      <c r="CD19" s="277">
        <v>11</v>
      </c>
      <c r="CE19" s="279">
        <v>0</v>
      </c>
      <c r="CF19" s="280">
        <v>42</v>
      </c>
      <c r="CG19" s="280">
        <v>78</v>
      </c>
      <c r="CH19" s="280">
        <v>91</v>
      </c>
      <c r="CI19" s="280">
        <v>72</v>
      </c>
      <c r="CJ19" s="280">
        <v>47</v>
      </c>
      <c r="CK19" s="277">
        <v>330</v>
      </c>
      <c r="CL19" s="282">
        <v>341</v>
      </c>
      <c r="CM19" s="276">
        <v>0</v>
      </c>
      <c r="CN19" s="280">
        <v>0</v>
      </c>
      <c r="CO19" s="277">
        <v>0</v>
      </c>
      <c r="CP19" s="279">
        <v>0</v>
      </c>
      <c r="CQ19" s="280">
        <v>4</v>
      </c>
      <c r="CR19" s="280">
        <v>7</v>
      </c>
      <c r="CS19" s="280">
        <v>7</v>
      </c>
      <c r="CT19" s="280">
        <v>11</v>
      </c>
      <c r="CU19" s="280">
        <v>7</v>
      </c>
      <c r="CV19" s="277">
        <v>36</v>
      </c>
      <c r="CW19" s="282">
        <v>36</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94</v>
      </c>
      <c r="DU19" s="280">
        <v>472</v>
      </c>
      <c r="DV19" s="277">
        <v>666</v>
      </c>
      <c r="DW19" s="279">
        <v>0</v>
      </c>
      <c r="DX19" s="280">
        <v>413</v>
      </c>
      <c r="DY19" s="280">
        <v>1114</v>
      </c>
      <c r="DZ19" s="280">
        <v>635</v>
      </c>
      <c r="EA19" s="280">
        <v>536</v>
      </c>
      <c r="EB19" s="280">
        <v>349</v>
      </c>
      <c r="EC19" s="277">
        <v>3047</v>
      </c>
      <c r="ED19" s="282">
        <v>3713</v>
      </c>
      <c r="EE19" s="276">
        <v>29</v>
      </c>
      <c r="EF19" s="280">
        <v>37</v>
      </c>
      <c r="EG19" s="277">
        <v>66</v>
      </c>
      <c r="EH19" s="279">
        <v>0</v>
      </c>
      <c r="EI19" s="280">
        <v>97</v>
      </c>
      <c r="EJ19" s="280">
        <v>97</v>
      </c>
      <c r="EK19" s="280">
        <v>85</v>
      </c>
      <c r="EL19" s="280">
        <v>93</v>
      </c>
      <c r="EM19" s="280">
        <v>57</v>
      </c>
      <c r="EN19" s="277">
        <v>429</v>
      </c>
      <c r="EO19" s="282">
        <v>495</v>
      </c>
      <c r="EP19" s="276">
        <v>236</v>
      </c>
      <c r="EQ19" s="280">
        <v>555</v>
      </c>
      <c r="ER19" s="277">
        <v>791</v>
      </c>
      <c r="ES19" s="279">
        <v>0</v>
      </c>
      <c r="ET19" s="280">
        <v>948</v>
      </c>
      <c r="EU19" s="280">
        <v>1469</v>
      </c>
      <c r="EV19" s="280">
        <v>749</v>
      </c>
      <c r="EW19" s="280">
        <v>554</v>
      </c>
      <c r="EX19" s="280">
        <v>358</v>
      </c>
      <c r="EY19" s="277">
        <v>4078</v>
      </c>
      <c r="EZ19" s="282">
        <v>4869</v>
      </c>
    </row>
    <row r="20" spans="2:156" ht="19.5" customHeight="1" x14ac:dyDescent="0.2">
      <c r="B20" s="261" t="s">
        <v>18</v>
      </c>
      <c r="C20" s="276">
        <v>0</v>
      </c>
      <c r="D20" s="280">
        <v>0</v>
      </c>
      <c r="E20" s="384">
        <v>0</v>
      </c>
      <c r="F20" s="279">
        <v>0</v>
      </c>
      <c r="G20" s="280">
        <v>453</v>
      </c>
      <c r="H20" s="280">
        <v>469</v>
      </c>
      <c r="I20" s="280">
        <v>277</v>
      </c>
      <c r="J20" s="280">
        <v>231</v>
      </c>
      <c r="K20" s="280">
        <v>160</v>
      </c>
      <c r="L20" s="281">
        <v>1590</v>
      </c>
      <c r="M20" s="282">
        <v>1590</v>
      </c>
      <c r="N20" s="276">
        <v>0</v>
      </c>
      <c r="O20" s="280">
        <v>0</v>
      </c>
      <c r="P20" s="277">
        <v>0</v>
      </c>
      <c r="Q20" s="279">
        <v>0</v>
      </c>
      <c r="R20" s="280">
        <v>3</v>
      </c>
      <c r="S20" s="280">
        <v>12</v>
      </c>
      <c r="T20" s="280">
        <v>20</v>
      </c>
      <c r="U20" s="280">
        <v>47</v>
      </c>
      <c r="V20" s="280">
        <v>72</v>
      </c>
      <c r="W20" s="277">
        <v>154</v>
      </c>
      <c r="X20" s="282">
        <v>154</v>
      </c>
      <c r="Y20" s="276">
        <v>45</v>
      </c>
      <c r="Z20" s="280">
        <v>105</v>
      </c>
      <c r="AA20" s="277">
        <v>150</v>
      </c>
      <c r="AB20" s="279">
        <v>0</v>
      </c>
      <c r="AC20" s="280">
        <v>329</v>
      </c>
      <c r="AD20" s="280">
        <v>334</v>
      </c>
      <c r="AE20" s="280">
        <v>219</v>
      </c>
      <c r="AF20" s="280">
        <v>172</v>
      </c>
      <c r="AG20" s="280">
        <v>141</v>
      </c>
      <c r="AH20" s="277">
        <v>1195</v>
      </c>
      <c r="AI20" s="282">
        <v>1345</v>
      </c>
      <c r="AJ20" s="276">
        <v>7</v>
      </c>
      <c r="AK20" s="280">
        <v>6</v>
      </c>
      <c r="AL20" s="277">
        <v>13</v>
      </c>
      <c r="AM20" s="279">
        <v>0</v>
      </c>
      <c r="AN20" s="280">
        <v>33</v>
      </c>
      <c r="AO20" s="280">
        <v>41</v>
      </c>
      <c r="AP20" s="280">
        <v>31</v>
      </c>
      <c r="AQ20" s="280">
        <v>26</v>
      </c>
      <c r="AR20" s="280">
        <v>16</v>
      </c>
      <c r="AS20" s="277">
        <v>147</v>
      </c>
      <c r="AT20" s="282">
        <v>160</v>
      </c>
      <c r="AU20" s="276">
        <v>53</v>
      </c>
      <c r="AV20" s="280">
        <v>64</v>
      </c>
      <c r="AW20" s="277">
        <v>117</v>
      </c>
      <c r="AX20" s="279">
        <v>0</v>
      </c>
      <c r="AY20" s="280">
        <v>438</v>
      </c>
      <c r="AZ20" s="280">
        <v>502</v>
      </c>
      <c r="BA20" s="280">
        <v>451</v>
      </c>
      <c r="BB20" s="280">
        <v>435</v>
      </c>
      <c r="BC20" s="280">
        <v>345</v>
      </c>
      <c r="BD20" s="281">
        <v>2171</v>
      </c>
      <c r="BE20" s="282">
        <v>2288</v>
      </c>
      <c r="BF20" s="276">
        <v>0</v>
      </c>
      <c r="BG20" s="280">
        <v>0</v>
      </c>
      <c r="BH20" s="277">
        <v>0</v>
      </c>
      <c r="BI20" s="279">
        <v>0</v>
      </c>
      <c r="BJ20" s="280">
        <v>627</v>
      </c>
      <c r="BK20" s="280">
        <v>619</v>
      </c>
      <c r="BL20" s="280">
        <v>330</v>
      </c>
      <c r="BM20" s="280">
        <v>187</v>
      </c>
      <c r="BN20" s="280">
        <v>89</v>
      </c>
      <c r="BO20" s="277">
        <v>1852</v>
      </c>
      <c r="BP20" s="282">
        <v>1852</v>
      </c>
      <c r="BQ20" s="276">
        <v>45</v>
      </c>
      <c r="BR20" s="280">
        <v>79</v>
      </c>
      <c r="BS20" s="277">
        <v>124</v>
      </c>
      <c r="BT20" s="279">
        <v>0</v>
      </c>
      <c r="BU20" s="280">
        <v>158</v>
      </c>
      <c r="BV20" s="280">
        <v>176</v>
      </c>
      <c r="BW20" s="280">
        <v>90</v>
      </c>
      <c r="BX20" s="280">
        <v>62</v>
      </c>
      <c r="BY20" s="280">
        <v>16</v>
      </c>
      <c r="BZ20" s="277">
        <v>502</v>
      </c>
      <c r="CA20" s="282">
        <v>626</v>
      </c>
      <c r="CB20" s="276">
        <v>0</v>
      </c>
      <c r="CC20" s="280">
        <v>2</v>
      </c>
      <c r="CD20" s="277">
        <v>2</v>
      </c>
      <c r="CE20" s="279">
        <v>0</v>
      </c>
      <c r="CF20" s="280">
        <v>49</v>
      </c>
      <c r="CG20" s="280">
        <v>90</v>
      </c>
      <c r="CH20" s="280">
        <v>130</v>
      </c>
      <c r="CI20" s="280">
        <v>93</v>
      </c>
      <c r="CJ20" s="280">
        <v>43</v>
      </c>
      <c r="CK20" s="277">
        <v>405</v>
      </c>
      <c r="CL20" s="282">
        <v>407</v>
      </c>
      <c r="CM20" s="276">
        <v>0</v>
      </c>
      <c r="CN20" s="280">
        <v>0</v>
      </c>
      <c r="CO20" s="277">
        <v>0</v>
      </c>
      <c r="CP20" s="279">
        <v>0</v>
      </c>
      <c r="CQ20" s="280">
        <v>1</v>
      </c>
      <c r="CR20" s="280">
        <v>2</v>
      </c>
      <c r="CS20" s="280">
        <v>3</v>
      </c>
      <c r="CT20" s="280">
        <v>3</v>
      </c>
      <c r="CU20" s="280">
        <v>0</v>
      </c>
      <c r="CV20" s="277">
        <v>9</v>
      </c>
      <c r="CW20" s="282">
        <v>9</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219</v>
      </c>
      <c r="DU20" s="280">
        <v>479</v>
      </c>
      <c r="DV20" s="277">
        <v>698</v>
      </c>
      <c r="DW20" s="279">
        <v>0</v>
      </c>
      <c r="DX20" s="280">
        <v>764</v>
      </c>
      <c r="DY20" s="280">
        <v>1068</v>
      </c>
      <c r="DZ20" s="280">
        <v>674</v>
      </c>
      <c r="EA20" s="280">
        <v>517</v>
      </c>
      <c r="EB20" s="280">
        <v>303</v>
      </c>
      <c r="EC20" s="277">
        <v>3326</v>
      </c>
      <c r="ED20" s="282">
        <v>4024</v>
      </c>
      <c r="EE20" s="276">
        <v>23</v>
      </c>
      <c r="EF20" s="280">
        <v>14</v>
      </c>
      <c r="EG20" s="277">
        <v>37</v>
      </c>
      <c r="EH20" s="279">
        <v>0</v>
      </c>
      <c r="EI20" s="280">
        <v>130</v>
      </c>
      <c r="EJ20" s="280">
        <v>108</v>
      </c>
      <c r="EK20" s="280">
        <v>83</v>
      </c>
      <c r="EL20" s="280">
        <v>95</v>
      </c>
      <c r="EM20" s="280">
        <v>71</v>
      </c>
      <c r="EN20" s="277">
        <v>487</v>
      </c>
      <c r="EO20" s="282">
        <v>524</v>
      </c>
      <c r="EP20" s="276">
        <v>290</v>
      </c>
      <c r="EQ20" s="280">
        <v>594</v>
      </c>
      <c r="ER20" s="277">
        <v>884</v>
      </c>
      <c r="ES20" s="279">
        <v>0</v>
      </c>
      <c r="ET20" s="280">
        <v>1533</v>
      </c>
      <c r="EU20" s="280">
        <v>1433</v>
      </c>
      <c r="EV20" s="280">
        <v>826</v>
      </c>
      <c r="EW20" s="280">
        <v>542</v>
      </c>
      <c r="EX20" s="280">
        <v>301</v>
      </c>
      <c r="EY20" s="277">
        <v>4635</v>
      </c>
      <c r="EZ20" s="282">
        <v>5519</v>
      </c>
    </row>
    <row r="21" spans="2:156" ht="19.5" customHeight="1" x14ac:dyDescent="0.2">
      <c r="B21" s="261" t="s">
        <v>19</v>
      </c>
      <c r="C21" s="276">
        <v>0</v>
      </c>
      <c r="D21" s="280">
        <v>0</v>
      </c>
      <c r="E21" s="384">
        <v>0</v>
      </c>
      <c r="F21" s="279">
        <v>0</v>
      </c>
      <c r="G21" s="280">
        <v>194</v>
      </c>
      <c r="H21" s="280">
        <v>158</v>
      </c>
      <c r="I21" s="280">
        <v>88</v>
      </c>
      <c r="J21" s="280">
        <v>76</v>
      </c>
      <c r="K21" s="280">
        <v>57</v>
      </c>
      <c r="L21" s="281">
        <v>573</v>
      </c>
      <c r="M21" s="282">
        <v>573</v>
      </c>
      <c r="N21" s="276">
        <v>0</v>
      </c>
      <c r="O21" s="280">
        <v>0</v>
      </c>
      <c r="P21" s="277">
        <v>0</v>
      </c>
      <c r="Q21" s="279">
        <v>0</v>
      </c>
      <c r="R21" s="280">
        <v>4</v>
      </c>
      <c r="S21" s="280">
        <v>3</v>
      </c>
      <c r="T21" s="280">
        <v>9</v>
      </c>
      <c r="U21" s="280">
        <v>18</v>
      </c>
      <c r="V21" s="280">
        <v>29</v>
      </c>
      <c r="W21" s="277">
        <v>63</v>
      </c>
      <c r="X21" s="282">
        <v>63</v>
      </c>
      <c r="Y21" s="276">
        <v>26</v>
      </c>
      <c r="Z21" s="280">
        <v>51</v>
      </c>
      <c r="AA21" s="277">
        <v>77</v>
      </c>
      <c r="AB21" s="279">
        <v>0</v>
      </c>
      <c r="AC21" s="280">
        <v>137</v>
      </c>
      <c r="AD21" s="280">
        <v>136</v>
      </c>
      <c r="AE21" s="280">
        <v>94</v>
      </c>
      <c r="AF21" s="280">
        <v>58</v>
      </c>
      <c r="AG21" s="280">
        <v>73</v>
      </c>
      <c r="AH21" s="277">
        <v>498</v>
      </c>
      <c r="AI21" s="282">
        <v>575</v>
      </c>
      <c r="AJ21" s="276">
        <v>2</v>
      </c>
      <c r="AK21" s="280">
        <v>4</v>
      </c>
      <c r="AL21" s="277">
        <v>6</v>
      </c>
      <c r="AM21" s="279">
        <v>0</v>
      </c>
      <c r="AN21" s="280">
        <v>18</v>
      </c>
      <c r="AO21" s="280">
        <v>13</v>
      </c>
      <c r="AP21" s="280">
        <v>6</v>
      </c>
      <c r="AQ21" s="280">
        <v>9</v>
      </c>
      <c r="AR21" s="280">
        <v>5</v>
      </c>
      <c r="AS21" s="277">
        <v>51</v>
      </c>
      <c r="AT21" s="282">
        <v>57</v>
      </c>
      <c r="AU21" s="276">
        <v>44</v>
      </c>
      <c r="AV21" s="280">
        <v>32</v>
      </c>
      <c r="AW21" s="277">
        <v>76</v>
      </c>
      <c r="AX21" s="279">
        <v>0</v>
      </c>
      <c r="AY21" s="280">
        <v>176</v>
      </c>
      <c r="AZ21" s="280">
        <v>211</v>
      </c>
      <c r="BA21" s="280">
        <v>173</v>
      </c>
      <c r="BB21" s="280">
        <v>153</v>
      </c>
      <c r="BC21" s="280">
        <v>145</v>
      </c>
      <c r="BD21" s="281">
        <v>858</v>
      </c>
      <c r="BE21" s="282">
        <v>934</v>
      </c>
      <c r="BF21" s="276">
        <v>0</v>
      </c>
      <c r="BG21" s="280">
        <v>0</v>
      </c>
      <c r="BH21" s="277">
        <v>0</v>
      </c>
      <c r="BI21" s="279">
        <v>0</v>
      </c>
      <c r="BJ21" s="280">
        <v>251</v>
      </c>
      <c r="BK21" s="280">
        <v>233</v>
      </c>
      <c r="BL21" s="280">
        <v>118</v>
      </c>
      <c r="BM21" s="280">
        <v>56</v>
      </c>
      <c r="BN21" s="280">
        <v>44</v>
      </c>
      <c r="BO21" s="277">
        <v>702</v>
      </c>
      <c r="BP21" s="282">
        <v>702</v>
      </c>
      <c r="BQ21" s="276">
        <v>27</v>
      </c>
      <c r="BR21" s="280">
        <v>45</v>
      </c>
      <c r="BS21" s="277">
        <v>72</v>
      </c>
      <c r="BT21" s="279">
        <v>0</v>
      </c>
      <c r="BU21" s="280">
        <v>110</v>
      </c>
      <c r="BV21" s="280">
        <v>82</v>
      </c>
      <c r="BW21" s="280">
        <v>59</v>
      </c>
      <c r="BX21" s="280">
        <v>26</v>
      </c>
      <c r="BY21" s="280">
        <v>11</v>
      </c>
      <c r="BZ21" s="277">
        <v>288</v>
      </c>
      <c r="CA21" s="282">
        <v>360</v>
      </c>
      <c r="CB21" s="276">
        <v>0</v>
      </c>
      <c r="CC21" s="280">
        <v>2</v>
      </c>
      <c r="CD21" s="277">
        <v>2</v>
      </c>
      <c r="CE21" s="279">
        <v>0</v>
      </c>
      <c r="CF21" s="280">
        <v>19</v>
      </c>
      <c r="CG21" s="280">
        <v>52</v>
      </c>
      <c r="CH21" s="280">
        <v>54</v>
      </c>
      <c r="CI21" s="280">
        <v>22</v>
      </c>
      <c r="CJ21" s="280">
        <v>20</v>
      </c>
      <c r="CK21" s="277">
        <v>167</v>
      </c>
      <c r="CL21" s="282">
        <v>169</v>
      </c>
      <c r="CM21" s="276">
        <v>0</v>
      </c>
      <c r="CN21" s="280">
        <v>0</v>
      </c>
      <c r="CO21" s="277">
        <v>0</v>
      </c>
      <c r="CP21" s="279">
        <v>0</v>
      </c>
      <c r="CQ21" s="280">
        <v>3</v>
      </c>
      <c r="CR21" s="280">
        <v>7</v>
      </c>
      <c r="CS21" s="280">
        <v>6</v>
      </c>
      <c r="CT21" s="280">
        <v>9</v>
      </c>
      <c r="CU21" s="280">
        <v>5</v>
      </c>
      <c r="CV21" s="277">
        <v>30</v>
      </c>
      <c r="CW21" s="282">
        <v>30</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106</v>
      </c>
      <c r="DU21" s="280">
        <v>216</v>
      </c>
      <c r="DV21" s="277">
        <v>322</v>
      </c>
      <c r="DW21" s="279">
        <v>0</v>
      </c>
      <c r="DX21" s="280">
        <v>398</v>
      </c>
      <c r="DY21" s="280">
        <v>437</v>
      </c>
      <c r="DZ21" s="280">
        <v>268</v>
      </c>
      <c r="EA21" s="280">
        <v>174</v>
      </c>
      <c r="EB21" s="280">
        <v>136</v>
      </c>
      <c r="EC21" s="277">
        <v>1413</v>
      </c>
      <c r="ED21" s="282">
        <v>1735</v>
      </c>
      <c r="EE21" s="276">
        <v>15</v>
      </c>
      <c r="EF21" s="280">
        <v>13</v>
      </c>
      <c r="EG21" s="277">
        <v>28</v>
      </c>
      <c r="EH21" s="279">
        <v>0</v>
      </c>
      <c r="EI21" s="280">
        <v>70</v>
      </c>
      <c r="EJ21" s="280">
        <v>54</v>
      </c>
      <c r="EK21" s="280">
        <v>49</v>
      </c>
      <c r="EL21" s="280">
        <v>52</v>
      </c>
      <c r="EM21" s="280">
        <v>30</v>
      </c>
      <c r="EN21" s="277">
        <v>255</v>
      </c>
      <c r="EO21" s="282">
        <v>283</v>
      </c>
      <c r="EP21" s="276">
        <v>149</v>
      </c>
      <c r="EQ21" s="280">
        <v>264</v>
      </c>
      <c r="ER21" s="277">
        <v>413</v>
      </c>
      <c r="ES21" s="279">
        <v>0</v>
      </c>
      <c r="ET21" s="280">
        <v>715</v>
      </c>
      <c r="EU21" s="280">
        <v>582</v>
      </c>
      <c r="EV21" s="280">
        <v>302</v>
      </c>
      <c r="EW21" s="280">
        <v>167</v>
      </c>
      <c r="EX21" s="280">
        <v>125</v>
      </c>
      <c r="EY21" s="277">
        <v>1891</v>
      </c>
      <c r="EZ21" s="282">
        <v>2304</v>
      </c>
    </row>
    <row r="22" spans="2:156" ht="19.5" customHeight="1" x14ac:dyDescent="0.2">
      <c r="B22" s="261" t="s">
        <v>20</v>
      </c>
      <c r="C22" s="276">
        <v>0</v>
      </c>
      <c r="D22" s="280">
        <v>0</v>
      </c>
      <c r="E22" s="384">
        <v>0</v>
      </c>
      <c r="F22" s="279">
        <v>0</v>
      </c>
      <c r="G22" s="280">
        <v>261</v>
      </c>
      <c r="H22" s="280">
        <v>169</v>
      </c>
      <c r="I22" s="280">
        <v>131</v>
      </c>
      <c r="J22" s="280">
        <v>87</v>
      </c>
      <c r="K22" s="280">
        <v>58</v>
      </c>
      <c r="L22" s="281">
        <v>706</v>
      </c>
      <c r="M22" s="282">
        <v>706</v>
      </c>
      <c r="N22" s="276">
        <v>0</v>
      </c>
      <c r="O22" s="280">
        <v>0</v>
      </c>
      <c r="P22" s="277">
        <v>0</v>
      </c>
      <c r="Q22" s="279">
        <v>0</v>
      </c>
      <c r="R22" s="280">
        <v>0</v>
      </c>
      <c r="S22" s="280">
        <v>6</v>
      </c>
      <c r="T22" s="280">
        <v>12</v>
      </c>
      <c r="U22" s="280">
        <v>19</v>
      </c>
      <c r="V22" s="280">
        <v>36</v>
      </c>
      <c r="W22" s="277">
        <v>73</v>
      </c>
      <c r="X22" s="282">
        <v>73</v>
      </c>
      <c r="Y22" s="276">
        <v>35</v>
      </c>
      <c r="Z22" s="280">
        <v>82</v>
      </c>
      <c r="AA22" s="277">
        <v>117</v>
      </c>
      <c r="AB22" s="279">
        <v>0</v>
      </c>
      <c r="AC22" s="280">
        <v>232</v>
      </c>
      <c r="AD22" s="280">
        <v>171</v>
      </c>
      <c r="AE22" s="280">
        <v>113</v>
      </c>
      <c r="AF22" s="280">
        <v>80</v>
      </c>
      <c r="AG22" s="280">
        <v>50</v>
      </c>
      <c r="AH22" s="277">
        <v>646</v>
      </c>
      <c r="AI22" s="282">
        <v>763</v>
      </c>
      <c r="AJ22" s="276">
        <v>10</v>
      </c>
      <c r="AK22" s="280">
        <v>33</v>
      </c>
      <c r="AL22" s="277">
        <v>43</v>
      </c>
      <c r="AM22" s="279">
        <v>0</v>
      </c>
      <c r="AN22" s="280">
        <v>56</v>
      </c>
      <c r="AO22" s="280">
        <v>43</v>
      </c>
      <c r="AP22" s="280">
        <v>32</v>
      </c>
      <c r="AQ22" s="280">
        <v>25</v>
      </c>
      <c r="AR22" s="280">
        <v>9</v>
      </c>
      <c r="AS22" s="277">
        <v>165</v>
      </c>
      <c r="AT22" s="282">
        <v>208</v>
      </c>
      <c r="AU22" s="276">
        <v>26</v>
      </c>
      <c r="AV22" s="280">
        <v>43</v>
      </c>
      <c r="AW22" s="277">
        <v>69</v>
      </c>
      <c r="AX22" s="279">
        <v>0</v>
      </c>
      <c r="AY22" s="280">
        <v>241</v>
      </c>
      <c r="AZ22" s="280">
        <v>211</v>
      </c>
      <c r="BA22" s="280">
        <v>215</v>
      </c>
      <c r="BB22" s="280">
        <v>200</v>
      </c>
      <c r="BC22" s="280">
        <v>129</v>
      </c>
      <c r="BD22" s="281">
        <v>996</v>
      </c>
      <c r="BE22" s="282">
        <v>1065</v>
      </c>
      <c r="BF22" s="276">
        <v>0</v>
      </c>
      <c r="BG22" s="280">
        <v>0</v>
      </c>
      <c r="BH22" s="277">
        <v>0</v>
      </c>
      <c r="BI22" s="279">
        <v>0</v>
      </c>
      <c r="BJ22" s="280">
        <v>313</v>
      </c>
      <c r="BK22" s="280">
        <v>190</v>
      </c>
      <c r="BL22" s="280">
        <v>125</v>
      </c>
      <c r="BM22" s="280">
        <v>66</v>
      </c>
      <c r="BN22" s="280">
        <v>28</v>
      </c>
      <c r="BO22" s="277">
        <v>722</v>
      </c>
      <c r="BP22" s="282">
        <v>722</v>
      </c>
      <c r="BQ22" s="276">
        <v>18</v>
      </c>
      <c r="BR22" s="280">
        <v>41</v>
      </c>
      <c r="BS22" s="277">
        <v>59</v>
      </c>
      <c r="BT22" s="279">
        <v>0</v>
      </c>
      <c r="BU22" s="280">
        <v>169</v>
      </c>
      <c r="BV22" s="280">
        <v>109</v>
      </c>
      <c r="BW22" s="280">
        <v>67</v>
      </c>
      <c r="BX22" s="280">
        <v>42</v>
      </c>
      <c r="BY22" s="280">
        <v>15</v>
      </c>
      <c r="BZ22" s="277">
        <v>402</v>
      </c>
      <c r="CA22" s="282">
        <v>461</v>
      </c>
      <c r="CB22" s="276">
        <v>2</v>
      </c>
      <c r="CC22" s="280">
        <v>4</v>
      </c>
      <c r="CD22" s="277">
        <v>6</v>
      </c>
      <c r="CE22" s="279">
        <v>0</v>
      </c>
      <c r="CF22" s="280">
        <v>48</v>
      </c>
      <c r="CG22" s="280">
        <v>48</v>
      </c>
      <c r="CH22" s="280">
        <v>67</v>
      </c>
      <c r="CI22" s="280">
        <v>50</v>
      </c>
      <c r="CJ22" s="280">
        <v>20</v>
      </c>
      <c r="CK22" s="277">
        <v>233</v>
      </c>
      <c r="CL22" s="282">
        <v>239</v>
      </c>
      <c r="CM22" s="276">
        <v>0</v>
      </c>
      <c r="CN22" s="280">
        <v>0</v>
      </c>
      <c r="CO22" s="277">
        <v>0</v>
      </c>
      <c r="CP22" s="279">
        <v>0</v>
      </c>
      <c r="CQ22" s="280">
        <v>3</v>
      </c>
      <c r="CR22" s="280">
        <v>6</v>
      </c>
      <c r="CS22" s="280">
        <v>11</v>
      </c>
      <c r="CT22" s="280">
        <v>8</v>
      </c>
      <c r="CU22" s="280">
        <v>5</v>
      </c>
      <c r="CV22" s="277">
        <v>33</v>
      </c>
      <c r="CW22" s="282">
        <v>33</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23</v>
      </c>
      <c r="DU22" s="280">
        <v>299</v>
      </c>
      <c r="DV22" s="277">
        <v>422</v>
      </c>
      <c r="DW22" s="279">
        <v>0</v>
      </c>
      <c r="DX22" s="280">
        <v>538</v>
      </c>
      <c r="DY22" s="280">
        <v>417</v>
      </c>
      <c r="DZ22" s="280">
        <v>313</v>
      </c>
      <c r="EA22" s="280">
        <v>206</v>
      </c>
      <c r="EB22" s="280">
        <v>107</v>
      </c>
      <c r="EC22" s="277">
        <v>1581</v>
      </c>
      <c r="ED22" s="282">
        <v>2003</v>
      </c>
      <c r="EE22" s="276">
        <v>12</v>
      </c>
      <c r="EF22" s="280">
        <v>23</v>
      </c>
      <c r="EG22" s="277">
        <v>35</v>
      </c>
      <c r="EH22" s="279">
        <v>0</v>
      </c>
      <c r="EI22" s="280">
        <v>68</v>
      </c>
      <c r="EJ22" s="280">
        <v>65</v>
      </c>
      <c r="EK22" s="280">
        <v>49</v>
      </c>
      <c r="EL22" s="280">
        <v>67</v>
      </c>
      <c r="EM22" s="280">
        <v>29</v>
      </c>
      <c r="EN22" s="277">
        <v>278</v>
      </c>
      <c r="EO22" s="282">
        <v>313</v>
      </c>
      <c r="EP22" s="276">
        <v>172</v>
      </c>
      <c r="EQ22" s="280">
        <v>390</v>
      </c>
      <c r="ER22" s="277">
        <v>562</v>
      </c>
      <c r="ES22" s="279">
        <v>0</v>
      </c>
      <c r="ET22" s="280">
        <v>989</v>
      </c>
      <c r="EU22" s="280">
        <v>578</v>
      </c>
      <c r="EV22" s="280">
        <v>393</v>
      </c>
      <c r="EW22" s="280">
        <v>239</v>
      </c>
      <c r="EX22" s="280">
        <v>119</v>
      </c>
      <c r="EY22" s="277">
        <v>2318</v>
      </c>
      <c r="EZ22" s="282">
        <v>2880</v>
      </c>
    </row>
    <row r="23" spans="2:156" ht="19.5" customHeight="1" x14ac:dyDescent="0.2">
      <c r="B23" s="261" t="s">
        <v>21</v>
      </c>
      <c r="C23" s="276">
        <v>0</v>
      </c>
      <c r="D23" s="280">
        <v>0</v>
      </c>
      <c r="E23" s="384">
        <v>0</v>
      </c>
      <c r="F23" s="279">
        <v>0</v>
      </c>
      <c r="G23" s="280">
        <v>225</v>
      </c>
      <c r="H23" s="280">
        <v>341</v>
      </c>
      <c r="I23" s="280">
        <v>169</v>
      </c>
      <c r="J23" s="280">
        <v>131</v>
      </c>
      <c r="K23" s="280">
        <v>93</v>
      </c>
      <c r="L23" s="281">
        <v>959</v>
      </c>
      <c r="M23" s="282">
        <v>959</v>
      </c>
      <c r="N23" s="276">
        <v>0</v>
      </c>
      <c r="O23" s="280">
        <v>0</v>
      </c>
      <c r="P23" s="277">
        <v>0</v>
      </c>
      <c r="Q23" s="279">
        <v>0</v>
      </c>
      <c r="R23" s="280">
        <v>0</v>
      </c>
      <c r="S23" s="280">
        <v>5</v>
      </c>
      <c r="T23" s="280">
        <v>18</v>
      </c>
      <c r="U23" s="280">
        <v>29</v>
      </c>
      <c r="V23" s="280">
        <v>43</v>
      </c>
      <c r="W23" s="277">
        <v>95</v>
      </c>
      <c r="X23" s="282">
        <v>95</v>
      </c>
      <c r="Y23" s="276">
        <v>45</v>
      </c>
      <c r="Z23" s="280">
        <v>70</v>
      </c>
      <c r="AA23" s="277">
        <v>115</v>
      </c>
      <c r="AB23" s="279">
        <v>0</v>
      </c>
      <c r="AC23" s="280">
        <v>180</v>
      </c>
      <c r="AD23" s="280">
        <v>249</v>
      </c>
      <c r="AE23" s="280">
        <v>140</v>
      </c>
      <c r="AF23" s="280">
        <v>125</v>
      </c>
      <c r="AG23" s="280">
        <v>69</v>
      </c>
      <c r="AH23" s="277">
        <v>763</v>
      </c>
      <c r="AI23" s="282">
        <v>878</v>
      </c>
      <c r="AJ23" s="276">
        <v>14</v>
      </c>
      <c r="AK23" s="280">
        <v>29</v>
      </c>
      <c r="AL23" s="277">
        <v>43</v>
      </c>
      <c r="AM23" s="279">
        <v>0</v>
      </c>
      <c r="AN23" s="280">
        <v>15</v>
      </c>
      <c r="AO23" s="280">
        <v>34</v>
      </c>
      <c r="AP23" s="280">
        <v>15</v>
      </c>
      <c r="AQ23" s="280">
        <v>12</v>
      </c>
      <c r="AR23" s="280">
        <v>6</v>
      </c>
      <c r="AS23" s="277">
        <v>82</v>
      </c>
      <c r="AT23" s="282">
        <v>125</v>
      </c>
      <c r="AU23" s="276">
        <v>42</v>
      </c>
      <c r="AV23" s="280">
        <v>49</v>
      </c>
      <c r="AW23" s="277">
        <v>91</v>
      </c>
      <c r="AX23" s="279">
        <v>0</v>
      </c>
      <c r="AY23" s="280">
        <v>216</v>
      </c>
      <c r="AZ23" s="280">
        <v>336</v>
      </c>
      <c r="BA23" s="280">
        <v>287</v>
      </c>
      <c r="BB23" s="280">
        <v>229</v>
      </c>
      <c r="BC23" s="280">
        <v>178</v>
      </c>
      <c r="BD23" s="281">
        <v>1246</v>
      </c>
      <c r="BE23" s="282">
        <v>1337</v>
      </c>
      <c r="BF23" s="276">
        <v>0</v>
      </c>
      <c r="BG23" s="280">
        <v>0</v>
      </c>
      <c r="BH23" s="277">
        <v>0</v>
      </c>
      <c r="BI23" s="279">
        <v>0</v>
      </c>
      <c r="BJ23" s="280">
        <v>267</v>
      </c>
      <c r="BK23" s="280">
        <v>319</v>
      </c>
      <c r="BL23" s="280">
        <v>166</v>
      </c>
      <c r="BM23" s="280">
        <v>103</v>
      </c>
      <c r="BN23" s="280">
        <v>40</v>
      </c>
      <c r="BO23" s="277">
        <v>895</v>
      </c>
      <c r="BP23" s="282">
        <v>895</v>
      </c>
      <c r="BQ23" s="276">
        <v>27</v>
      </c>
      <c r="BR23" s="280">
        <v>39</v>
      </c>
      <c r="BS23" s="277">
        <v>66</v>
      </c>
      <c r="BT23" s="279">
        <v>0</v>
      </c>
      <c r="BU23" s="280">
        <v>54</v>
      </c>
      <c r="BV23" s="280">
        <v>69</v>
      </c>
      <c r="BW23" s="280">
        <v>36</v>
      </c>
      <c r="BX23" s="280">
        <v>17</v>
      </c>
      <c r="BY23" s="280">
        <v>13</v>
      </c>
      <c r="BZ23" s="277">
        <v>189</v>
      </c>
      <c r="CA23" s="282">
        <v>255</v>
      </c>
      <c r="CB23" s="276">
        <v>1</v>
      </c>
      <c r="CC23" s="280">
        <v>2</v>
      </c>
      <c r="CD23" s="277">
        <v>3</v>
      </c>
      <c r="CE23" s="279">
        <v>0</v>
      </c>
      <c r="CF23" s="280">
        <v>24</v>
      </c>
      <c r="CG23" s="280">
        <v>40</v>
      </c>
      <c r="CH23" s="280">
        <v>70</v>
      </c>
      <c r="CI23" s="280">
        <v>46</v>
      </c>
      <c r="CJ23" s="280">
        <v>32</v>
      </c>
      <c r="CK23" s="277">
        <v>212</v>
      </c>
      <c r="CL23" s="282">
        <v>215</v>
      </c>
      <c r="CM23" s="276">
        <v>0</v>
      </c>
      <c r="CN23" s="280">
        <v>0</v>
      </c>
      <c r="CO23" s="277">
        <v>0</v>
      </c>
      <c r="CP23" s="279">
        <v>0</v>
      </c>
      <c r="CQ23" s="280">
        <v>0</v>
      </c>
      <c r="CR23" s="280">
        <v>5</v>
      </c>
      <c r="CS23" s="280">
        <v>3</v>
      </c>
      <c r="CT23" s="280">
        <v>3</v>
      </c>
      <c r="CU23" s="280">
        <v>2</v>
      </c>
      <c r="CV23" s="277">
        <v>13</v>
      </c>
      <c r="CW23" s="282">
        <v>13</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64</v>
      </c>
      <c r="DU23" s="280">
        <v>323</v>
      </c>
      <c r="DV23" s="277">
        <v>487</v>
      </c>
      <c r="DW23" s="279">
        <v>0</v>
      </c>
      <c r="DX23" s="280">
        <v>338</v>
      </c>
      <c r="DY23" s="280">
        <v>639</v>
      </c>
      <c r="DZ23" s="280">
        <v>363</v>
      </c>
      <c r="EA23" s="280">
        <v>280</v>
      </c>
      <c r="EB23" s="280">
        <v>149</v>
      </c>
      <c r="EC23" s="277">
        <v>1769</v>
      </c>
      <c r="ED23" s="282">
        <v>2256</v>
      </c>
      <c r="EE23" s="276">
        <v>17</v>
      </c>
      <c r="EF23" s="280">
        <v>16</v>
      </c>
      <c r="EG23" s="277">
        <v>33</v>
      </c>
      <c r="EH23" s="279">
        <v>0</v>
      </c>
      <c r="EI23" s="280">
        <v>55</v>
      </c>
      <c r="EJ23" s="280">
        <v>73</v>
      </c>
      <c r="EK23" s="280">
        <v>67</v>
      </c>
      <c r="EL23" s="280">
        <v>42</v>
      </c>
      <c r="EM23" s="280">
        <v>45</v>
      </c>
      <c r="EN23" s="277">
        <v>282</v>
      </c>
      <c r="EO23" s="282">
        <v>315</v>
      </c>
      <c r="EP23" s="276">
        <v>223</v>
      </c>
      <c r="EQ23" s="280">
        <v>391</v>
      </c>
      <c r="ER23" s="277">
        <v>614</v>
      </c>
      <c r="ES23" s="279">
        <v>0</v>
      </c>
      <c r="ET23" s="280">
        <v>736</v>
      </c>
      <c r="EU23" s="280">
        <v>884</v>
      </c>
      <c r="EV23" s="280">
        <v>458</v>
      </c>
      <c r="EW23" s="280">
        <v>314</v>
      </c>
      <c r="EX23" s="280">
        <v>163</v>
      </c>
      <c r="EY23" s="277">
        <v>2555</v>
      </c>
      <c r="EZ23" s="282">
        <v>3169</v>
      </c>
    </row>
    <row r="24" spans="2:156" ht="19.5" customHeight="1" x14ac:dyDescent="0.2">
      <c r="B24" s="261" t="s">
        <v>22</v>
      </c>
      <c r="C24" s="276">
        <v>0</v>
      </c>
      <c r="D24" s="280">
        <v>0</v>
      </c>
      <c r="E24" s="384">
        <v>0</v>
      </c>
      <c r="F24" s="279">
        <v>0</v>
      </c>
      <c r="G24" s="280">
        <v>71</v>
      </c>
      <c r="H24" s="280">
        <v>68</v>
      </c>
      <c r="I24" s="280">
        <v>34</v>
      </c>
      <c r="J24" s="280">
        <v>37</v>
      </c>
      <c r="K24" s="280">
        <v>28</v>
      </c>
      <c r="L24" s="281">
        <v>238</v>
      </c>
      <c r="M24" s="282">
        <v>238</v>
      </c>
      <c r="N24" s="276">
        <v>0</v>
      </c>
      <c r="O24" s="280">
        <v>0</v>
      </c>
      <c r="P24" s="277">
        <v>0</v>
      </c>
      <c r="Q24" s="279">
        <v>0</v>
      </c>
      <c r="R24" s="280">
        <v>1</v>
      </c>
      <c r="S24" s="280">
        <v>2</v>
      </c>
      <c r="T24" s="280">
        <v>4</v>
      </c>
      <c r="U24" s="280">
        <v>8</v>
      </c>
      <c r="V24" s="280">
        <v>19</v>
      </c>
      <c r="W24" s="277">
        <v>34</v>
      </c>
      <c r="X24" s="282">
        <v>34</v>
      </c>
      <c r="Y24" s="276">
        <v>5</v>
      </c>
      <c r="Z24" s="280">
        <v>14</v>
      </c>
      <c r="AA24" s="277">
        <v>19</v>
      </c>
      <c r="AB24" s="279">
        <v>0</v>
      </c>
      <c r="AC24" s="280">
        <v>54</v>
      </c>
      <c r="AD24" s="280">
        <v>69</v>
      </c>
      <c r="AE24" s="280">
        <v>28</v>
      </c>
      <c r="AF24" s="280">
        <v>36</v>
      </c>
      <c r="AG24" s="280">
        <v>29</v>
      </c>
      <c r="AH24" s="277">
        <v>216</v>
      </c>
      <c r="AI24" s="282">
        <v>235</v>
      </c>
      <c r="AJ24" s="276">
        <v>0</v>
      </c>
      <c r="AK24" s="280">
        <v>2</v>
      </c>
      <c r="AL24" s="277">
        <v>2</v>
      </c>
      <c r="AM24" s="279">
        <v>0</v>
      </c>
      <c r="AN24" s="280">
        <v>10</v>
      </c>
      <c r="AO24" s="280">
        <v>14</v>
      </c>
      <c r="AP24" s="280">
        <v>5</v>
      </c>
      <c r="AQ24" s="280">
        <v>3</v>
      </c>
      <c r="AR24" s="280">
        <v>6</v>
      </c>
      <c r="AS24" s="277">
        <v>38</v>
      </c>
      <c r="AT24" s="282">
        <v>40</v>
      </c>
      <c r="AU24" s="276">
        <v>4</v>
      </c>
      <c r="AV24" s="280">
        <v>6</v>
      </c>
      <c r="AW24" s="277">
        <v>10</v>
      </c>
      <c r="AX24" s="279">
        <v>0</v>
      </c>
      <c r="AY24" s="280">
        <v>66</v>
      </c>
      <c r="AZ24" s="280">
        <v>74</v>
      </c>
      <c r="BA24" s="280">
        <v>62</v>
      </c>
      <c r="BB24" s="280">
        <v>56</v>
      </c>
      <c r="BC24" s="280">
        <v>33</v>
      </c>
      <c r="BD24" s="281">
        <v>291</v>
      </c>
      <c r="BE24" s="282">
        <v>301</v>
      </c>
      <c r="BF24" s="276">
        <v>0</v>
      </c>
      <c r="BG24" s="280">
        <v>0</v>
      </c>
      <c r="BH24" s="277">
        <v>0</v>
      </c>
      <c r="BI24" s="279">
        <v>0</v>
      </c>
      <c r="BJ24" s="280">
        <v>123</v>
      </c>
      <c r="BK24" s="280">
        <v>113</v>
      </c>
      <c r="BL24" s="280">
        <v>53</v>
      </c>
      <c r="BM24" s="280">
        <v>28</v>
      </c>
      <c r="BN24" s="280">
        <v>23</v>
      </c>
      <c r="BO24" s="277">
        <v>340</v>
      </c>
      <c r="BP24" s="282">
        <v>340</v>
      </c>
      <c r="BQ24" s="276">
        <v>1</v>
      </c>
      <c r="BR24" s="280">
        <v>9</v>
      </c>
      <c r="BS24" s="277">
        <v>10</v>
      </c>
      <c r="BT24" s="279">
        <v>0</v>
      </c>
      <c r="BU24" s="280">
        <v>17</v>
      </c>
      <c r="BV24" s="280">
        <v>22</v>
      </c>
      <c r="BW24" s="280">
        <v>18</v>
      </c>
      <c r="BX24" s="280">
        <v>16</v>
      </c>
      <c r="BY24" s="280">
        <v>5</v>
      </c>
      <c r="BZ24" s="277">
        <v>78</v>
      </c>
      <c r="CA24" s="282">
        <v>88</v>
      </c>
      <c r="CB24" s="276">
        <v>1</v>
      </c>
      <c r="CC24" s="280">
        <v>1</v>
      </c>
      <c r="CD24" s="277">
        <v>2</v>
      </c>
      <c r="CE24" s="279">
        <v>0</v>
      </c>
      <c r="CF24" s="280">
        <v>15</v>
      </c>
      <c r="CG24" s="280">
        <v>25</v>
      </c>
      <c r="CH24" s="280">
        <v>33</v>
      </c>
      <c r="CI24" s="280">
        <v>18</v>
      </c>
      <c r="CJ24" s="280">
        <v>7</v>
      </c>
      <c r="CK24" s="277">
        <v>98</v>
      </c>
      <c r="CL24" s="282">
        <v>100</v>
      </c>
      <c r="CM24" s="276">
        <v>0</v>
      </c>
      <c r="CN24" s="280">
        <v>1</v>
      </c>
      <c r="CO24" s="277">
        <v>1</v>
      </c>
      <c r="CP24" s="279">
        <v>0</v>
      </c>
      <c r="CQ24" s="280">
        <v>0</v>
      </c>
      <c r="CR24" s="280">
        <v>6</v>
      </c>
      <c r="CS24" s="280">
        <v>3</v>
      </c>
      <c r="CT24" s="280">
        <v>3</v>
      </c>
      <c r="CU24" s="280">
        <v>0</v>
      </c>
      <c r="CV24" s="277">
        <v>12</v>
      </c>
      <c r="CW24" s="282">
        <v>13</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47</v>
      </c>
      <c r="DU24" s="280">
        <v>146</v>
      </c>
      <c r="DV24" s="277">
        <v>193</v>
      </c>
      <c r="DW24" s="279">
        <v>0</v>
      </c>
      <c r="DX24" s="280">
        <v>192</v>
      </c>
      <c r="DY24" s="280">
        <v>266</v>
      </c>
      <c r="DZ24" s="280">
        <v>119</v>
      </c>
      <c r="EA24" s="280">
        <v>96</v>
      </c>
      <c r="EB24" s="280">
        <v>69</v>
      </c>
      <c r="EC24" s="277">
        <v>742</v>
      </c>
      <c r="ED24" s="282">
        <v>935</v>
      </c>
      <c r="EE24" s="276">
        <v>6</v>
      </c>
      <c r="EF24" s="280">
        <v>5</v>
      </c>
      <c r="EG24" s="277">
        <v>11</v>
      </c>
      <c r="EH24" s="279">
        <v>0</v>
      </c>
      <c r="EI24" s="280">
        <v>34</v>
      </c>
      <c r="EJ24" s="280">
        <v>25</v>
      </c>
      <c r="EK24" s="280">
        <v>23</v>
      </c>
      <c r="EL24" s="280">
        <v>23</v>
      </c>
      <c r="EM24" s="280">
        <v>11</v>
      </c>
      <c r="EN24" s="277">
        <v>116</v>
      </c>
      <c r="EO24" s="282">
        <v>127</v>
      </c>
      <c r="EP24" s="276">
        <v>52</v>
      </c>
      <c r="EQ24" s="280">
        <v>158</v>
      </c>
      <c r="ER24" s="277">
        <v>210</v>
      </c>
      <c r="ES24" s="279">
        <v>0</v>
      </c>
      <c r="ET24" s="280">
        <v>381</v>
      </c>
      <c r="EU24" s="280">
        <v>341</v>
      </c>
      <c r="EV24" s="280">
        <v>137</v>
      </c>
      <c r="EW24" s="280">
        <v>104</v>
      </c>
      <c r="EX24" s="280">
        <v>70</v>
      </c>
      <c r="EY24" s="277">
        <v>1033</v>
      </c>
      <c r="EZ24" s="282">
        <v>1243</v>
      </c>
    </row>
    <row r="25" spans="2:156" ht="19.5" customHeight="1" x14ac:dyDescent="0.2">
      <c r="B25" s="261" t="s">
        <v>23</v>
      </c>
      <c r="C25" s="276">
        <v>0</v>
      </c>
      <c r="D25" s="280">
        <v>0</v>
      </c>
      <c r="E25" s="384">
        <v>0</v>
      </c>
      <c r="F25" s="279">
        <v>0</v>
      </c>
      <c r="G25" s="280">
        <v>147</v>
      </c>
      <c r="H25" s="280">
        <v>145</v>
      </c>
      <c r="I25" s="280">
        <v>73</v>
      </c>
      <c r="J25" s="280">
        <v>55</v>
      </c>
      <c r="K25" s="280">
        <v>41</v>
      </c>
      <c r="L25" s="281">
        <v>461</v>
      </c>
      <c r="M25" s="282">
        <v>461</v>
      </c>
      <c r="N25" s="276">
        <v>0</v>
      </c>
      <c r="O25" s="280">
        <v>0</v>
      </c>
      <c r="P25" s="277">
        <v>0</v>
      </c>
      <c r="Q25" s="279">
        <v>0</v>
      </c>
      <c r="R25" s="280">
        <v>1</v>
      </c>
      <c r="S25" s="280">
        <v>4</v>
      </c>
      <c r="T25" s="280">
        <v>5</v>
      </c>
      <c r="U25" s="280">
        <v>15</v>
      </c>
      <c r="V25" s="280">
        <v>20</v>
      </c>
      <c r="W25" s="277">
        <v>45</v>
      </c>
      <c r="X25" s="282">
        <v>45</v>
      </c>
      <c r="Y25" s="276">
        <v>29</v>
      </c>
      <c r="Z25" s="280">
        <v>45</v>
      </c>
      <c r="AA25" s="277">
        <v>74</v>
      </c>
      <c r="AB25" s="279">
        <v>0</v>
      </c>
      <c r="AC25" s="280">
        <v>96</v>
      </c>
      <c r="AD25" s="280">
        <v>135</v>
      </c>
      <c r="AE25" s="280">
        <v>61</v>
      </c>
      <c r="AF25" s="280">
        <v>68</v>
      </c>
      <c r="AG25" s="280">
        <v>40</v>
      </c>
      <c r="AH25" s="277">
        <v>400</v>
      </c>
      <c r="AI25" s="282">
        <v>474</v>
      </c>
      <c r="AJ25" s="276">
        <v>2</v>
      </c>
      <c r="AK25" s="280">
        <v>8</v>
      </c>
      <c r="AL25" s="277">
        <v>10</v>
      </c>
      <c r="AM25" s="279">
        <v>0</v>
      </c>
      <c r="AN25" s="280">
        <v>9</v>
      </c>
      <c r="AO25" s="280">
        <v>23</v>
      </c>
      <c r="AP25" s="280">
        <v>7</v>
      </c>
      <c r="AQ25" s="280">
        <v>7</v>
      </c>
      <c r="AR25" s="280">
        <v>3</v>
      </c>
      <c r="AS25" s="277">
        <v>49</v>
      </c>
      <c r="AT25" s="282">
        <v>59</v>
      </c>
      <c r="AU25" s="276">
        <v>19</v>
      </c>
      <c r="AV25" s="280">
        <v>13</v>
      </c>
      <c r="AW25" s="277">
        <v>32</v>
      </c>
      <c r="AX25" s="279">
        <v>0</v>
      </c>
      <c r="AY25" s="280">
        <v>159</v>
      </c>
      <c r="AZ25" s="280">
        <v>147</v>
      </c>
      <c r="BA25" s="280">
        <v>137</v>
      </c>
      <c r="BB25" s="280">
        <v>151</v>
      </c>
      <c r="BC25" s="280">
        <v>106</v>
      </c>
      <c r="BD25" s="281">
        <v>700</v>
      </c>
      <c r="BE25" s="282">
        <v>732</v>
      </c>
      <c r="BF25" s="276">
        <v>0</v>
      </c>
      <c r="BG25" s="280">
        <v>0</v>
      </c>
      <c r="BH25" s="277">
        <v>0</v>
      </c>
      <c r="BI25" s="279">
        <v>0</v>
      </c>
      <c r="BJ25" s="280">
        <v>280</v>
      </c>
      <c r="BK25" s="280">
        <v>245</v>
      </c>
      <c r="BL25" s="280">
        <v>118</v>
      </c>
      <c r="BM25" s="280">
        <v>69</v>
      </c>
      <c r="BN25" s="280">
        <v>30</v>
      </c>
      <c r="BO25" s="277">
        <v>742</v>
      </c>
      <c r="BP25" s="282">
        <v>742</v>
      </c>
      <c r="BQ25" s="276">
        <v>4</v>
      </c>
      <c r="BR25" s="280">
        <v>7</v>
      </c>
      <c r="BS25" s="277">
        <v>11</v>
      </c>
      <c r="BT25" s="279">
        <v>0</v>
      </c>
      <c r="BU25" s="280">
        <v>38</v>
      </c>
      <c r="BV25" s="280">
        <v>48</v>
      </c>
      <c r="BW25" s="280">
        <v>33</v>
      </c>
      <c r="BX25" s="280">
        <v>24</v>
      </c>
      <c r="BY25" s="280">
        <v>7</v>
      </c>
      <c r="BZ25" s="277">
        <v>150</v>
      </c>
      <c r="CA25" s="282">
        <v>161</v>
      </c>
      <c r="CB25" s="276">
        <v>1</v>
      </c>
      <c r="CC25" s="280">
        <v>0</v>
      </c>
      <c r="CD25" s="277">
        <v>1</v>
      </c>
      <c r="CE25" s="279">
        <v>0</v>
      </c>
      <c r="CF25" s="280">
        <v>19</v>
      </c>
      <c r="CG25" s="280">
        <v>47</v>
      </c>
      <c r="CH25" s="280">
        <v>45</v>
      </c>
      <c r="CI25" s="280">
        <v>30</v>
      </c>
      <c r="CJ25" s="280">
        <v>11</v>
      </c>
      <c r="CK25" s="277">
        <v>152</v>
      </c>
      <c r="CL25" s="282">
        <v>153</v>
      </c>
      <c r="CM25" s="276">
        <v>0</v>
      </c>
      <c r="CN25" s="280">
        <v>0</v>
      </c>
      <c r="CO25" s="277">
        <v>0</v>
      </c>
      <c r="CP25" s="279">
        <v>0</v>
      </c>
      <c r="CQ25" s="280">
        <v>1</v>
      </c>
      <c r="CR25" s="280">
        <v>2</v>
      </c>
      <c r="CS25" s="280">
        <v>2</v>
      </c>
      <c r="CT25" s="280">
        <v>4</v>
      </c>
      <c r="CU25" s="280">
        <v>4</v>
      </c>
      <c r="CV25" s="277">
        <v>13</v>
      </c>
      <c r="CW25" s="282">
        <v>13</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94</v>
      </c>
      <c r="DU25" s="280">
        <v>204</v>
      </c>
      <c r="DV25" s="277">
        <v>298</v>
      </c>
      <c r="DW25" s="279">
        <v>0</v>
      </c>
      <c r="DX25" s="280">
        <v>252</v>
      </c>
      <c r="DY25" s="280">
        <v>369</v>
      </c>
      <c r="DZ25" s="280">
        <v>199</v>
      </c>
      <c r="EA25" s="280">
        <v>168</v>
      </c>
      <c r="EB25" s="280">
        <v>84</v>
      </c>
      <c r="EC25" s="277">
        <v>1072</v>
      </c>
      <c r="ED25" s="282">
        <v>1370</v>
      </c>
      <c r="EE25" s="276">
        <v>8</v>
      </c>
      <c r="EF25" s="280">
        <v>5</v>
      </c>
      <c r="EG25" s="277">
        <v>13</v>
      </c>
      <c r="EH25" s="279">
        <v>0</v>
      </c>
      <c r="EI25" s="280">
        <v>49</v>
      </c>
      <c r="EJ25" s="280">
        <v>39</v>
      </c>
      <c r="EK25" s="280">
        <v>45</v>
      </c>
      <c r="EL25" s="280">
        <v>50</v>
      </c>
      <c r="EM25" s="280">
        <v>39</v>
      </c>
      <c r="EN25" s="277">
        <v>222</v>
      </c>
      <c r="EO25" s="282">
        <v>235</v>
      </c>
      <c r="EP25" s="276">
        <v>122</v>
      </c>
      <c r="EQ25" s="280">
        <v>238</v>
      </c>
      <c r="ER25" s="277">
        <v>360</v>
      </c>
      <c r="ES25" s="279">
        <v>0</v>
      </c>
      <c r="ET25" s="280">
        <v>537</v>
      </c>
      <c r="EU25" s="280">
        <v>507</v>
      </c>
      <c r="EV25" s="280">
        <v>261</v>
      </c>
      <c r="EW25" s="280">
        <v>189</v>
      </c>
      <c r="EX25" s="280">
        <v>91</v>
      </c>
      <c r="EY25" s="277">
        <v>1585</v>
      </c>
      <c r="EZ25" s="282">
        <v>1945</v>
      </c>
    </row>
    <row r="26" spans="2:156" ht="19.5" customHeight="1" x14ac:dyDescent="0.2">
      <c r="B26" s="261" t="s">
        <v>24</v>
      </c>
      <c r="C26" s="276">
        <v>0</v>
      </c>
      <c r="D26" s="280">
        <v>0</v>
      </c>
      <c r="E26" s="384">
        <v>0</v>
      </c>
      <c r="F26" s="279">
        <v>0</v>
      </c>
      <c r="G26" s="280">
        <v>74</v>
      </c>
      <c r="H26" s="280">
        <v>51</v>
      </c>
      <c r="I26" s="280">
        <v>42</v>
      </c>
      <c r="J26" s="280">
        <v>36</v>
      </c>
      <c r="K26" s="280">
        <v>33</v>
      </c>
      <c r="L26" s="281">
        <v>236</v>
      </c>
      <c r="M26" s="282">
        <v>236</v>
      </c>
      <c r="N26" s="276">
        <v>0</v>
      </c>
      <c r="O26" s="280">
        <v>0</v>
      </c>
      <c r="P26" s="277">
        <v>0</v>
      </c>
      <c r="Q26" s="279">
        <v>0</v>
      </c>
      <c r="R26" s="280">
        <v>0</v>
      </c>
      <c r="S26" s="280">
        <v>1</v>
      </c>
      <c r="T26" s="280">
        <v>5</v>
      </c>
      <c r="U26" s="280">
        <v>9</v>
      </c>
      <c r="V26" s="280">
        <v>23</v>
      </c>
      <c r="W26" s="277">
        <v>38</v>
      </c>
      <c r="X26" s="282">
        <v>38</v>
      </c>
      <c r="Y26" s="276">
        <v>10</v>
      </c>
      <c r="Z26" s="280">
        <v>15</v>
      </c>
      <c r="AA26" s="277">
        <v>25</v>
      </c>
      <c r="AB26" s="279">
        <v>0</v>
      </c>
      <c r="AC26" s="280">
        <v>63</v>
      </c>
      <c r="AD26" s="280">
        <v>54</v>
      </c>
      <c r="AE26" s="280">
        <v>47</v>
      </c>
      <c r="AF26" s="280">
        <v>32</v>
      </c>
      <c r="AG26" s="280">
        <v>29</v>
      </c>
      <c r="AH26" s="277">
        <v>225</v>
      </c>
      <c r="AI26" s="282">
        <v>250</v>
      </c>
      <c r="AJ26" s="276">
        <v>0</v>
      </c>
      <c r="AK26" s="280">
        <v>1</v>
      </c>
      <c r="AL26" s="277">
        <v>1</v>
      </c>
      <c r="AM26" s="279">
        <v>0</v>
      </c>
      <c r="AN26" s="280">
        <v>4</v>
      </c>
      <c r="AO26" s="280">
        <v>8</v>
      </c>
      <c r="AP26" s="280">
        <v>2</v>
      </c>
      <c r="AQ26" s="280">
        <v>6</v>
      </c>
      <c r="AR26" s="280">
        <v>6</v>
      </c>
      <c r="AS26" s="277">
        <v>26</v>
      </c>
      <c r="AT26" s="282">
        <v>27</v>
      </c>
      <c r="AU26" s="276">
        <v>16</v>
      </c>
      <c r="AV26" s="280">
        <v>20</v>
      </c>
      <c r="AW26" s="277">
        <v>36</v>
      </c>
      <c r="AX26" s="279">
        <v>0</v>
      </c>
      <c r="AY26" s="280">
        <v>85</v>
      </c>
      <c r="AZ26" s="280">
        <v>79</v>
      </c>
      <c r="BA26" s="280">
        <v>82</v>
      </c>
      <c r="BB26" s="280">
        <v>76</v>
      </c>
      <c r="BC26" s="280">
        <v>70</v>
      </c>
      <c r="BD26" s="281">
        <v>392</v>
      </c>
      <c r="BE26" s="282">
        <v>428</v>
      </c>
      <c r="BF26" s="276">
        <v>0</v>
      </c>
      <c r="BG26" s="280">
        <v>0</v>
      </c>
      <c r="BH26" s="277">
        <v>0</v>
      </c>
      <c r="BI26" s="279">
        <v>0</v>
      </c>
      <c r="BJ26" s="280">
        <v>106</v>
      </c>
      <c r="BK26" s="280">
        <v>70</v>
      </c>
      <c r="BL26" s="280">
        <v>38</v>
      </c>
      <c r="BM26" s="280">
        <v>21</v>
      </c>
      <c r="BN26" s="280">
        <v>9</v>
      </c>
      <c r="BO26" s="277">
        <v>244</v>
      </c>
      <c r="BP26" s="282">
        <v>244</v>
      </c>
      <c r="BQ26" s="276">
        <v>13</v>
      </c>
      <c r="BR26" s="280">
        <v>10</v>
      </c>
      <c r="BS26" s="277">
        <v>23</v>
      </c>
      <c r="BT26" s="279">
        <v>0</v>
      </c>
      <c r="BU26" s="280">
        <v>35</v>
      </c>
      <c r="BV26" s="280">
        <v>32</v>
      </c>
      <c r="BW26" s="280">
        <v>17</v>
      </c>
      <c r="BX26" s="280">
        <v>9</v>
      </c>
      <c r="BY26" s="280">
        <v>13</v>
      </c>
      <c r="BZ26" s="277">
        <v>106</v>
      </c>
      <c r="CA26" s="282">
        <v>129</v>
      </c>
      <c r="CB26" s="276">
        <v>1</v>
      </c>
      <c r="CC26" s="280">
        <v>2</v>
      </c>
      <c r="CD26" s="277">
        <v>3</v>
      </c>
      <c r="CE26" s="279">
        <v>0</v>
      </c>
      <c r="CF26" s="280">
        <v>13</v>
      </c>
      <c r="CG26" s="280">
        <v>18</v>
      </c>
      <c r="CH26" s="280">
        <v>20</v>
      </c>
      <c r="CI26" s="280">
        <v>21</v>
      </c>
      <c r="CJ26" s="280">
        <v>16</v>
      </c>
      <c r="CK26" s="277">
        <v>88</v>
      </c>
      <c r="CL26" s="282">
        <v>91</v>
      </c>
      <c r="CM26" s="276">
        <v>0</v>
      </c>
      <c r="CN26" s="280">
        <v>0</v>
      </c>
      <c r="CO26" s="277">
        <v>0</v>
      </c>
      <c r="CP26" s="279">
        <v>0</v>
      </c>
      <c r="CQ26" s="280">
        <v>1</v>
      </c>
      <c r="CR26" s="280">
        <v>0</v>
      </c>
      <c r="CS26" s="280">
        <v>1</v>
      </c>
      <c r="CT26" s="280">
        <v>1</v>
      </c>
      <c r="CU26" s="280">
        <v>1</v>
      </c>
      <c r="CV26" s="277">
        <v>4</v>
      </c>
      <c r="CW26" s="282">
        <v>4</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74</v>
      </c>
      <c r="DU26" s="280">
        <v>76</v>
      </c>
      <c r="DV26" s="277">
        <v>150</v>
      </c>
      <c r="DW26" s="279">
        <v>0</v>
      </c>
      <c r="DX26" s="280">
        <v>139</v>
      </c>
      <c r="DY26" s="280">
        <v>157</v>
      </c>
      <c r="DZ26" s="280">
        <v>106</v>
      </c>
      <c r="EA26" s="280">
        <v>72</v>
      </c>
      <c r="EB26" s="280">
        <v>61</v>
      </c>
      <c r="EC26" s="277">
        <v>535</v>
      </c>
      <c r="ED26" s="282">
        <v>685</v>
      </c>
      <c r="EE26" s="276">
        <v>12</v>
      </c>
      <c r="EF26" s="280">
        <v>10</v>
      </c>
      <c r="EG26" s="277">
        <v>22</v>
      </c>
      <c r="EH26" s="279">
        <v>0</v>
      </c>
      <c r="EI26" s="280">
        <v>37</v>
      </c>
      <c r="EJ26" s="280">
        <v>29</v>
      </c>
      <c r="EK26" s="280">
        <v>27</v>
      </c>
      <c r="EL26" s="280">
        <v>28</v>
      </c>
      <c r="EM26" s="280">
        <v>23</v>
      </c>
      <c r="EN26" s="277">
        <v>144</v>
      </c>
      <c r="EO26" s="282">
        <v>166</v>
      </c>
      <c r="EP26" s="276">
        <v>92</v>
      </c>
      <c r="EQ26" s="280">
        <v>89</v>
      </c>
      <c r="ER26" s="277">
        <v>181</v>
      </c>
      <c r="ES26" s="279">
        <v>0</v>
      </c>
      <c r="ET26" s="280">
        <v>274</v>
      </c>
      <c r="EU26" s="280">
        <v>200</v>
      </c>
      <c r="EV26" s="280">
        <v>125</v>
      </c>
      <c r="EW26" s="280">
        <v>79</v>
      </c>
      <c r="EX26" s="280">
        <v>64</v>
      </c>
      <c r="EY26" s="277">
        <v>742</v>
      </c>
      <c r="EZ26" s="282">
        <v>923</v>
      </c>
    </row>
    <row r="27" spans="2:156" ht="19.5" customHeight="1" x14ac:dyDescent="0.2">
      <c r="B27" s="261" t="s">
        <v>25</v>
      </c>
      <c r="C27" s="276">
        <v>0</v>
      </c>
      <c r="D27" s="280">
        <v>0</v>
      </c>
      <c r="E27" s="384">
        <v>0</v>
      </c>
      <c r="F27" s="279">
        <v>0</v>
      </c>
      <c r="G27" s="280">
        <v>101</v>
      </c>
      <c r="H27" s="280">
        <v>68</v>
      </c>
      <c r="I27" s="280">
        <v>41</v>
      </c>
      <c r="J27" s="280">
        <v>41</v>
      </c>
      <c r="K27" s="280">
        <v>35</v>
      </c>
      <c r="L27" s="281">
        <v>286</v>
      </c>
      <c r="M27" s="282">
        <v>286</v>
      </c>
      <c r="N27" s="276">
        <v>0</v>
      </c>
      <c r="O27" s="280">
        <v>0</v>
      </c>
      <c r="P27" s="277">
        <v>0</v>
      </c>
      <c r="Q27" s="279">
        <v>0</v>
      </c>
      <c r="R27" s="280">
        <v>2</v>
      </c>
      <c r="S27" s="280">
        <v>6</v>
      </c>
      <c r="T27" s="280">
        <v>7</v>
      </c>
      <c r="U27" s="280">
        <v>13</v>
      </c>
      <c r="V27" s="280">
        <v>24</v>
      </c>
      <c r="W27" s="277">
        <v>52</v>
      </c>
      <c r="X27" s="282">
        <v>52</v>
      </c>
      <c r="Y27" s="276">
        <v>16</v>
      </c>
      <c r="Z27" s="280">
        <v>30</v>
      </c>
      <c r="AA27" s="277">
        <v>46</v>
      </c>
      <c r="AB27" s="279">
        <v>0</v>
      </c>
      <c r="AC27" s="280">
        <v>76</v>
      </c>
      <c r="AD27" s="280">
        <v>64</v>
      </c>
      <c r="AE27" s="280">
        <v>42</v>
      </c>
      <c r="AF27" s="280">
        <v>41</v>
      </c>
      <c r="AG27" s="280">
        <v>28</v>
      </c>
      <c r="AH27" s="277">
        <v>251</v>
      </c>
      <c r="AI27" s="282">
        <v>297</v>
      </c>
      <c r="AJ27" s="276">
        <v>3</v>
      </c>
      <c r="AK27" s="280">
        <v>3</v>
      </c>
      <c r="AL27" s="277">
        <v>6</v>
      </c>
      <c r="AM27" s="279">
        <v>0</v>
      </c>
      <c r="AN27" s="280">
        <v>4</v>
      </c>
      <c r="AO27" s="280">
        <v>10</v>
      </c>
      <c r="AP27" s="280">
        <v>6</v>
      </c>
      <c r="AQ27" s="280">
        <v>3</v>
      </c>
      <c r="AR27" s="280">
        <v>5</v>
      </c>
      <c r="AS27" s="277">
        <v>28</v>
      </c>
      <c r="AT27" s="282">
        <v>34</v>
      </c>
      <c r="AU27" s="276">
        <v>7</v>
      </c>
      <c r="AV27" s="280">
        <v>13</v>
      </c>
      <c r="AW27" s="277">
        <v>20</v>
      </c>
      <c r="AX27" s="279">
        <v>0</v>
      </c>
      <c r="AY27" s="280">
        <v>77</v>
      </c>
      <c r="AZ27" s="280">
        <v>65</v>
      </c>
      <c r="BA27" s="280">
        <v>42</v>
      </c>
      <c r="BB27" s="280">
        <v>73</v>
      </c>
      <c r="BC27" s="280">
        <v>50</v>
      </c>
      <c r="BD27" s="281">
        <v>307</v>
      </c>
      <c r="BE27" s="282">
        <v>327</v>
      </c>
      <c r="BF27" s="276">
        <v>0</v>
      </c>
      <c r="BG27" s="280">
        <v>0</v>
      </c>
      <c r="BH27" s="277">
        <v>0</v>
      </c>
      <c r="BI27" s="279">
        <v>0</v>
      </c>
      <c r="BJ27" s="280">
        <v>144</v>
      </c>
      <c r="BK27" s="280">
        <v>74</v>
      </c>
      <c r="BL27" s="280">
        <v>49</v>
      </c>
      <c r="BM27" s="280">
        <v>34</v>
      </c>
      <c r="BN27" s="280">
        <v>8</v>
      </c>
      <c r="BO27" s="277">
        <v>309</v>
      </c>
      <c r="BP27" s="282">
        <v>309</v>
      </c>
      <c r="BQ27" s="276">
        <v>9</v>
      </c>
      <c r="BR27" s="280">
        <v>16</v>
      </c>
      <c r="BS27" s="277">
        <v>25</v>
      </c>
      <c r="BT27" s="279">
        <v>0</v>
      </c>
      <c r="BU27" s="280">
        <v>39</v>
      </c>
      <c r="BV27" s="280">
        <v>47</v>
      </c>
      <c r="BW27" s="280">
        <v>20</v>
      </c>
      <c r="BX27" s="280">
        <v>12</v>
      </c>
      <c r="BY27" s="280">
        <v>5</v>
      </c>
      <c r="BZ27" s="277">
        <v>123</v>
      </c>
      <c r="CA27" s="282">
        <v>148</v>
      </c>
      <c r="CB27" s="276">
        <v>0</v>
      </c>
      <c r="CC27" s="280">
        <v>3</v>
      </c>
      <c r="CD27" s="277">
        <v>3</v>
      </c>
      <c r="CE27" s="279">
        <v>0</v>
      </c>
      <c r="CF27" s="280">
        <v>13</v>
      </c>
      <c r="CG27" s="280">
        <v>17</v>
      </c>
      <c r="CH27" s="280">
        <v>17</v>
      </c>
      <c r="CI27" s="280">
        <v>11</v>
      </c>
      <c r="CJ27" s="280">
        <v>5</v>
      </c>
      <c r="CK27" s="277">
        <v>63</v>
      </c>
      <c r="CL27" s="282">
        <v>66</v>
      </c>
      <c r="CM27" s="276">
        <v>0</v>
      </c>
      <c r="CN27" s="280">
        <v>0</v>
      </c>
      <c r="CO27" s="277">
        <v>0</v>
      </c>
      <c r="CP27" s="279">
        <v>0</v>
      </c>
      <c r="CQ27" s="280">
        <v>2</v>
      </c>
      <c r="CR27" s="280">
        <v>3</v>
      </c>
      <c r="CS27" s="280">
        <v>1</v>
      </c>
      <c r="CT27" s="280">
        <v>0</v>
      </c>
      <c r="CU27" s="280">
        <v>0</v>
      </c>
      <c r="CV27" s="277">
        <v>6</v>
      </c>
      <c r="CW27" s="282">
        <v>6</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70</v>
      </c>
      <c r="DU27" s="280">
        <v>120</v>
      </c>
      <c r="DV27" s="277">
        <v>190</v>
      </c>
      <c r="DW27" s="279">
        <v>0</v>
      </c>
      <c r="DX27" s="280">
        <v>130</v>
      </c>
      <c r="DY27" s="280">
        <v>188</v>
      </c>
      <c r="DZ27" s="280">
        <v>109</v>
      </c>
      <c r="EA27" s="280">
        <v>96</v>
      </c>
      <c r="EB27" s="280">
        <v>51</v>
      </c>
      <c r="EC27" s="277">
        <v>574</v>
      </c>
      <c r="ED27" s="282">
        <v>764</v>
      </c>
      <c r="EE27" s="276">
        <v>3</v>
      </c>
      <c r="EF27" s="280">
        <v>3</v>
      </c>
      <c r="EG27" s="277">
        <v>6</v>
      </c>
      <c r="EH27" s="279">
        <v>0</v>
      </c>
      <c r="EI27" s="280">
        <v>22</v>
      </c>
      <c r="EJ27" s="280">
        <v>15</v>
      </c>
      <c r="EK27" s="280">
        <v>8</v>
      </c>
      <c r="EL27" s="280">
        <v>23</v>
      </c>
      <c r="EM27" s="280">
        <v>12</v>
      </c>
      <c r="EN27" s="277">
        <v>80</v>
      </c>
      <c r="EO27" s="282">
        <v>86</v>
      </c>
      <c r="EP27" s="276">
        <v>86</v>
      </c>
      <c r="EQ27" s="280">
        <v>143</v>
      </c>
      <c r="ER27" s="277">
        <v>229</v>
      </c>
      <c r="ES27" s="279">
        <v>0</v>
      </c>
      <c r="ET27" s="280">
        <v>359</v>
      </c>
      <c r="EU27" s="280">
        <v>249</v>
      </c>
      <c r="EV27" s="280">
        <v>127</v>
      </c>
      <c r="EW27" s="280">
        <v>107</v>
      </c>
      <c r="EX27" s="280">
        <v>58</v>
      </c>
      <c r="EY27" s="277">
        <v>900</v>
      </c>
      <c r="EZ27" s="282">
        <v>1129</v>
      </c>
    </row>
    <row r="28" spans="2:156" ht="19.5" customHeight="1" x14ac:dyDescent="0.2">
      <c r="B28" s="261" t="s">
        <v>26</v>
      </c>
      <c r="C28" s="276">
        <v>0</v>
      </c>
      <c r="D28" s="280">
        <v>0</v>
      </c>
      <c r="E28" s="384">
        <v>0</v>
      </c>
      <c r="F28" s="279">
        <v>0</v>
      </c>
      <c r="G28" s="280">
        <v>74</v>
      </c>
      <c r="H28" s="280">
        <v>68</v>
      </c>
      <c r="I28" s="280">
        <v>45</v>
      </c>
      <c r="J28" s="280">
        <v>38</v>
      </c>
      <c r="K28" s="280">
        <v>39</v>
      </c>
      <c r="L28" s="281">
        <v>264</v>
      </c>
      <c r="M28" s="282">
        <v>264</v>
      </c>
      <c r="N28" s="276">
        <v>0</v>
      </c>
      <c r="O28" s="280">
        <v>0</v>
      </c>
      <c r="P28" s="277">
        <v>0</v>
      </c>
      <c r="Q28" s="279">
        <v>0</v>
      </c>
      <c r="R28" s="280">
        <v>1</v>
      </c>
      <c r="S28" s="280">
        <v>1</v>
      </c>
      <c r="T28" s="280">
        <v>4</v>
      </c>
      <c r="U28" s="280">
        <v>10</v>
      </c>
      <c r="V28" s="280">
        <v>14</v>
      </c>
      <c r="W28" s="277">
        <v>30</v>
      </c>
      <c r="X28" s="282">
        <v>30</v>
      </c>
      <c r="Y28" s="276">
        <v>11</v>
      </c>
      <c r="Z28" s="280">
        <v>18</v>
      </c>
      <c r="AA28" s="277">
        <v>29</v>
      </c>
      <c r="AB28" s="279">
        <v>0</v>
      </c>
      <c r="AC28" s="280">
        <v>63</v>
      </c>
      <c r="AD28" s="280">
        <v>74</v>
      </c>
      <c r="AE28" s="280">
        <v>37</v>
      </c>
      <c r="AF28" s="280">
        <v>37</v>
      </c>
      <c r="AG28" s="280">
        <v>40</v>
      </c>
      <c r="AH28" s="277">
        <v>251</v>
      </c>
      <c r="AI28" s="282">
        <v>280</v>
      </c>
      <c r="AJ28" s="276">
        <v>0</v>
      </c>
      <c r="AK28" s="280">
        <v>0</v>
      </c>
      <c r="AL28" s="277">
        <v>0</v>
      </c>
      <c r="AM28" s="279">
        <v>0</v>
      </c>
      <c r="AN28" s="280">
        <v>2</v>
      </c>
      <c r="AO28" s="280">
        <v>6</v>
      </c>
      <c r="AP28" s="280">
        <v>3</v>
      </c>
      <c r="AQ28" s="280">
        <v>3</v>
      </c>
      <c r="AR28" s="280">
        <v>2</v>
      </c>
      <c r="AS28" s="277">
        <v>16</v>
      </c>
      <c r="AT28" s="282">
        <v>16</v>
      </c>
      <c r="AU28" s="276">
        <v>9</v>
      </c>
      <c r="AV28" s="280">
        <v>5</v>
      </c>
      <c r="AW28" s="277">
        <v>14</v>
      </c>
      <c r="AX28" s="279">
        <v>0</v>
      </c>
      <c r="AY28" s="280">
        <v>56</v>
      </c>
      <c r="AZ28" s="280">
        <v>54</v>
      </c>
      <c r="BA28" s="280">
        <v>64</v>
      </c>
      <c r="BB28" s="280">
        <v>69</v>
      </c>
      <c r="BC28" s="280">
        <v>55</v>
      </c>
      <c r="BD28" s="281">
        <v>298</v>
      </c>
      <c r="BE28" s="282">
        <v>312</v>
      </c>
      <c r="BF28" s="276">
        <v>0</v>
      </c>
      <c r="BG28" s="280">
        <v>0</v>
      </c>
      <c r="BH28" s="277">
        <v>0</v>
      </c>
      <c r="BI28" s="279">
        <v>0</v>
      </c>
      <c r="BJ28" s="280">
        <v>100</v>
      </c>
      <c r="BK28" s="280">
        <v>75</v>
      </c>
      <c r="BL28" s="280">
        <v>46</v>
      </c>
      <c r="BM28" s="280">
        <v>26</v>
      </c>
      <c r="BN28" s="280">
        <v>15</v>
      </c>
      <c r="BO28" s="277">
        <v>262</v>
      </c>
      <c r="BP28" s="282">
        <v>262</v>
      </c>
      <c r="BQ28" s="276">
        <v>5</v>
      </c>
      <c r="BR28" s="280">
        <v>5</v>
      </c>
      <c r="BS28" s="277">
        <v>10</v>
      </c>
      <c r="BT28" s="279">
        <v>0</v>
      </c>
      <c r="BU28" s="280">
        <v>16</v>
      </c>
      <c r="BV28" s="280">
        <v>25</v>
      </c>
      <c r="BW28" s="280">
        <v>14</v>
      </c>
      <c r="BX28" s="280">
        <v>3</v>
      </c>
      <c r="BY28" s="280">
        <v>5</v>
      </c>
      <c r="BZ28" s="277">
        <v>63</v>
      </c>
      <c r="CA28" s="282">
        <v>73</v>
      </c>
      <c r="CB28" s="276">
        <v>0</v>
      </c>
      <c r="CC28" s="280">
        <v>2</v>
      </c>
      <c r="CD28" s="277">
        <v>2</v>
      </c>
      <c r="CE28" s="279">
        <v>0</v>
      </c>
      <c r="CF28" s="280">
        <v>7</v>
      </c>
      <c r="CG28" s="280">
        <v>14</v>
      </c>
      <c r="CH28" s="280">
        <v>18</v>
      </c>
      <c r="CI28" s="280">
        <v>23</v>
      </c>
      <c r="CJ28" s="280">
        <v>7</v>
      </c>
      <c r="CK28" s="277">
        <v>69</v>
      </c>
      <c r="CL28" s="282">
        <v>71</v>
      </c>
      <c r="CM28" s="276">
        <v>0</v>
      </c>
      <c r="CN28" s="280">
        <v>0</v>
      </c>
      <c r="CO28" s="277">
        <v>0</v>
      </c>
      <c r="CP28" s="279">
        <v>0</v>
      </c>
      <c r="CQ28" s="280">
        <v>1</v>
      </c>
      <c r="CR28" s="280">
        <v>2</v>
      </c>
      <c r="CS28" s="280">
        <v>2</v>
      </c>
      <c r="CT28" s="280">
        <v>2</v>
      </c>
      <c r="CU28" s="280">
        <v>0</v>
      </c>
      <c r="CV28" s="277">
        <v>7</v>
      </c>
      <c r="CW28" s="282">
        <v>7</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56</v>
      </c>
      <c r="DU28" s="280">
        <v>88</v>
      </c>
      <c r="DV28" s="277">
        <v>144</v>
      </c>
      <c r="DW28" s="279">
        <v>0</v>
      </c>
      <c r="DX28" s="280">
        <v>141</v>
      </c>
      <c r="DY28" s="280">
        <v>167</v>
      </c>
      <c r="DZ28" s="280">
        <v>107</v>
      </c>
      <c r="EA28" s="280">
        <v>84</v>
      </c>
      <c r="EB28" s="280">
        <v>59</v>
      </c>
      <c r="EC28" s="277">
        <v>558</v>
      </c>
      <c r="ED28" s="282">
        <v>702</v>
      </c>
      <c r="EE28" s="276">
        <v>10</v>
      </c>
      <c r="EF28" s="280">
        <v>3</v>
      </c>
      <c r="EG28" s="277">
        <v>13</v>
      </c>
      <c r="EH28" s="279">
        <v>0</v>
      </c>
      <c r="EI28" s="280">
        <v>23</v>
      </c>
      <c r="EJ28" s="280">
        <v>20</v>
      </c>
      <c r="EK28" s="280">
        <v>21</v>
      </c>
      <c r="EL28" s="280">
        <v>19</v>
      </c>
      <c r="EM28" s="280">
        <v>13</v>
      </c>
      <c r="EN28" s="277">
        <v>96</v>
      </c>
      <c r="EO28" s="282">
        <v>109</v>
      </c>
      <c r="EP28" s="276">
        <v>68</v>
      </c>
      <c r="EQ28" s="280">
        <v>99</v>
      </c>
      <c r="ER28" s="277">
        <v>167</v>
      </c>
      <c r="ES28" s="279">
        <v>0</v>
      </c>
      <c r="ET28" s="280">
        <v>261</v>
      </c>
      <c r="EU28" s="280">
        <v>218</v>
      </c>
      <c r="EV28" s="280">
        <v>123</v>
      </c>
      <c r="EW28" s="280">
        <v>90</v>
      </c>
      <c r="EX28" s="280">
        <v>63</v>
      </c>
      <c r="EY28" s="277">
        <v>755</v>
      </c>
      <c r="EZ28" s="282">
        <v>922</v>
      </c>
    </row>
    <row r="29" spans="2:156" ht="19.5" customHeight="1" x14ac:dyDescent="0.2">
      <c r="B29" s="261" t="s">
        <v>27</v>
      </c>
      <c r="C29" s="276">
        <v>0</v>
      </c>
      <c r="D29" s="280">
        <v>0</v>
      </c>
      <c r="E29" s="384">
        <v>0</v>
      </c>
      <c r="F29" s="279">
        <v>0</v>
      </c>
      <c r="G29" s="280">
        <v>43</v>
      </c>
      <c r="H29" s="280">
        <v>56</v>
      </c>
      <c r="I29" s="280">
        <v>31</v>
      </c>
      <c r="J29" s="280">
        <v>33</v>
      </c>
      <c r="K29" s="280">
        <v>32</v>
      </c>
      <c r="L29" s="281">
        <v>195</v>
      </c>
      <c r="M29" s="282">
        <v>195</v>
      </c>
      <c r="N29" s="276">
        <v>0</v>
      </c>
      <c r="O29" s="280">
        <v>0</v>
      </c>
      <c r="P29" s="277">
        <v>0</v>
      </c>
      <c r="Q29" s="279">
        <v>0</v>
      </c>
      <c r="R29" s="280">
        <v>1</v>
      </c>
      <c r="S29" s="280">
        <v>3</v>
      </c>
      <c r="T29" s="280">
        <v>6</v>
      </c>
      <c r="U29" s="280">
        <v>12</v>
      </c>
      <c r="V29" s="280">
        <v>16</v>
      </c>
      <c r="W29" s="277">
        <v>38</v>
      </c>
      <c r="X29" s="282">
        <v>38</v>
      </c>
      <c r="Y29" s="276">
        <v>22</v>
      </c>
      <c r="Z29" s="280">
        <v>40</v>
      </c>
      <c r="AA29" s="277">
        <v>62</v>
      </c>
      <c r="AB29" s="279">
        <v>0</v>
      </c>
      <c r="AC29" s="280">
        <v>32</v>
      </c>
      <c r="AD29" s="280">
        <v>40</v>
      </c>
      <c r="AE29" s="280">
        <v>36</v>
      </c>
      <c r="AF29" s="280">
        <v>31</v>
      </c>
      <c r="AG29" s="280">
        <v>29</v>
      </c>
      <c r="AH29" s="277">
        <v>168</v>
      </c>
      <c r="AI29" s="282">
        <v>230</v>
      </c>
      <c r="AJ29" s="276">
        <v>0</v>
      </c>
      <c r="AK29" s="280">
        <v>2</v>
      </c>
      <c r="AL29" s="277">
        <v>2</v>
      </c>
      <c r="AM29" s="279">
        <v>0</v>
      </c>
      <c r="AN29" s="280">
        <v>1</v>
      </c>
      <c r="AO29" s="280">
        <v>1</v>
      </c>
      <c r="AP29" s="280">
        <v>0</v>
      </c>
      <c r="AQ29" s="280">
        <v>2</v>
      </c>
      <c r="AR29" s="280">
        <v>2</v>
      </c>
      <c r="AS29" s="277">
        <v>6</v>
      </c>
      <c r="AT29" s="282">
        <v>8</v>
      </c>
      <c r="AU29" s="276">
        <v>10</v>
      </c>
      <c r="AV29" s="280">
        <v>16</v>
      </c>
      <c r="AW29" s="277">
        <v>26</v>
      </c>
      <c r="AX29" s="279">
        <v>0</v>
      </c>
      <c r="AY29" s="280">
        <v>60</v>
      </c>
      <c r="AZ29" s="280">
        <v>59</v>
      </c>
      <c r="BA29" s="280">
        <v>74</v>
      </c>
      <c r="BB29" s="280">
        <v>68</v>
      </c>
      <c r="BC29" s="280">
        <v>41</v>
      </c>
      <c r="BD29" s="281">
        <v>302</v>
      </c>
      <c r="BE29" s="282">
        <v>328</v>
      </c>
      <c r="BF29" s="276">
        <v>0</v>
      </c>
      <c r="BG29" s="280">
        <v>0</v>
      </c>
      <c r="BH29" s="277">
        <v>0</v>
      </c>
      <c r="BI29" s="279">
        <v>0</v>
      </c>
      <c r="BJ29" s="280">
        <v>96</v>
      </c>
      <c r="BK29" s="280">
        <v>72</v>
      </c>
      <c r="BL29" s="280">
        <v>40</v>
      </c>
      <c r="BM29" s="280">
        <v>30</v>
      </c>
      <c r="BN29" s="280">
        <v>13</v>
      </c>
      <c r="BO29" s="277">
        <v>251</v>
      </c>
      <c r="BP29" s="282">
        <v>251</v>
      </c>
      <c r="BQ29" s="276">
        <v>8</v>
      </c>
      <c r="BR29" s="280">
        <v>32</v>
      </c>
      <c r="BS29" s="277">
        <v>40</v>
      </c>
      <c r="BT29" s="279">
        <v>0</v>
      </c>
      <c r="BU29" s="280">
        <v>14</v>
      </c>
      <c r="BV29" s="280">
        <v>26</v>
      </c>
      <c r="BW29" s="280">
        <v>12</v>
      </c>
      <c r="BX29" s="280">
        <v>5</v>
      </c>
      <c r="BY29" s="280">
        <v>6</v>
      </c>
      <c r="BZ29" s="277">
        <v>63</v>
      </c>
      <c r="CA29" s="282">
        <v>103</v>
      </c>
      <c r="CB29" s="276">
        <v>0</v>
      </c>
      <c r="CC29" s="280">
        <v>0</v>
      </c>
      <c r="CD29" s="277">
        <v>0</v>
      </c>
      <c r="CE29" s="279">
        <v>0</v>
      </c>
      <c r="CF29" s="280">
        <v>10</v>
      </c>
      <c r="CG29" s="280">
        <v>11</v>
      </c>
      <c r="CH29" s="280">
        <v>13</v>
      </c>
      <c r="CI29" s="280">
        <v>9</v>
      </c>
      <c r="CJ29" s="280">
        <v>9</v>
      </c>
      <c r="CK29" s="277">
        <v>52</v>
      </c>
      <c r="CL29" s="282">
        <v>52</v>
      </c>
      <c r="CM29" s="276">
        <v>0</v>
      </c>
      <c r="CN29" s="280">
        <v>0</v>
      </c>
      <c r="CO29" s="277">
        <v>0</v>
      </c>
      <c r="CP29" s="279">
        <v>0</v>
      </c>
      <c r="CQ29" s="280">
        <v>5</v>
      </c>
      <c r="CR29" s="280">
        <v>1</v>
      </c>
      <c r="CS29" s="280">
        <v>0</v>
      </c>
      <c r="CT29" s="280">
        <v>5</v>
      </c>
      <c r="CU29" s="280">
        <v>1</v>
      </c>
      <c r="CV29" s="277">
        <v>12</v>
      </c>
      <c r="CW29" s="282">
        <v>12</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80</v>
      </c>
      <c r="DU29" s="280">
        <v>125</v>
      </c>
      <c r="DV29" s="277">
        <v>205</v>
      </c>
      <c r="DW29" s="279">
        <v>0</v>
      </c>
      <c r="DX29" s="280">
        <v>69</v>
      </c>
      <c r="DY29" s="280">
        <v>141</v>
      </c>
      <c r="DZ29" s="280">
        <v>88</v>
      </c>
      <c r="EA29" s="280">
        <v>64</v>
      </c>
      <c r="EB29" s="280">
        <v>44</v>
      </c>
      <c r="EC29" s="277">
        <v>406</v>
      </c>
      <c r="ED29" s="282">
        <v>611</v>
      </c>
      <c r="EE29" s="276">
        <v>8</v>
      </c>
      <c r="EF29" s="280">
        <v>11</v>
      </c>
      <c r="EG29" s="277">
        <v>19</v>
      </c>
      <c r="EH29" s="279">
        <v>0</v>
      </c>
      <c r="EI29" s="280">
        <v>38</v>
      </c>
      <c r="EJ29" s="280">
        <v>29</v>
      </c>
      <c r="EK29" s="280">
        <v>38</v>
      </c>
      <c r="EL29" s="280">
        <v>37</v>
      </c>
      <c r="EM29" s="280">
        <v>11</v>
      </c>
      <c r="EN29" s="277">
        <v>153</v>
      </c>
      <c r="EO29" s="282">
        <v>172</v>
      </c>
      <c r="EP29" s="276">
        <v>100</v>
      </c>
      <c r="EQ29" s="280">
        <v>155</v>
      </c>
      <c r="ER29" s="277">
        <v>255</v>
      </c>
      <c r="ES29" s="279">
        <v>0</v>
      </c>
      <c r="ET29" s="280">
        <v>187</v>
      </c>
      <c r="EU29" s="280">
        <v>174</v>
      </c>
      <c r="EV29" s="280">
        <v>108</v>
      </c>
      <c r="EW29" s="280">
        <v>69</v>
      </c>
      <c r="EX29" s="280">
        <v>46</v>
      </c>
      <c r="EY29" s="277">
        <v>584</v>
      </c>
      <c r="EZ29" s="282">
        <v>839</v>
      </c>
    </row>
    <row r="30" spans="2:156" ht="19.5" customHeight="1" x14ac:dyDescent="0.2">
      <c r="B30" s="261" t="s">
        <v>28</v>
      </c>
      <c r="C30" s="276">
        <v>0</v>
      </c>
      <c r="D30" s="280">
        <v>0</v>
      </c>
      <c r="E30" s="384">
        <v>0</v>
      </c>
      <c r="F30" s="279">
        <v>0</v>
      </c>
      <c r="G30" s="280">
        <v>13</v>
      </c>
      <c r="H30" s="280">
        <v>16</v>
      </c>
      <c r="I30" s="280">
        <v>4</v>
      </c>
      <c r="J30" s="280">
        <v>10</v>
      </c>
      <c r="K30" s="280">
        <v>10</v>
      </c>
      <c r="L30" s="281">
        <v>53</v>
      </c>
      <c r="M30" s="282">
        <v>53</v>
      </c>
      <c r="N30" s="276">
        <v>0</v>
      </c>
      <c r="O30" s="280">
        <v>0</v>
      </c>
      <c r="P30" s="277">
        <v>0</v>
      </c>
      <c r="Q30" s="279">
        <v>0</v>
      </c>
      <c r="R30" s="280">
        <v>0</v>
      </c>
      <c r="S30" s="280">
        <v>1</v>
      </c>
      <c r="T30" s="280">
        <v>2</v>
      </c>
      <c r="U30" s="280">
        <v>3</v>
      </c>
      <c r="V30" s="280">
        <v>1</v>
      </c>
      <c r="W30" s="277">
        <v>7</v>
      </c>
      <c r="X30" s="282">
        <v>7</v>
      </c>
      <c r="Y30" s="276">
        <v>2</v>
      </c>
      <c r="Z30" s="280">
        <v>2</v>
      </c>
      <c r="AA30" s="277">
        <v>4</v>
      </c>
      <c r="AB30" s="279">
        <v>0</v>
      </c>
      <c r="AC30" s="280">
        <v>5</v>
      </c>
      <c r="AD30" s="280">
        <v>23</v>
      </c>
      <c r="AE30" s="280">
        <v>8</v>
      </c>
      <c r="AF30" s="280">
        <v>13</v>
      </c>
      <c r="AG30" s="280">
        <v>9</v>
      </c>
      <c r="AH30" s="277">
        <v>58</v>
      </c>
      <c r="AI30" s="282">
        <v>62</v>
      </c>
      <c r="AJ30" s="276">
        <v>0</v>
      </c>
      <c r="AK30" s="280">
        <v>0</v>
      </c>
      <c r="AL30" s="277">
        <v>0</v>
      </c>
      <c r="AM30" s="279">
        <v>0</v>
      </c>
      <c r="AN30" s="280">
        <v>4</v>
      </c>
      <c r="AO30" s="280">
        <v>0</v>
      </c>
      <c r="AP30" s="280">
        <v>0</v>
      </c>
      <c r="AQ30" s="280">
        <v>2</v>
      </c>
      <c r="AR30" s="280">
        <v>2</v>
      </c>
      <c r="AS30" s="277">
        <v>8</v>
      </c>
      <c r="AT30" s="282">
        <v>8</v>
      </c>
      <c r="AU30" s="276">
        <v>1</v>
      </c>
      <c r="AV30" s="280">
        <v>1</v>
      </c>
      <c r="AW30" s="277">
        <v>2</v>
      </c>
      <c r="AX30" s="279">
        <v>0</v>
      </c>
      <c r="AY30" s="280">
        <v>11</v>
      </c>
      <c r="AZ30" s="280">
        <v>27</v>
      </c>
      <c r="BA30" s="280">
        <v>19</v>
      </c>
      <c r="BB30" s="280">
        <v>21</v>
      </c>
      <c r="BC30" s="280">
        <v>17</v>
      </c>
      <c r="BD30" s="281">
        <v>95</v>
      </c>
      <c r="BE30" s="282">
        <v>97</v>
      </c>
      <c r="BF30" s="276">
        <v>0</v>
      </c>
      <c r="BG30" s="280">
        <v>0</v>
      </c>
      <c r="BH30" s="277">
        <v>0</v>
      </c>
      <c r="BI30" s="279">
        <v>0</v>
      </c>
      <c r="BJ30" s="280">
        <v>29</v>
      </c>
      <c r="BK30" s="280">
        <v>38</v>
      </c>
      <c r="BL30" s="280">
        <v>13</v>
      </c>
      <c r="BM30" s="280">
        <v>14</v>
      </c>
      <c r="BN30" s="280">
        <v>9</v>
      </c>
      <c r="BO30" s="277">
        <v>103</v>
      </c>
      <c r="BP30" s="282">
        <v>103</v>
      </c>
      <c r="BQ30" s="276">
        <v>0</v>
      </c>
      <c r="BR30" s="280">
        <v>5</v>
      </c>
      <c r="BS30" s="277">
        <v>5</v>
      </c>
      <c r="BT30" s="279">
        <v>0</v>
      </c>
      <c r="BU30" s="280">
        <v>5</v>
      </c>
      <c r="BV30" s="280">
        <v>17</v>
      </c>
      <c r="BW30" s="280">
        <v>3</v>
      </c>
      <c r="BX30" s="280">
        <v>7</v>
      </c>
      <c r="BY30" s="280">
        <v>4</v>
      </c>
      <c r="BZ30" s="277">
        <v>36</v>
      </c>
      <c r="CA30" s="282">
        <v>41</v>
      </c>
      <c r="CB30" s="276">
        <v>0</v>
      </c>
      <c r="CC30" s="280">
        <v>1</v>
      </c>
      <c r="CD30" s="277">
        <v>1</v>
      </c>
      <c r="CE30" s="279">
        <v>0</v>
      </c>
      <c r="CF30" s="280">
        <v>1</v>
      </c>
      <c r="CG30" s="280">
        <v>4</v>
      </c>
      <c r="CH30" s="280">
        <v>5</v>
      </c>
      <c r="CI30" s="280">
        <v>6</v>
      </c>
      <c r="CJ30" s="280">
        <v>3</v>
      </c>
      <c r="CK30" s="277">
        <v>19</v>
      </c>
      <c r="CL30" s="282">
        <v>20</v>
      </c>
      <c r="CM30" s="276">
        <v>0</v>
      </c>
      <c r="CN30" s="280">
        <v>0</v>
      </c>
      <c r="CO30" s="277">
        <v>0</v>
      </c>
      <c r="CP30" s="279">
        <v>0</v>
      </c>
      <c r="CQ30" s="280">
        <v>2</v>
      </c>
      <c r="CR30" s="280">
        <v>0</v>
      </c>
      <c r="CS30" s="280">
        <v>1</v>
      </c>
      <c r="CT30" s="280">
        <v>3</v>
      </c>
      <c r="CU30" s="280">
        <v>1</v>
      </c>
      <c r="CV30" s="277">
        <v>7</v>
      </c>
      <c r="CW30" s="282">
        <v>7</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8</v>
      </c>
      <c r="DU30" s="280">
        <v>16</v>
      </c>
      <c r="DV30" s="277">
        <v>24</v>
      </c>
      <c r="DW30" s="279">
        <v>0</v>
      </c>
      <c r="DX30" s="280">
        <v>32</v>
      </c>
      <c r="DY30" s="280">
        <v>63</v>
      </c>
      <c r="DZ30" s="280">
        <v>26</v>
      </c>
      <c r="EA30" s="280">
        <v>29</v>
      </c>
      <c r="EB30" s="280">
        <v>20</v>
      </c>
      <c r="EC30" s="277">
        <v>170</v>
      </c>
      <c r="ED30" s="282">
        <v>194</v>
      </c>
      <c r="EE30" s="276">
        <v>1</v>
      </c>
      <c r="EF30" s="280">
        <v>0</v>
      </c>
      <c r="EG30" s="277">
        <v>1</v>
      </c>
      <c r="EH30" s="279">
        <v>0</v>
      </c>
      <c r="EI30" s="280">
        <v>4</v>
      </c>
      <c r="EJ30" s="280">
        <v>7</v>
      </c>
      <c r="EK30" s="280">
        <v>5</v>
      </c>
      <c r="EL30" s="280">
        <v>6</v>
      </c>
      <c r="EM30" s="280">
        <v>2</v>
      </c>
      <c r="EN30" s="277">
        <v>24</v>
      </c>
      <c r="EO30" s="282">
        <v>25</v>
      </c>
      <c r="EP30" s="276">
        <v>9</v>
      </c>
      <c r="EQ30" s="280">
        <v>18</v>
      </c>
      <c r="ER30" s="277">
        <v>27</v>
      </c>
      <c r="ES30" s="279">
        <v>0</v>
      </c>
      <c r="ET30" s="280">
        <v>68</v>
      </c>
      <c r="EU30" s="280">
        <v>88</v>
      </c>
      <c r="EV30" s="280">
        <v>29</v>
      </c>
      <c r="EW30" s="280">
        <v>32</v>
      </c>
      <c r="EX30" s="280">
        <v>21</v>
      </c>
      <c r="EY30" s="277">
        <v>238</v>
      </c>
      <c r="EZ30" s="282">
        <v>265</v>
      </c>
    </row>
    <row r="31" spans="2:156" ht="19.5" customHeight="1" x14ac:dyDescent="0.2">
      <c r="B31" s="261" t="s">
        <v>29</v>
      </c>
      <c r="C31" s="276">
        <v>0</v>
      </c>
      <c r="D31" s="280">
        <v>0</v>
      </c>
      <c r="E31" s="384">
        <v>0</v>
      </c>
      <c r="F31" s="279">
        <v>0</v>
      </c>
      <c r="G31" s="280">
        <v>22</v>
      </c>
      <c r="H31" s="280">
        <v>23</v>
      </c>
      <c r="I31" s="280">
        <v>16</v>
      </c>
      <c r="J31" s="280">
        <v>14</v>
      </c>
      <c r="K31" s="280">
        <v>10</v>
      </c>
      <c r="L31" s="281">
        <v>85</v>
      </c>
      <c r="M31" s="282">
        <v>85</v>
      </c>
      <c r="N31" s="276">
        <v>0</v>
      </c>
      <c r="O31" s="280">
        <v>0</v>
      </c>
      <c r="P31" s="277">
        <v>0</v>
      </c>
      <c r="Q31" s="279">
        <v>0</v>
      </c>
      <c r="R31" s="280">
        <v>1</v>
      </c>
      <c r="S31" s="280">
        <v>0</v>
      </c>
      <c r="T31" s="280">
        <v>2</v>
      </c>
      <c r="U31" s="280">
        <v>3</v>
      </c>
      <c r="V31" s="280">
        <v>4</v>
      </c>
      <c r="W31" s="277">
        <v>10</v>
      </c>
      <c r="X31" s="282">
        <v>10</v>
      </c>
      <c r="Y31" s="276">
        <v>1</v>
      </c>
      <c r="Z31" s="280">
        <v>5</v>
      </c>
      <c r="AA31" s="277">
        <v>6</v>
      </c>
      <c r="AB31" s="279">
        <v>0</v>
      </c>
      <c r="AC31" s="280">
        <v>15</v>
      </c>
      <c r="AD31" s="280">
        <v>13</v>
      </c>
      <c r="AE31" s="280">
        <v>15</v>
      </c>
      <c r="AF31" s="280">
        <v>10</v>
      </c>
      <c r="AG31" s="280">
        <v>6</v>
      </c>
      <c r="AH31" s="277">
        <v>59</v>
      </c>
      <c r="AI31" s="282">
        <v>65</v>
      </c>
      <c r="AJ31" s="276">
        <v>0</v>
      </c>
      <c r="AK31" s="280">
        <v>1</v>
      </c>
      <c r="AL31" s="277">
        <v>1</v>
      </c>
      <c r="AM31" s="279">
        <v>0</v>
      </c>
      <c r="AN31" s="280">
        <v>2</v>
      </c>
      <c r="AO31" s="280">
        <v>3</v>
      </c>
      <c r="AP31" s="280">
        <v>1</v>
      </c>
      <c r="AQ31" s="280">
        <v>4</v>
      </c>
      <c r="AR31" s="280">
        <v>0</v>
      </c>
      <c r="AS31" s="277">
        <v>10</v>
      </c>
      <c r="AT31" s="282">
        <v>11</v>
      </c>
      <c r="AU31" s="276">
        <v>1</v>
      </c>
      <c r="AV31" s="280">
        <v>1</v>
      </c>
      <c r="AW31" s="277">
        <v>2</v>
      </c>
      <c r="AX31" s="279">
        <v>0</v>
      </c>
      <c r="AY31" s="280">
        <v>11</v>
      </c>
      <c r="AZ31" s="280">
        <v>27</v>
      </c>
      <c r="BA31" s="280">
        <v>11</v>
      </c>
      <c r="BB31" s="280">
        <v>18</v>
      </c>
      <c r="BC31" s="280">
        <v>9</v>
      </c>
      <c r="BD31" s="281">
        <v>76</v>
      </c>
      <c r="BE31" s="282">
        <v>78</v>
      </c>
      <c r="BF31" s="276">
        <v>0</v>
      </c>
      <c r="BG31" s="280">
        <v>0</v>
      </c>
      <c r="BH31" s="277">
        <v>0</v>
      </c>
      <c r="BI31" s="279">
        <v>0</v>
      </c>
      <c r="BJ31" s="280">
        <v>31</v>
      </c>
      <c r="BK31" s="280">
        <v>43</v>
      </c>
      <c r="BL31" s="280">
        <v>21</v>
      </c>
      <c r="BM31" s="280">
        <v>18</v>
      </c>
      <c r="BN31" s="280">
        <v>7</v>
      </c>
      <c r="BO31" s="277">
        <v>120</v>
      </c>
      <c r="BP31" s="282">
        <v>120</v>
      </c>
      <c r="BQ31" s="276">
        <v>2</v>
      </c>
      <c r="BR31" s="280">
        <v>3</v>
      </c>
      <c r="BS31" s="277">
        <v>5</v>
      </c>
      <c r="BT31" s="279">
        <v>0</v>
      </c>
      <c r="BU31" s="280">
        <v>13</v>
      </c>
      <c r="BV31" s="280">
        <v>11</v>
      </c>
      <c r="BW31" s="280">
        <v>9</v>
      </c>
      <c r="BX31" s="280">
        <v>4</v>
      </c>
      <c r="BY31" s="280">
        <v>2</v>
      </c>
      <c r="BZ31" s="277">
        <v>39</v>
      </c>
      <c r="CA31" s="282">
        <v>44</v>
      </c>
      <c r="CB31" s="276">
        <v>0</v>
      </c>
      <c r="CC31" s="280">
        <v>0</v>
      </c>
      <c r="CD31" s="277">
        <v>0</v>
      </c>
      <c r="CE31" s="279">
        <v>0</v>
      </c>
      <c r="CF31" s="280">
        <v>1</v>
      </c>
      <c r="CG31" s="280">
        <v>9</v>
      </c>
      <c r="CH31" s="280">
        <v>10</v>
      </c>
      <c r="CI31" s="280">
        <v>9</v>
      </c>
      <c r="CJ31" s="280">
        <v>7</v>
      </c>
      <c r="CK31" s="277">
        <v>36</v>
      </c>
      <c r="CL31" s="282">
        <v>36</v>
      </c>
      <c r="CM31" s="276">
        <v>0</v>
      </c>
      <c r="CN31" s="280">
        <v>0</v>
      </c>
      <c r="CO31" s="277">
        <v>0</v>
      </c>
      <c r="CP31" s="279">
        <v>0</v>
      </c>
      <c r="CQ31" s="280">
        <v>1</v>
      </c>
      <c r="CR31" s="280">
        <v>4</v>
      </c>
      <c r="CS31" s="280">
        <v>2</v>
      </c>
      <c r="CT31" s="280">
        <v>2</v>
      </c>
      <c r="CU31" s="280">
        <v>0</v>
      </c>
      <c r="CV31" s="277">
        <v>9</v>
      </c>
      <c r="CW31" s="282">
        <v>9</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7</v>
      </c>
      <c r="DU31" s="280">
        <v>25</v>
      </c>
      <c r="DV31" s="277">
        <v>52</v>
      </c>
      <c r="DW31" s="279">
        <v>0</v>
      </c>
      <c r="DX31" s="280">
        <v>39</v>
      </c>
      <c r="DY31" s="280">
        <v>70</v>
      </c>
      <c r="DZ31" s="280">
        <v>49</v>
      </c>
      <c r="EA31" s="280">
        <v>39</v>
      </c>
      <c r="EB31" s="280">
        <v>22</v>
      </c>
      <c r="EC31" s="277">
        <v>219</v>
      </c>
      <c r="ED31" s="282">
        <v>271</v>
      </c>
      <c r="EE31" s="276">
        <v>0</v>
      </c>
      <c r="EF31" s="280">
        <v>0</v>
      </c>
      <c r="EG31" s="277">
        <v>0</v>
      </c>
      <c r="EH31" s="279">
        <v>0</v>
      </c>
      <c r="EI31" s="280">
        <v>6</v>
      </c>
      <c r="EJ31" s="280">
        <v>11</v>
      </c>
      <c r="EK31" s="280">
        <v>2</v>
      </c>
      <c r="EL31" s="280">
        <v>11</v>
      </c>
      <c r="EM31" s="280">
        <v>4</v>
      </c>
      <c r="EN31" s="277">
        <v>34</v>
      </c>
      <c r="EO31" s="282">
        <v>34</v>
      </c>
      <c r="EP31" s="276">
        <v>29</v>
      </c>
      <c r="EQ31" s="280">
        <v>32</v>
      </c>
      <c r="ER31" s="277">
        <v>61</v>
      </c>
      <c r="ES31" s="279">
        <v>0</v>
      </c>
      <c r="ET31" s="280">
        <v>78</v>
      </c>
      <c r="EU31" s="280">
        <v>97</v>
      </c>
      <c r="EV31" s="280">
        <v>54</v>
      </c>
      <c r="EW31" s="280">
        <v>42</v>
      </c>
      <c r="EX31" s="280">
        <v>22</v>
      </c>
      <c r="EY31" s="277">
        <v>293</v>
      </c>
      <c r="EZ31" s="282">
        <v>354</v>
      </c>
    </row>
    <row r="32" spans="2:156" ht="19.5" customHeight="1" x14ac:dyDescent="0.2">
      <c r="B32" s="261" t="s">
        <v>30</v>
      </c>
      <c r="C32" s="276">
        <v>0</v>
      </c>
      <c r="D32" s="280">
        <v>0</v>
      </c>
      <c r="E32" s="384">
        <v>0</v>
      </c>
      <c r="F32" s="279">
        <v>0</v>
      </c>
      <c r="G32" s="280">
        <v>23</v>
      </c>
      <c r="H32" s="280">
        <v>18</v>
      </c>
      <c r="I32" s="280">
        <v>17</v>
      </c>
      <c r="J32" s="280">
        <v>15</v>
      </c>
      <c r="K32" s="280">
        <v>6</v>
      </c>
      <c r="L32" s="281">
        <v>79</v>
      </c>
      <c r="M32" s="282">
        <v>79</v>
      </c>
      <c r="N32" s="276">
        <v>0</v>
      </c>
      <c r="O32" s="280">
        <v>0</v>
      </c>
      <c r="P32" s="277">
        <v>0</v>
      </c>
      <c r="Q32" s="279">
        <v>0</v>
      </c>
      <c r="R32" s="280">
        <v>1</v>
      </c>
      <c r="S32" s="280">
        <v>1</v>
      </c>
      <c r="T32" s="280">
        <v>1</v>
      </c>
      <c r="U32" s="280">
        <v>6</v>
      </c>
      <c r="V32" s="280">
        <v>7</v>
      </c>
      <c r="W32" s="277">
        <v>16</v>
      </c>
      <c r="X32" s="282">
        <v>16</v>
      </c>
      <c r="Y32" s="276">
        <v>0</v>
      </c>
      <c r="Z32" s="280">
        <v>0</v>
      </c>
      <c r="AA32" s="277">
        <v>0</v>
      </c>
      <c r="AB32" s="279">
        <v>0</v>
      </c>
      <c r="AC32" s="280">
        <v>22</v>
      </c>
      <c r="AD32" s="280">
        <v>22</v>
      </c>
      <c r="AE32" s="280">
        <v>17</v>
      </c>
      <c r="AF32" s="280">
        <v>18</v>
      </c>
      <c r="AG32" s="280">
        <v>7</v>
      </c>
      <c r="AH32" s="277">
        <v>86</v>
      </c>
      <c r="AI32" s="282">
        <v>86</v>
      </c>
      <c r="AJ32" s="276">
        <v>0</v>
      </c>
      <c r="AK32" s="280">
        <v>0</v>
      </c>
      <c r="AL32" s="277">
        <v>0</v>
      </c>
      <c r="AM32" s="279">
        <v>0</v>
      </c>
      <c r="AN32" s="280">
        <v>3</v>
      </c>
      <c r="AO32" s="280">
        <v>0</v>
      </c>
      <c r="AP32" s="280">
        <v>3</v>
      </c>
      <c r="AQ32" s="280">
        <v>2</v>
      </c>
      <c r="AR32" s="280">
        <v>0</v>
      </c>
      <c r="AS32" s="277">
        <v>8</v>
      </c>
      <c r="AT32" s="282">
        <v>8</v>
      </c>
      <c r="AU32" s="276">
        <v>2</v>
      </c>
      <c r="AV32" s="280">
        <v>0</v>
      </c>
      <c r="AW32" s="277">
        <v>2</v>
      </c>
      <c r="AX32" s="279">
        <v>0</v>
      </c>
      <c r="AY32" s="280">
        <v>23</v>
      </c>
      <c r="AZ32" s="280">
        <v>17</v>
      </c>
      <c r="BA32" s="280">
        <v>15</v>
      </c>
      <c r="BB32" s="280">
        <v>20</v>
      </c>
      <c r="BC32" s="280">
        <v>7</v>
      </c>
      <c r="BD32" s="281">
        <v>82</v>
      </c>
      <c r="BE32" s="282">
        <v>84</v>
      </c>
      <c r="BF32" s="276">
        <v>0</v>
      </c>
      <c r="BG32" s="280">
        <v>0</v>
      </c>
      <c r="BH32" s="277">
        <v>0</v>
      </c>
      <c r="BI32" s="279">
        <v>0</v>
      </c>
      <c r="BJ32" s="280">
        <v>34</v>
      </c>
      <c r="BK32" s="280">
        <v>28</v>
      </c>
      <c r="BL32" s="280">
        <v>21</v>
      </c>
      <c r="BM32" s="280">
        <v>13</v>
      </c>
      <c r="BN32" s="280">
        <v>3</v>
      </c>
      <c r="BO32" s="277">
        <v>99</v>
      </c>
      <c r="BP32" s="282">
        <v>99</v>
      </c>
      <c r="BQ32" s="276">
        <v>0</v>
      </c>
      <c r="BR32" s="280">
        <v>0</v>
      </c>
      <c r="BS32" s="277">
        <v>0</v>
      </c>
      <c r="BT32" s="279">
        <v>0</v>
      </c>
      <c r="BU32" s="280">
        <v>6</v>
      </c>
      <c r="BV32" s="280">
        <v>9</v>
      </c>
      <c r="BW32" s="280">
        <v>5</v>
      </c>
      <c r="BX32" s="280">
        <v>5</v>
      </c>
      <c r="BY32" s="280">
        <v>0</v>
      </c>
      <c r="BZ32" s="277">
        <v>25</v>
      </c>
      <c r="CA32" s="282">
        <v>25</v>
      </c>
      <c r="CB32" s="276">
        <v>0</v>
      </c>
      <c r="CC32" s="280">
        <v>0</v>
      </c>
      <c r="CD32" s="277">
        <v>0</v>
      </c>
      <c r="CE32" s="279">
        <v>0</v>
      </c>
      <c r="CF32" s="280">
        <v>7</v>
      </c>
      <c r="CG32" s="280">
        <v>6</v>
      </c>
      <c r="CH32" s="280">
        <v>8</v>
      </c>
      <c r="CI32" s="280">
        <v>4</v>
      </c>
      <c r="CJ32" s="280">
        <v>1</v>
      </c>
      <c r="CK32" s="277">
        <v>26</v>
      </c>
      <c r="CL32" s="282">
        <v>26</v>
      </c>
      <c r="CM32" s="276">
        <v>0</v>
      </c>
      <c r="CN32" s="280">
        <v>0</v>
      </c>
      <c r="CO32" s="277">
        <v>0</v>
      </c>
      <c r="CP32" s="279">
        <v>0</v>
      </c>
      <c r="CQ32" s="280">
        <v>0</v>
      </c>
      <c r="CR32" s="280">
        <v>1</v>
      </c>
      <c r="CS32" s="280">
        <v>3</v>
      </c>
      <c r="CT32" s="280">
        <v>0</v>
      </c>
      <c r="CU32" s="280">
        <v>3</v>
      </c>
      <c r="CV32" s="277">
        <v>7</v>
      </c>
      <c r="CW32" s="282">
        <v>7</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0</v>
      </c>
      <c r="DV32" s="277">
        <v>0</v>
      </c>
      <c r="DW32" s="279">
        <v>0</v>
      </c>
      <c r="DX32" s="280">
        <v>55</v>
      </c>
      <c r="DY32" s="280">
        <v>63</v>
      </c>
      <c r="DZ32" s="280">
        <v>50</v>
      </c>
      <c r="EA32" s="280">
        <v>39</v>
      </c>
      <c r="EB32" s="280">
        <v>14</v>
      </c>
      <c r="EC32" s="277">
        <v>221</v>
      </c>
      <c r="ED32" s="282">
        <v>221</v>
      </c>
      <c r="EE32" s="276">
        <v>2</v>
      </c>
      <c r="EF32" s="280">
        <v>0</v>
      </c>
      <c r="EG32" s="277">
        <v>2</v>
      </c>
      <c r="EH32" s="279">
        <v>0</v>
      </c>
      <c r="EI32" s="280">
        <v>6</v>
      </c>
      <c r="EJ32" s="280">
        <v>4</v>
      </c>
      <c r="EK32" s="280">
        <v>2</v>
      </c>
      <c r="EL32" s="280">
        <v>5</v>
      </c>
      <c r="EM32" s="280">
        <v>2</v>
      </c>
      <c r="EN32" s="277">
        <v>19</v>
      </c>
      <c r="EO32" s="282">
        <v>21</v>
      </c>
      <c r="EP32" s="276">
        <v>0</v>
      </c>
      <c r="EQ32" s="280">
        <v>0</v>
      </c>
      <c r="ER32" s="277">
        <v>0</v>
      </c>
      <c r="ES32" s="279">
        <v>0</v>
      </c>
      <c r="ET32" s="280">
        <v>91</v>
      </c>
      <c r="EU32" s="280">
        <v>80</v>
      </c>
      <c r="EV32" s="280">
        <v>56</v>
      </c>
      <c r="EW32" s="280">
        <v>43</v>
      </c>
      <c r="EX32" s="280">
        <v>15</v>
      </c>
      <c r="EY32" s="277">
        <v>285</v>
      </c>
      <c r="EZ32" s="282">
        <v>285</v>
      </c>
    </row>
    <row r="33" spans="2:156" ht="19.5" customHeight="1" x14ac:dyDescent="0.2">
      <c r="B33" s="261" t="s">
        <v>31</v>
      </c>
      <c r="C33" s="276">
        <v>0</v>
      </c>
      <c r="D33" s="280">
        <v>0</v>
      </c>
      <c r="E33" s="384">
        <v>0</v>
      </c>
      <c r="F33" s="279">
        <v>0</v>
      </c>
      <c r="G33" s="280">
        <v>17</v>
      </c>
      <c r="H33" s="280">
        <v>20</v>
      </c>
      <c r="I33" s="280">
        <v>7</v>
      </c>
      <c r="J33" s="280">
        <v>1</v>
      </c>
      <c r="K33" s="280">
        <v>8</v>
      </c>
      <c r="L33" s="281">
        <v>53</v>
      </c>
      <c r="M33" s="282">
        <v>53</v>
      </c>
      <c r="N33" s="276">
        <v>0</v>
      </c>
      <c r="O33" s="280">
        <v>0</v>
      </c>
      <c r="P33" s="277">
        <v>0</v>
      </c>
      <c r="Q33" s="279">
        <v>0</v>
      </c>
      <c r="R33" s="280">
        <v>1</v>
      </c>
      <c r="S33" s="280">
        <v>3</v>
      </c>
      <c r="T33" s="280">
        <v>4</v>
      </c>
      <c r="U33" s="280">
        <v>6</v>
      </c>
      <c r="V33" s="280">
        <v>4</v>
      </c>
      <c r="W33" s="277">
        <v>18</v>
      </c>
      <c r="X33" s="282">
        <v>18</v>
      </c>
      <c r="Y33" s="276">
        <v>3</v>
      </c>
      <c r="Z33" s="280">
        <v>4</v>
      </c>
      <c r="AA33" s="277">
        <v>7</v>
      </c>
      <c r="AB33" s="279">
        <v>0</v>
      </c>
      <c r="AC33" s="280">
        <v>12</v>
      </c>
      <c r="AD33" s="280">
        <v>20</v>
      </c>
      <c r="AE33" s="280">
        <v>12</v>
      </c>
      <c r="AF33" s="280">
        <v>15</v>
      </c>
      <c r="AG33" s="280">
        <v>9</v>
      </c>
      <c r="AH33" s="277">
        <v>68</v>
      </c>
      <c r="AI33" s="282">
        <v>75</v>
      </c>
      <c r="AJ33" s="276">
        <v>0</v>
      </c>
      <c r="AK33" s="280">
        <v>2</v>
      </c>
      <c r="AL33" s="277">
        <v>2</v>
      </c>
      <c r="AM33" s="279">
        <v>0</v>
      </c>
      <c r="AN33" s="280">
        <v>1</v>
      </c>
      <c r="AO33" s="280">
        <v>4</v>
      </c>
      <c r="AP33" s="280">
        <v>6</v>
      </c>
      <c r="AQ33" s="280">
        <v>3</v>
      </c>
      <c r="AR33" s="280">
        <v>2</v>
      </c>
      <c r="AS33" s="277">
        <v>16</v>
      </c>
      <c r="AT33" s="282">
        <v>18</v>
      </c>
      <c r="AU33" s="276">
        <v>3</v>
      </c>
      <c r="AV33" s="280">
        <v>1</v>
      </c>
      <c r="AW33" s="277">
        <v>4</v>
      </c>
      <c r="AX33" s="279">
        <v>0</v>
      </c>
      <c r="AY33" s="280">
        <v>10</v>
      </c>
      <c r="AZ33" s="280">
        <v>19</v>
      </c>
      <c r="BA33" s="280">
        <v>14</v>
      </c>
      <c r="BB33" s="280">
        <v>10</v>
      </c>
      <c r="BC33" s="280">
        <v>6</v>
      </c>
      <c r="BD33" s="281">
        <v>59</v>
      </c>
      <c r="BE33" s="282">
        <v>63</v>
      </c>
      <c r="BF33" s="276">
        <v>0</v>
      </c>
      <c r="BG33" s="280">
        <v>0</v>
      </c>
      <c r="BH33" s="277">
        <v>0</v>
      </c>
      <c r="BI33" s="279">
        <v>0</v>
      </c>
      <c r="BJ33" s="280">
        <v>35</v>
      </c>
      <c r="BK33" s="280">
        <v>42</v>
      </c>
      <c r="BL33" s="280">
        <v>25</v>
      </c>
      <c r="BM33" s="280">
        <v>14</v>
      </c>
      <c r="BN33" s="280">
        <v>4</v>
      </c>
      <c r="BO33" s="277">
        <v>120</v>
      </c>
      <c r="BP33" s="282">
        <v>120</v>
      </c>
      <c r="BQ33" s="276">
        <v>0</v>
      </c>
      <c r="BR33" s="280">
        <v>0</v>
      </c>
      <c r="BS33" s="277">
        <v>0</v>
      </c>
      <c r="BT33" s="279">
        <v>0</v>
      </c>
      <c r="BU33" s="280">
        <v>4</v>
      </c>
      <c r="BV33" s="280">
        <v>9</v>
      </c>
      <c r="BW33" s="280">
        <v>4</v>
      </c>
      <c r="BX33" s="280">
        <v>3</v>
      </c>
      <c r="BY33" s="280">
        <v>2</v>
      </c>
      <c r="BZ33" s="277">
        <v>22</v>
      </c>
      <c r="CA33" s="282">
        <v>22</v>
      </c>
      <c r="CB33" s="276">
        <v>0</v>
      </c>
      <c r="CC33" s="280">
        <v>1</v>
      </c>
      <c r="CD33" s="277">
        <v>1</v>
      </c>
      <c r="CE33" s="279">
        <v>0</v>
      </c>
      <c r="CF33" s="280">
        <v>4</v>
      </c>
      <c r="CG33" s="280">
        <v>9</v>
      </c>
      <c r="CH33" s="280">
        <v>12</v>
      </c>
      <c r="CI33" s="280">
        <v>10</v>
      </c>
      <c r="CJ33" s="280">
        <v>2</v>
      </c>
      <c r="CK33" s="277">
        <v>37</v>
      </c>
      <c r="CL33" s="282">
        <v>38</v>
      </c>
      <c r="CM33" s="276">
        <v>0</v>
      </c>
      <c r="CN33" s="280">
        <v>0</v>
      </c>
      <c r="CO33" s="277">
        <v>0</v>
      </c>
      <c r="CP33" s="279">
        <v>0</v>
      </c>
      <c r="CQ33" s="280">
        <v>1</v>
      </c>
      <c r="CR33" s="280">
        <v>1</v>
      </c>
      <c r="CS33" s="280">
        <v>1</v>
      </c>
      <c r="CT33" s="280">
        <v>2</v>
      </c>
      <c r="CU33" s="280">
        <v>1</v>
      </c>
      <c r="CV33" s="277">
        <v>6</v>
      </c>
      <c r="CW33" s="282">
        <v>6</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0</v>
      </c>
      <c r="DU33" s="280">
        <v>48</v>
      </c>
      <c r="DV33" s="277">
        <v>68</v>
      </c>
      <c r="DW33" s="279">
        <v>0</v>
      </c>
      <c r="DX33" s="280">
        <v>57</v>
      </c>
      <c r="DY33" s="280">
        <v>73</v>
      </c>
      <c r="DZ33" s="280">
        <v>42</v>
      </c>
      <c r="EA33" s="280">
        <v>26</v>
      </c>
      <c r="EB33" s="280">
        <v>16</v>
      </c>
      <c r="EC33" s="277">
        <v>214</v>
      </c>
      <c r="ED33" s="282">
        <v>282</v>
      </c>
      <c r="EE33" s="276">
        <v>2</v>
      </c>
      <c r="EF33" s="280">
        <v>1</v>
      </c>
      <c r="EG33" s="277">
        <v>3</v>
      </c>
      <c r="EH33" s="279">
        <v>0</v>
      </c>
      <c r="EI33" s="280">
        <v>8</v>
      </c>
      <c r="EJ33" s="280">
        <v>6</v>
      </c>
      <c r="EK33" s="280">
        <v>4</v>
      </c>
      <c r="EL33" s="280">
        <v>2</v>
      </c>
      <c r="EM33" s="280">
        <v>3</v>
      </c>
      <c r="EN33" s="277">
        <v>23</v>
      </c>
      <c r="EO33" s="282">
        <v>26</v>
      </c>
      <c r="EP33" s="276">
        <v>23</v>
      </c>
      <c r="EQ33" s="280">
        <v>48</v>
      </c>
      <c r="ER33" s="277">
        <v>71</v>
      </c>
      <c r="ES33" s="279">
        <v>0</v>
      </c>
      <c r="ET33" s="280">
        <v>100</v>
      </c>
      <c r="EU33" s="280">
        <v>92</v>
      </c>
      <c r="EV33" s="280">
        <v>54</v>
      </c>
      <c r="EW33" s="280">
        <v>28</v>
      </c>
      <c r="EX33" s="280">
        <v>15</v>
      </c>
      <c r="EY33" s="277">
        <v>289</v>
      </c>
      <c r="EZ33" s="282">
        <v>360</v>
      </c>
    </row>
    <row r="34" spans="2:156" ht="19.5" customHeight="1" x14ac:dyDescent="0.2">
      <c r="B34" s="261" t="s">
        <v>32</v>
      </c>
      <c r="C34" s="276">
        <v>0</v>
      </c>
      <c r="D34" s="280">
        <v>0</v>
      </c>
      <c r="E34" s="384">
        <v>0</v>
      </c>
      <c r="F34" s="279">
        <v>0</v>
      </c>
      <c r="G34" s="280">
        <v>32</v>
      </c>
      <c r="H34" s="280">
        <v>17</v>
      </c>
      <c r="I34" s="280">
        <v>11</v>
      </c>
      <c r="J34" s="280">
        <v>12</v>
      </c>
      <c r="K34" s="280">
        <v>11</v>
      </c>
      <c r="L34" s="281">
        <v>83</v>
      </c>
      <c r="M34" s="282">
        <v>83</v>
      </c>
      <c r="N34" s="276">
        <v>0</v>
      </c>
      <c r="O34" s="280">
        <v>0</v>
      </c>
      <c r="P34" s="277">
        <v>0</v>
      </c>
      <c r="Q34" s="279">
        <v>0</v>
      </c>
      <c r="R34" s="280">
        <v>0</v>
      </c>
      <c r="S34" s="280">
        <v>1</v>
      </c>
      <c r="T34" s="280">
        <v>0</v>
      </c>
      <c r="U34" s="280">
        <v>1</v>
      </c>
      <c r="V34" s="280">
        <v>8</v>
      </c>
      <c r="W34" s="277">
        <v>10</v>
      </c>
      <c r="X34" s="282">
        <v>10</v>
      </c>
      <c r="Y34" s="276">
        <v>6</v>
      </c>
      <c r="Z34" s="280">
        <v>5</v>
      </c>
      <c r="AA34" s="277">
        <v>11</v>
      </c>
      <c r="AB34" s="279">
        <v>0</v>
      </c>
      <c r="AC34" s="280">
        <v>35</v>
      </c>
      <c r="AD34" s="280">
        <v>22</v>
      </c>
      <c r="AE34" s="280">
        <v>12</v>
      </c>
      <c r="AF34" s="280">
        <v>14</v>
      </c>
      <c r="AG34" s="280">
        <v>9</v>
      </c>
      <c r="AH34" s="277">
        <v>92</v>
      </c>
      <c r="AI34" s="282">
        <v>103</v>
      </c>
      <c r="AJ34" s="276">
        <v>2</v>
      </c>
      <c r="AK34" s="280">
        <v>0</v>
      </c>
      <c r="AL34" s="277">
        <v>2</v>
      </c>
      <c r="AM34" s="279">
        <v>0</v>
      </c>
      <c r="AN34" s="280">
        <v>7</v>
      </c>
      <c r="AO34" s="280">
        <v>1</v>
      </c>
      <c r="AP34" s="280">
        <v>1</v>
      </c>
      <c r="AQ34" s="280">
        <v>2</v>
      </c>
      <c r="AR34" s="280">
        <v>4</v>
      </c>
      <c r="AS34" s="277">
        <v>15</v>
      </c>
      <c r="AT34" s="282">
        <v>17</v>
      </c>
      <c r="AU34" s="276">
        <v>1</v>
      </c>
      <c r="AV34" s="280">
        <v>1</v>
      </c>
      <c r="AW34" s="277">
        <v>2</v>
      </c>
      <c r="AX34" s="279">
        <v>0</v>
      </c>
      <c r="AY34" s="280">
        <v>21</v>
      </c>
      <c r="AZ34" s="280">
        <v>18</v>
      </c>
      <c r="BA34" s="280">
        <v>21</v>
      </c>
      <c r="BB34" s="280">
        <v>27</v>
      </c>
      <c r="BC34" s="280">
        <v>19</v>
      </c>
      <c r="BD34" s="281">
        <v>106</v>
      </c>
      <c r="BE34" s="282">
        <v>108</v>
      </c>
      <c r="BF34" s="276">
        <v>0</v>
      </c>
      <c r="BG34" s="280">
        <v>0</v>
      </c>
      <c r="BH34" s="277">
        <v>0</v>
      </c>
      <c r="BI34" s="279">
        <v>0</v>
      </c>
      <c r="BJ34" s="280">
        <v>51</v>
      </c>
      <c r="BK34" s="280">
        <v>48</v>
      </c>
      <c r="BL34" s="280">
        <v>20</v>
      </c>
      <c r="BM34" s="280">
        <v>24</v>
      </c>
      <c r="BN34" s="280">
        <v>4</v>
      </c>
      <c r="BO34" s="277">
        <v>147</v>
      </c>
      <c r="BP34" s="282">
        <v>147</v>
      </c>
      <c r="BQ34" s="276">
        <v>1</v>
      </c>
      <c r="BR34" s="280">
        <v>0</v>
      </c>
      <c r="BS34" s="277">
        <v>1</v>
      </c>
      <c r="BT34" s="279">
        <v>0</v>
      </c>
      <c r="BU34" s="280">
        <v>8</v>
      </c>
      <c r="BV34" s="280">
        <v>14</v>
      </c>
      <c r="BW34" s="280">
        <v>7</v>
      </c>
      <c r="BX34" s="280">
        <v>7</v>
      </c>
      <c r="BY34" s="280">
        <v>3</v>
      </c>
      <c r="BZ34" s="277">
        <v>39</v>
      </c>
      <c r="CA34" s="282">
        <v>40</v>
      </c>
      <c r="CB34" s="276">
        <v>2</v>
      </c>
      <c r="CC34" s="280">
        <v>0</v>
      </c>
      <c r="CD34" s="277">
        <v>2</v>
      </c>
      <c r="CE34" s="279">
        <v>0</v>
      </c>
      <c r="CF34" s="280">
        <v>5</v>
      </c>
      <c r="CG34" s="280">
        <v>6</v>
      </c>
      <c r="CH34" s="280">
        <v>11</v>
      </c>
      <c r="CI34" s="280">
        <v>7</v>
      </c>
      <c r="CJ34" s="280">
        <v>2</v>
      </c>
      <c r="CK34" s="277">
        <v>31</v>
      </c>
      <c r="CL34" s="282">
        <v>33</v>
      </c>
      <c r="CM34" s="276">
        <v>0</v>
      </c>
      <c r="CN34" s="280">
        <v>0</v>
      </c>
      <c r="CO34" s="277">
        <v>0</v>
      </c>
      <c r="CP34" s="279">
        <v>0</v>
      </c>
      <c r="CQ34" s="280">
        <v>1</v>
      </c>
      <c r="CR34" s="280">
        <v>1</v>
      </c>
      <c r="CS34" s="280">
        <v>4</v>
      </c>
      <c r="CT34" s="280">
        <v>4</v>
      </c>
      <c r="CU34" s="280">
        <v>1</v>
      </c>
      <c r="CV34" s="277">
        <v>11</v>
      </c>
      <c r="CW34" s="282">
        <v>11</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27</v>
      </c>
      <c r="DU34" s="280">
        <v>38</v>
      </c>
      <c r="DV34" s="277">
        <v>65</v>
      </c>
      <c r="DW34" s="279">
        <v>0</v>
      </c>
      <c r="DX34" s="280">
        <v>70</v>
      </c>
      <c r="DY34" s="280">
        <v>81</v>
      </c>
      <c r="DZ34" s="280">
        <v>45</v>
      </c>
      <c r="EA34" s="280">
        <v>36</v>
      </c>
      <c r="EB34" s="280">
        <v>17</v>
      </c>
      <c r="EC34" s="277">
        <v>249</v>
      </c>
      <c r="ED34" s="282">
        <v>314</v>
      </c>
      <c r="EE34" s="276">
        <v>3</v>
      </c>
      <c r="EF34" s="280">
        <v>3</v>
      </c>
      <c r="EG34" s="277">
        <v>6</v>
      </c>
      <c r="EH34" s="279">
        <v>0</v>
      </c>
      <c r="EI34" s="280">
        <v>8</v>
      </c>
      <c r="EJ34" s="280">
        <v>4</v>
      </c>
      <c r="EK34" s="280">
        <v>5</v>
      </c>
      <c r="EL34" s="280">
        <v>10</v>
      </c>
      <c r="EM34" s="280">
        <v>4</v>
      </c>
      <c r="EN34" s="277">
        <v>31</v>
      </c>
      <c r="EO34" s="282">
        <v>37</v>
      </c>
      <c r="EP34" s="276">
        <v>29</v>
      </c>
      <c r="EQ34" s="280">
        <v>38</v>
      </c>
      <c r="ER34" s="277">
        <v>67</v>
      </c>
      <c r="ES34" s="279">
        <v>0</v>
      </c>
      <c r="ET34" s="280">
        <v>144</v>
      </c>
      <c r="EU34" s="280">
        <v>116</v>
      </c>
      <c r="EV34" s="280">
        <v>51</v>
      </c>
      <c r="EW34" s="280">
        <v>39</v>
      </c>
      <c r="EX34" s="280">
        <v>19</v>
      </c>
      <c r="EY34" s="277">
        <v>369</v>
      </c>
      <c r="EZ34" s="282">
        <v>436</v>
      </c>
    </row>
    <row r="35" spans="2:156" ht="19.5" customHeight="1" x14ac:dyDescent="0.2">
      <c r="B35" s="261" t="s">
        <v>33</v>
      </c>
      <c r="C35" s="276">
        <v>0</v>
      </c>
      <c r="D35" s="280">
        <v>0</v>
      </c>
      <c r="E35" s="384">
        <v>0</v>
      </c>
      <c r="F35" s="279">
        <v>0</v>
      </c>
      <c r="G35" s="280">
        <v>24</v>
      </c>
      <c r="H35" s="280">
        <v>14</v>
      </c>
      <c r="I35" s="280">
        <v>13</v>
      </c>
      <c r="J35" s="280">
        <v>9</v>
      </c>
      <c r="K35" s="280">
        <v>10</v>
      </c>
      <c r="L35" s="281">
        <v>70</v>
      </c>
      <c r="M35" s="282">
        <v>70</v>
      </c>
      <c r="N35" s="276">
        <v>0</v>
      </c>
      <c r="O35" s="280">
        <v>0</v>
      </c>
      <c r="P35" s="277">
        <v>0</v>
      </c>
      <c r="Q35" s="279">
        <v>0</v>
      </c>
      <c r="R35" s="280">
        <v>0</v>
      </c>
      <c r="S35" s="280">
        <v>0</v>
      </c>
      <c r="T35" s="280">
        <v>1</v>
      </c>
      <c r="U35" s="280">
        <v>4</v>
      </c>
      <c r="V35" s="280">
        <v>3</v>
      </c>
      <c r="W35" s="277">
        <v>8</v>
      </c>
      <c r="X35" s="282">
        <v>8</v>
      </c>
      <c r="Y35" s="276">
        <v>2</v>
      </c>
      <c r="Z35" s="280">
        <v>2</v>
      </c>
      <c r="AA35" s="277">
        <v>4</v>
      </c>
      <c r="AB35" s="279">
        <v>0</v>
      </c>
      <c r="AC35" s="280">
        <v>12</v>
      </c>
      <c r="AD35" s="280">
        <v>14</v>
      </c>
      <c r="AE35" s="280">
        <v>6</v>
      </c>
      <c r="AF35" s="280">
        <v>9</v>
      </c>
      <c r="AG35" s="280">
        <v>9</v>
      </c>
      <c r="AH35" s="277">
        <v>50</v>
      </c>
      <c r="AI35" s="282">
        <v>54</v>
      </c>
      <c r="AJ35" s="276">
        <v>13</v>
      </c>
      <c r="AK35" s="280">
        <v>24</v>
      </c>
      <c r="AL35" s="277">
        <v>37</v>
      </c>
      <c r="AM35" s="279">
        <v>0</v>
      </c>
      <c r="AN35" s="280">
        <v>31</v>
      </c>
      <c r="AO35" s="280">
        <v>16</v>
      </c>
      <c r="AP35" s="280">
        <v>5</v>
      </c>
      <c r="AQ35" s="280">
        <v>8</v>
      </c>
      <c r="AR35" s="280">
        <v>3</v>
      </c>
      <c r="AS35" s="277">
        <v>63</v>
      </c>
      <c r="AT35" s="282">
        <v>100</v>
      </c>
      <c r="AU35" s="276">
        <v>6</v>
      </c>
      <c r="AV35" s="280">
        <v>10</v>
      </c>
      <c r="AW35" s="277">
        <v>16</v>
      </c>
      <c r="AX35" s="279">
        <v>0</v>
      </c>
      <c r="AY35" s="280">
        <v>20</v>
      </c>
      <c r="AZ35" s="280">
        <v>33</v>
      </c>
      <c r="BA35" s="280">
        <v>27</v>
      </c>
      <c r="BB35" s="280">
        <v>17</v>
      </c>
      <c r="BC35" s="280">
        <v>14</v>
      </c>
      <c r="BD35" s="281">
        <v>111</v>
      </c>
      <c r="BE35" s="282">
        <v>127</v>
      </c>
      <c r="BF35" s="276">
        <v>0</v>
      </c>
      <c r="BG35" s="280">
        <v>0</v>
      </c>
      <c r="BH35" s="277">
        <v>0</v>
      </c>
      <c r="BI35" s="279">
        <v>0</v>
      </c>
      <c r="BJ35" s="280">
        <v>14</v>
      </c>
      <c r="BK35" s="280">
        <v>7</v>
      </c>
      <c r="BL35" s="280">
        <v>2</v>
      </c>
      <c r="BM35" s="280">
        <v>6</v>
      </c>
      <c r="BN35" s="280">
        <v>3</v>
      </c>
      <c r="BO35" s="277">
        <v>32</v>
      </c>
      <c r="BP35" s="282">
        <v>32</v>
      </c>
      <c r="BQ35" s="276">
        <v>2</v>
      </c>
      <c r="BR35" s="280">
        <v>7</v>
      </c>
      <c r="BS35" s="277">
        <v>9</v>
      </c>
      <c r="BT35" s="279">
        <v>0</v>
      </c>
      <c r="BU35" s="280">
        <v>24</v>
      </c>
      <c r="BV35" s="280">
        <v>18</v>
      </c>
      <c r="BW35" s="280">
        <v>5</v>
      </c>
      <c r="BX35" s="280">
        <v>3</v>
      </c>
      <c r="BY35" s="280">
        <v>1</v>
      </c>
      <c r="BZ35" s="277">
        <v>51</v>
      </c>
      <c r="CA35" s="282">
        <v>60</v>
      </c>
      <c r="CB35" s="276">
        <v>0</v>
      </c>
      <c r="CC35" s="280">
        <v>0</v>
      </c>
      <c r="CD35" s="277">
        <v>0</v>
      </c>
      <c r="CE35" s="279">
        <v>0</v>
      </c>
      <c r="CF35" s="280">
        <v>1</v>
      </c>
      <c r="CG35" s="280">
        <v>9</v>
      </c>
      <c r="CH35" s="280">
        <v>6</v>
      </c>
      <c r="CI35" s="280">
        <v>6</v>
      </c>
      <c r="CJ35" s="280">
        <v>0</v>
      </c>
      <c r="CK35" s="277">
        <v>22</v>
      </c>
      <c r="CL35" s="282">
        <v>22</v>
      </c>
      <c r="CM35" s="276">
        <v>0</v>
      </c>
      <c r="CN35" s="280">
        <v>0</v>
      </c>
      <c r="CO35" s="277">
        <v>0</v>
      </c>
      <c r="CP35" s="279">
        <v>0</v>
      </c>
      <c r="CQ35" s="280">
        <v>0</v>
      </c>
      <c r="CR35" s="280">
        <v>0</v>
      </c>
      <c r="CS35" s="280">
        <v>0</v>
      </c>
      <c r="CT35" s="280">
        <v>0</v>
      </c>
      <c r="CU35" s="280">
        <v>1</v>
      </c>
      <c r="CV35" s="277">
        <v>1</v>
      </c>
      <c r="CW35" s="282">
        <v>1</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1</v>
      </c>
      <c r="DN35" s="280">
        <v>0</v>
      </c>
      <c r="DO35" s="280">
        <v>0</v>
      </c>
      <c r="DP35" s="280">
        <v>0</v>
      </c>
      <c r="DQ35" s="280">
        <v>0</v>
      </c>
      <c r="DR35" s="277">
        <v>1</v>
      </c>
      <c r="DS35" s="282">
        <v>1</v>
      </c>
      <c r="DT35" s="276">
        <v>19</v>
      </c>
      <c r="DU35" s="280">
        <v>33</v>
      </c>
      <c r="DV35" s="277">
        <v>52</v>
      </c>
      <c r="DW35" s="279">
        <v>0</v>
      </c>
      <c r="DX35" s="280">
        <v>61</v>
      </c>
      <c r="DY35" s="280">
        <v>45</v>
      </c>
      <c r="DZ35" s="280">
        <v>24</v>
      </c>
      <c r="EA35" s="280">
        <v>21</v>
      </c>
      <c r="EB35" s="280">
        <v>16</v>
      </c>
      <c r="EC35" s="277">
        <v>167</v>
      </c>
      <c r="ED35" s="282">
        <v>219</v>
      </c>
      <c r="EE35" s="276">
        <v>4</v>
      </c>
      <c r="EF35" s="280">
        <v>6</v>
      </c>
      <c r="EG35" s="277">
        <v>10</v>
      </c>
      <c r="EH35" s="279">
        <v>0</v>
      </c>
      <c r="EI35" s="280">
        <v>14</v>
      </c>
      <c r="EJ35" s="280">
        <v>16</v>
      </c>
      <c r="EK35" s="280">
        <v>6</v>
      </c>
      <c r="EL35" s="280">
        <v>10</v>
      </c>
      <c r="EM35" s="280">
        <v>3</v>
      </c>
      <c r="EN35" s="277">
        <v>49</v>
      </c>
      <c r="EO35" s="282">
        <v>59</v>
      </c>
      <c r="EP35" s="276">
        <v>31</v>
      </c>
      <c r="EQ35" s="280">
        <v>48</v>
      </c>
      <c r="ER35" s="277">
        <v>79</v>
      </c>
      <c r="ES35" s="279">
        <v>0</v>
      </c>
      <c r="ET35" s="280">
        <v>110</v>
      </c>
      <c r="EU35" s="280">
        <v>63</v>
      </c>
      <c r="EV35" s="280">
        <v>29</v>
      </c>
      <c r="EW35" s="280">
        <v>25</v>
      </c>
      <c r="EX35" s="280">
        <v>17</v>
      </c>
      <c r="EY35" s="277">
        <v>244</v>
      </c>
      <c r="EZ35" s="282">
        <v>323</v>
      </c>
    </row>
    <row r="36" spans="2:156" ht="19.5" customHeight="1" x14ac:dyDescent="0.2">
      <c r="B36" s="261" t="s">
        <v>34</v>
      </c>
      <c r="C36" s="276">
        <v>0</v>
      </c>
      <c r="D36" s="280">
        <v>0</v>
      </c>
      <c r="E36" s="384">
        <v>0</v>
      </c>
      <c r="F36" s="279">
        <v>0</v>
      </c>
      <c r="G36" s="280">
        <v>15</v>
      </c>
      <c r="H36" s="280">
        <v>8</v>
      </c>
      <c r="I36" s="280">
        <v>10</v>
      </c>
      <c r="J36" s="280">
        <v>4</v>
      </c>
      <c r="K36" s="280">
        <v>4</v>
      </c>
      <c r="L36" s="281">
        <v>41</v>
      </c>
      <c r="M36" s="282">
        <v>41</v>
      </c>
      <c r="N36" s="276">
        <v>0</v>
      </c>
      <c r="O36" s="280">
        <v>0</v>
      </c>
      <c r="P36" s="277">
        <v>0</v>
      </c>
      <c r="Q36" s="279">
        <v>0</v>
      </c>
      <c r="R36" s="280">
        <v>0</v>
      </c>
      <c r="S36" s="280">
        <v>0</v>
      </c>
      <c r="T36" s="280">
        <v>1</v>
      </c>
      <c r="U36" s="280">
        <v>3</v>
      </c>
      <c r="V36" s="280">
        <v>5</v>
      </c>
      <c r="W36" s="277">
        <v>9</v>
      </c>
      <c r="X36" s="282">
        <v>9</v>
      </c>
      <c r="Y36" s="276">
        <v>0</v>
      </c>
      <c r="Z36" s="280">
        <v>6</v>
      </c>
      <c r="AA36" s="277">
        <v>6</v>
      </c>
      <c r="AB36" s="279">
        <v>0</v>
      </c>
      <c r="AC36" s="280">
        <v>12</v>
      </c>
      <c r="AD36" s="280">
        <v>11</v>
      </c>
      <c r="AE36" s="280">
        <v>9</v>
      </c>
      <c r="AF36" s="280">
        <v>2</v>
      </c>
      <c r="AG36" s="280">
        <v>3</v>
      </c>
      <c r="AH36" s="277">
        <v>37</v>
      </c>
      <c r="AI36" s="282">
        <v>43</v>
      </c>
      <c r="AJ36" s="276">
        <v>0</v>
      </c>
      <c r="AK36" s="280">
        <v>0</v>
      </c>
      <c r="AL36" s="277">
        <v>0</v>
      </c>
      <c r="AM36" s="279">
        <v>0</v>
      </c>
      <c r="AN36" s="280">
        <v>8</v>
      </c>
      <c r="AO36" s="280">
        <v>6</v>
      </c>
      <c r="AP36" s="280">
        <v>5</v>
      </c>
      <c r="AQ36" s="280">
        <v>1</v>
      </c>
      <c r="AR36" s="280">
        <v>1</v>
      </c>
      <c r="AS36" s="277">
        <v>21</v>
      </c>
      <c r="AT36" s="282">
        <v>21</v>
      </c>
      <c r="AU36" s="276">
        <v>3</v>
      </c>
      <c r="AV36" s="280">
        <v>2</v>
      </c>
      <c r="AW36" s="277">
        <v>5</v>
      </c>
      <c r="AX36" s="279">
        <v>0</v>
      </c>
      <c r="AY36" s="280">
        <v>25</v>
      </c>
      <c r="AZ36" s="280">
        <v>23</v>
      </c>
      <c r="BA36" s="280">
        <v>17</v>
      </c>
      <c r="BB36" s="280">
        <v>14</v>
      </c>
      <c r="BC36" s="280">
        <v>16</v>
      </c>
      <c r="BD36" s="281">
        <v>95</v>
      </c>
      <c r="BE36" s="282">
        <v>100</v>
      </c>
      <c r="BF36" s="276">
        <v>0</v>
      </c>
      <c r="BG36" s="280">
        <v>0</v>
      </c>
      <c r="BH36" s="277">
        <v>0</v>
      </c>
      <c r="BI36" s="279">
        <v>0</v>
      </c>
      <c r="BJ36" s="280">
        <v>30</v>
      </c>
      <c r="BK36" s="280">
        <v>16</v>
      </c>
      <c r="BL36" s="280">
        <v>15</v>
      </c>
      <c r="BM36" s="280">
        <v>8</v>
      </c>
      <c r="BN36" s="280">
        <v>2</v>
      </c>
      <c r="BO36" s="277">
        <v>71</v>
      </c>
      <c r="BP36" s="282">
        <v>71</v>
      </c>
      <c r="BQ36" s="276">
        <v>2</v>
      </c>
      <c r="BR36" s="280">
        <v>4</v>
      </c>
      <c r="BS36" s="277">
        <v>6</v>
      </c>
      <c r="BT36" s="279">
        <v>0</v>
      </c>
      <c r="BU36" s="280">
        <v>10</v>
      </c>
      <c r="BV36" s="280">
        <v>6</v>
      </c>
      <c r="BW36" s="280">
        <v>2</v>
      </c>
      <c r="BX36" s="280">
        <v>4</v>
      </c>
      <c r="BY36" s="280">
        <v>0</v>
      </c>
      <c r="BZ36" s="277">
        <v>22</v>
      </c>
      <c r="CA36" s="282">
        <v>28</v>
      </c>
      <c r="CB36" s="276">
        <v>0</v>
      </c>
      <c r="CC36" s="280">
        <v>1</v>
      </c>
      <c r="CD36" s="277">
        <v>1</v>
      </c>
      <c r="CE36" s="279">
        <v>0</v>
      </c>
      <c r="CF36" s="280">
        <v>1</v>
      </c>
      <c r="CG36" s="280">
        <v>0</v>
      </c>
      <c r="CH36" s="280">
        <v>1</v>
      </c>
      <c r="CI36" s="280">
        <v>4</v>
      </c>
      <c r="CJ36" s="280">
        <v>0</v>
      </c>
      <c r="CK36" s="277">
        <v>6</v>
      </c>
      <c r="CL36" s="282">
        <v>7</v>
      </c>
      <c r="CM36" s="276">
        <v>0</v>
      </c>
      <c r="CN36" s="280">
        <v>0</v>
      </c>
      <c r="CO36" s="277">
        <v>0</v>
      </c>
      <c r="CP36" s="279">
        <v>0</v>
      </c>
      <c r="CQ36" s="280">
        <v>1</v>
      </c>
      <c r="CR36" s="280">
        <v>0</v>
      </c>
      <c r="CS36" s="280">
        <v>0</v>
      </c>
      <c r="CT36" s="280">
        <v>1</v>
      </c>
      <c r="CU36" s="280">
        <v>0</v>
      </c>
      <c r="CV36" s="277">
        <v>2</v>
      </c>
      <c r="CW36" s="282">
        <v>2</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11</v>
      </c>
      <c r="DU36" s="280">
        <v>19</v>
      </c>
      <c r="DV36" s="277">
        <v>30</v>
      </c>
      <c r="DW36" s="279">
        <v>0</v>
      </c>
      <c r="DX36" s="280">
        <v>51</v>
      </c>
      <c r="DY36" s="280">
        <v>51</v>
      </c>
      <c r="DZ36" s="280">
        <v>33</v>
      </c>
      <c r="EA36" s="280">
        <v>24</v>
      </c>
      <c r="EB36" s="280">
        <v>11</v>
      </c>
      <c r="EC36" s="277">
        <v>170</v>
      </c>
      <c r="ED36" s="282">
        <v>200</v>
      </c>
      <c r="EE36" s="276">
        <v>3</v>
      </c>
      <c r="EF36" s="280">
        <v>1</v>
      </c>
      <c r="EG36" s="277">
        <v>4</v>
      </c>
      <c r="EH36" s="279">
        <v>0</v>
      </c>
      <c r="EI36" s="280">
        <v>9</v>
      </c>
      <c r="EJ36" s="280">
        <v>8</v>
      </c>
      <c r="EK36" s="280">
        <v>5</v>
      </c>
      <c r="EL36" s="280">
        <v>7</v>
      </c>
      <c r="EM36" s="280">
        <v>3</v>
      </c>
      <c r="EN36" s="277">
        <v>32</v>
      </c>
      <c r="EO36" s="282">
        <v>36</v>
      </c>
      <c r="EP36" s="276">
        <v>12</v>
      </c>
      <c r="EQ36" s="280">
        <v>24</v>
      </c>
      <c r="ER36" s="277">
        <v>36</v>
      </c>
      <c r="ES36" s="279">
        <v>0</v>
      </c>
      <c r="ET36" s="280">
        <v>81</v>
      </c>
      <c r="EU36" s="280">
        <v>48</v>
      </c>
      <c r="EV36" s="280">
        <v>33</v>
      </c>
      <c r="EW36" s="280">
        <v>19</v>
      </c>
      <c r="EX36" s="280">
        <v>10</v>
      </c>
      <c r="EY36" s="277">
        <v>191</v>
      </c>
      <c r="EZ36" s="282">
        <v>227</v>
      </c>
    </row>
    <row r="37" spans="2:156" ht="19.5" customHeight="1" x14ac:dyDescent="0.2">
      <c r="B37" s="261" t="s">
        <v>35</v>
      </c>
      <c r="C37" s="276">
        <v>0</v>
      </c>
      <c r="D37" s="280">
        <v>0</v>
      </c>
      <c r="E37" s="384">
        <v>0</v>
      </c>
      <c r="F37" s="279">
        <v>0</v>
      </c>
      <c r="G37" s="280">
        <v>107</v>
      </c>
      <c r="H37" s="280">
        <v>56</v>
      </c>
      <c r="I37" s="280">
        <v>33</v>
      </c>
      <c r="J37" s="280">
        <v>30</v>
      </c>
      <c r="K37" s="280">
        <v>17</v>
      </c>
      <c r="L37" s="281">
        <v>243</v>
      </c>
      <c r="M37" s="282">
        <v>243</v>
      </c>
      <c r="N37" s="276">
        <v>0</v>
      </c>
      <c r="O37" s="280">
        <v>0</v>
      </c>
      <c r="P37" s="277">
        <v>0</v>
      </c>
      <c r="Q37" s="279">
        <v>0</v>
      </c>
      <c r="R37" s="280">
        <v>0</v>
      </c>
      <c r="S37" s="280">
        <v>4</v>
      </c>
      <c r="T37" s="280">
        <v>1</v>
      </c>
      <c r="U37" s="280">
        <v>9</v>
      </c>
      <c r="V37" s="280">
        <v>11</v>
      </c>
      <c r="W37" s="277">
        <v>25</v>
      </c>
      <c r="X37" s="282">
        <v>25</v>
      </c>
      <c r="Y37" s="276">
        <v>0</v>
      </c>
      <c r="Z37" s="280">
        <v>4</v>
      </c>
      <c r="AA37" s="277">
        <v>4</v>
      </c>
      <c r="AB37" s="279">
        <v>0</v>
      </c>
      <c r="AC37" s="280">
        <v>42</v>
      </c>
      <c r="AD37" s="280">
        <v>32</v>
      </c>
      <c r="AE37" s="280">
        <v>20</v>
      </c>
      <c r="AF37" s="280">
        <v>19</v>
      </c>
      <c r="AG37" s="280">
        <v>9</v>
      </c>
      <c r="AH37" s="277">
        <v>122</v>
      </c>
      <c r="AI37" s="282">
        <v>126</v>
      </c>
      <c r="AJ37" s="276">
        <v>4</v>
      </c>
      <c r="AK37" s="280">
        <v>3</v>
      </c>
      <c r="AL37" s="277">
        <v>7</v>
      </c>
      <c r="AM37" s="279">
        <v>0</v>
      </c>
      <c r="AN37" s="280">
        <v>22</v>
      </c>
      <c r="AO37" s="280">
        <v>13</v>
      </c>
      <c r="AP37" s="280">
        <v>6</v>
      </c>
      <c r="AQ37" s="280">
        <v>6</v>
      </c>
      <c r="AR37" s="280">
        <v>3</v>
      </c>
      <c r="AS37" s="277">
        <v>50</v>
      </c>
      <c r="AT37" s="282">
        <v>57</v>
      </c>
      <c r="AU37" s="276">
        <v>27</v>
      </c>
      <c r="AV37" s="280">
        <v>19</v>
      </c>
      <c r="AW37" s="277">
        <v>46</v>
      </c>
      <c r="AX37" s="279">
        <v>0</v>
      </c>
      <c r="AY37" s="280">
        <v>92</v>
      </c>
      <c r="AZ37" s="280">
        <v>80</v>
      </c>
      <c r="BA37" s="280">
        <v>79</v>
      </c>
      <c r="BB37" s="280">
        <v>85</v>
      </c>
      <c r="BC37" s="280">
        <v>36</v>
      </c>
      <c r="BD37" s="281">
        <v>372</v>
      </c>
      <c r="BE37" s="282">
        <v>418</v>
      </c>
      <c r="BF37" s="276">
        <v>0</v>
      </c>
      <c r="BG37" s="280">
        <v>0</v>
      </c>
      <c r="BH37" s="277">
        <v>0</v>
      </c>
      <c r="BI37" s="279">
        <v>0</v>
      </c>
      <c r="BJ37" s="280">
        <v>152</v>
      </c>
      <c r="BK37" s="280">
        <v>88</v>
      </c>
      <c r="BL37" s="280">
        <v>40</v>
      </c>
      <c r="BM37" s="280">
        <v>24</v>
      </c>
      <c r="BN37" s="280">
        <v>13</v>
      </c>
      <c r="BO37" s="277">
        <v>317</v>
      </c>
      <c r="BP37" s="282">
        <v>317</v>
      </c>
      <c r="BQ37" s="276">
        <v>10</v>
      </c>
      <c r="BR37" s="280">
        <v>20</v>
      </c>
      <c r="BS37" s="277">
        <v>30</v>
      </c>
      <c r="BT37" s="279">
        <v>0</v>
      </c>
      <c r="BU37" s="280">
        <v>53</v>
      </c>
      <c r="BV37" s="280">
        <v>27</v>
      </c>
      <c r="BW37" s="280">
        <v>12</v>
      </c>
      <c r="BX37" s="280">
        <v>11</v>
      </c>
      <c r="BY37" s="280">
        <v>1</v>
      </c>
      <c r="BZ37" s="277">
        <v>104</v>
      </c>
      <c r="CA37" s="282">
        <v>134</v>
      </c>
      <c r="CB37" s="276">
        <v>0</v>
      </c>
      <c r="CC37" s="280">
        <v>1</v>
      </c>
      <c r="CD37" s="277">
        <v>1</v>
      </c>
      <c r="CE37" s="279">
        <v>0</v>
      </c>
      <c r="CF37" s="280">
        <v>5</v>
      </c>
      <c r="CG37" s="280">
        <v>8</v>
      </c>
      <c r="CH37" s="280">
        <v>8</v>
      </c>
      <c r="CI37" s="280">
        <v>10</v>
      </c>
      <c r="CJ37" s="280">
        <v>0</v>
      </c>
      <c r="CK37" s="277">
        <v>31</v>
      </c>
      <c r="CL37" s="282">
        <v>32</v>
      </c>
      <c r="CM37" s="276">
        <v>0</v>
      </c>
      <c r="CN37" s="280">
        <v>1</v>
      </c>
      <c r="CO37" s="277">
        <v>1</v>
      </c>
      <c r="CP37" s="279">
        <v>0</v>
      </c>
      <c r="CQ37" s="280">
        <v>3</v>
      </c>
      <c r="CR37" s="280">
        <v>2</v>
      </c>
      <c r="CS37" s="280">
        <v>1</v>
      </c>
      <c r="CT37" s="280">
        <v>2</v>
      </c>
      <c r="CU37" s="280">
        <v>0</v>
      </c>
      <c r="CV37" s="277">
        <v>8</v>
      </c>
      <c r="CW37" s="282">
        <v>9</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36</v>
      </c>
      <c r="DU37" s="280">
        <v>68</v>
      </c>
      <c r="DV37" s="277">
        <v>104</v>
      </c>
      <c r="DW37" s="279">
        <v>0</v>
      </c>
      <c r="DX37" s="280">
        <v>175</v>
      </c>
      <c r="DY37" s="280">
        <v>159</v>
      </c>
      <c r="DZ37" s="280">
        <v>75</v>
      </c>
      <c r="EA37" s="280">
        <v>60</v>
      </c>
      <c r="EB37" s="280">
        <v>30</v>
      </c>
      <c r="EC37" s="277">
        <v>499</v>
      </c>
      <c r="ED37" s="282">
        <v>603</v>
      </c>
      <c r="EE37" s="276">
        <v>22</v>
      </c>
      <c r="EF37" s="280">
        <v>12</v>
      </c>
      <c r="EG37" s="277">
        <v>34</v>
      </c>
      <c r="EH37" s="279">
        <v>0</v>
      </c>
      <c r="EI37" s="280">
        <v>41</v>
      </c>
      <c r="EJ37" s="280">
        <v>24</v>
      </c>
      <c r="EK37" s="280">
        <v>27</v>
      </c>
      <c r="EL37" s="280">
        <v>30</v>
      </c>
      <c r="EM37" s="280">
        <v>8</v>
      </c>
      <c r="EN37" s="277">
        <v>130</v>
      </c>
      <c r="EO37" s="282">
        <v>164</v>
      </c>
      <c r="EP37" s="276">
        <v>45</v>
      </c>
      <c r="EQ37" s="280">
        <v>84</v>
      </c>
      <c r="ER37" s="277">
        <v>129</v>
      </c>
      <c r="ES37" s="279">
        <v>0</v>
      </c>
      <c r="ET37" s="280">
        <v>311</v>
      </c>
      <c r="EU37" s="280">
        <v>206</v>
      </c>
      <c r="EV37" s="280">
        <v>83</v>
      </c>
      <c r="EW37" s="280">
        <v>70</v>
      </c>
      <c r="EX37" s="280">
        <v>28</v>
      </c>
      <c r="EY37" s="277">
        <v>698</v>
      </c>
      <c r="EZ37" s="282">
        <v>827</v>
      </c>
    </row>
    <row r="38" spans="2:156" ht="19.5" customHeight="1" x14ac:dyDescent="0.2">
      <c r="B38" s="261" t="s">
        <v>36</v>
      </c>
      <c r="C38" s="276">
        <v>0</v>
      </c>
      <c r="D38" s="280">
        <v>0</v>
      </c>
      <c r="E38" s="384">
        <v>0</v>
      </c>
      <c r="F38" s="279">
        <v>0</v>
      </c>
      <c r="G38" s="280">
        <v>66</v>
      </c>
      <c r="H38" s="280">
        <v>65</v>
      </c>
      <c r="I38" s="280">
        <v>32</v>
      </c>
      <c r="J38" s="280">
        <v>31</v>
      </c>
      <c r="K38" s="280">
        <v>26</v>
      </c>
      <c r="L38" s="281">
        <v>220</v>
      </c>
      <c r="M38" s="282">
        <v>220</v>
      </c>
      <c r="N38" s="276">
        <v>0</v>
      </c>
      <c r="O38" s="280">
        <v>0</v>
      </c>
      <c r="P38" s="277">
        <v>0</v>
      </c>
      <c r="Q38" s="279">
        <v>0</v>
      </c>
      <c r="R38" s="280">
        <v>2</v>
      </c>
      <c r="S38" s="280">
        <v>6</v>
      </c>
      <c r="T38" s="280">
        <v>1</v>
      </c>
      <c r="U38" s="280">
        <v>9</v>
      </c>
      <c r="V38" s="280">
        <v>12</v>
      </c>
      <c r="W38" s="277">
        <v>30</v>
      </c>
      <c r="X38" s="282">
        <v>30</v>
      </c>
      <c r="Y38" s="276">
        <v>12</v>
      </c>
      <c r="Z38" s="280">
        <v>25</v>
      </c>
      <c r="AA38" s="277">
        <v>37</v>
      </c>
      <c r="AB38" s="279">
        <v>0</v>
      </c>
      <c r="AC38" s="280">
        <v>55</v>
      </c>
      <c r="AD38" s="280">
        <v>48</v>
      </c>
      <c r="AE38" s="280">
        <v>31</v>
      </c>
      <c r="AF38" s="280">
        <v>30</v>
      </c>
      <c r="AG38" s="280">
        <v>28</v>
      </c>
      <c r="AH38" s="277">
        <v>192</v>
      </c>
      <c r="AI38" s="282">
        <v>229</v>
      </c>
      <c r="AJ38" s="276">
        <v>7</v>
      </c>
      <c r="AK38" s="280">
        <v>5</v>
      </c>
      <c r="AL38" s="277">
        <v>12</v>
      </c>
      <c r="AM38" s="279">
        <v>0</v>
      </c>
      <c r="AN38" s="280">
        <v>13</v>
      </c>
      <c r="AO38" s="280">
        <v>12</v>
      </c>
      <c r="AP38" s="280">
        <v>13</v>
      </c>
      <c r="AQ38" s="280">
        <v>6</v>
      </c>
      <c r="AR38" s="280">
        <v>6</v>
      </c>
      <c r="AS38" s="277">
        <v>50</v>
      </c>
      <c r="AT38" s="282">
        <v>62</v>
      </c>
      <c r="AU38" s="276">
        <v>4</v>
      </c>
      <c r="AV38" s="280">
        <v>9</v>
      </c>
      <c r="AW38" s="277">
        <v>13</v>
      </c>
      <c r="AX38" s="279">
        <v>0</v>
      </c>
      <c r="AY38" s="280">
        <v>27</v>
      </c>
      <c r="AZ38" s="280">
        <v>59</v>
      </c>
      <c r="BA38" s="280">
        <v>69</v>
      </c>
      <c r="BB38" s="280">
        <v>41</v>
      </c>
      <c r="BC38" s="280">
        <v>43</v>
      </c>
      <c r="BD38" s="281">
        <v>239</v>
      </c>
      <c r="BE38" s="282">
        <v>252</v>
      </c>
      <c r="BF38" s="276">
        <v>0</v>
      </c>
      <c r="BG38" s="280">
        <v>0</v>
      </c>
      <c r="BH38" s="277">
        <v>0</v>
      </c>
      <c r="BI38" s="279">
        <v>0</v>
      </c>
      <c r="BJ38" s="280">
        <v>76</v>
      </c>
      <c r="BK38" s="280">
        <v>84</v>
      </c>
      <c r="BL38" s="280">
        <v>46</v>
      </c>
      <c r="BM38" s="280">
        <v>27</v>
      </c>
      <c r="BN38" s="280">
        <v>17</v>
      </c>
      <c r="BO38" s="277">
        <v>250</v>
      </c>
      <c r="BP38" s="282">
        <v>250</v>
      </c>
      <c r="BQ38" s="276">
        <v>4</v>
      </c>
      <c r="BR38" s="280">
        <v>11</v>
      </c>
      <c r="BS38" s="277">
        <v>15</v>
      </c>
      <c r="BT38" s="279">
        <v>0</v>
      </c>
      <c r="BU38" s="280">
        <v>26</v>
      </c>
      <c r="BV38" s="280">
        <v>24</v>
      </c>
      <c r="BW38" s="280">
        <v>14</v>
      </c>
      <c r="BX38" s="280">
        <v>3</v>
      </c>
      <c r="BY38" s="280">
        <v>1</v>
      </c>
      <c r="BZ38" s="277">
        <v>68</v>
      </c>
      <c r="CA38" s="282">
        <v>83</v>
      </c>
      <c r="CB38" s="276">
        <v>0</v>
      </c>
      <c r="CC38" s="280">
        <v>3</v>
      </c>
      <c r="CD38" s="277">
        <v>3</v>
      </c>
      <c r="CE38" s="279">
        <v>0</v>
      </c>
      <c r="CF38" s="280">
        <v>12</v>
      </c>
      <c r="CG38" s="280">
        <v>19</v>
      </c>
      <c r="CH38" s="280">
        <v>27</v>
      </c>
      <c r="CI38" s="280">
        <v>12</v>
      </c>
      <c r="CJ38" s="280">
        <v>9</v>
      </c>
      <c r="CK38" s="277">
        <v>79</v>
      </c>
      <c r="CL38" s="282">
        <v>82</v>
      </c>
      <c r="CM38" s="276">
        <v>0</v>
      </c>
      <c r="CN38" s="280">
        <v>0</v>
      </c>
      <c r="CO38" s="277">
        <v>0</v>
      </c>
      <c r="CP38" s="279">
        <v>0</v>
      </c>
      <c r="CQ38" s="280">
        <v>1</v>
      </c>
      <c r="CR38" s="280">
        <v>0</v>
      </c>
      <c r="CS38" s="280">
        <v>0</v>
      </c>
      <c r="CT38" s="280">
        <v>0</v>
      </c>
      <c r="CU38" s="280">
        <v>0</v>
      </c>
      <c r="CV38" s="277">
        <v>1</v>
      </c>
      <c r="CW38" s="282">
        <v>1</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33</v>
      </c>
      <c r="DU38" s="280">
        <v>95</v>
      </c>
      <c r="DV38" s="277">
        <v>128</v>
      </c>
      <c r="DW38" s="279">
        <v>0</v>
      </c>
      <c r="DX38" s="280">
        <v>165</v>
      </c>
      <c r="DY38" s="280">
        <v>171</v>
      </c>
      <c r="DZ38" s="280">
        <v>104</v>
      </c>
      <c r="EA38" s="280">
        <v>77</v>
      </c>
      <c r="EB38" s="280">
        <v>43</v>
      </c>
      <c r="EC38" s="277">
        <v>560</v>
      </c>
      <c r="ED38" s="282">
        <v>688</v>
      </c>
      <c r="EE38" s="276">
        <v>1</v>
      </c>
      <c r="EF38" s="280">
        <v>2</v>
      </c>
      <c r="EG38" s="277">
        <v>3</v>
      </c>
      <c r="EH38" s="279">
        <v>0</v>
      </c>
      <c r="EI38" s="280">
        <v>7</v>
      </c>
      <c r="EJ38" s="280">
        <v>16</v>
      </c>
      <c r="EK38" s="280">
        <v>15</v>
      </c>
      <c r="EL38" s="280">
        <v>7</v>
      </c>
      <c r="EM38" s="280">
        <v>6</v>
      </c>
      <c r="EN38" s="277">
        <v>51</v>
      </c>
      <c r="EO38" s="282">
        <v>54</v>
      </c>
      <c r="EP38" s="276">
        <v>49</v>
      </c>
      <c r="EQ38" s="280">
        <v>122</v>
      </c>
      <c r="ER38" s="277">
        <v>171</v>
      </c>
      <c r="ES38" s="279">
        <v>0</v>
      </c>
      <c r="ET38" s="280">
        <v>273</v>
      </c>
      <c r="EU38" s="280">
        <v>237</v>
      </c>
      <c r="EV38" s="280">
        <v>136</v>
      </c>
      <c r="EW38" s="280">
        <v>84</v>
      </c>
      <c r="EX38" s="280">
        <v>52</v>
      </c>
      <c r="EY38" s="277">
        <v>782</v>
      </c>
      <c r="EZ38" s="282">
        <v>953</v>
      </c>
    </row>
    <row r="39" spans="2:156" ht="19.5" customHeight="1" thickBot="1" x14ac:dyDescent="0.25">
      <c r="B39" s="262" t="s">
        <v>37</v>
      </c>
      <c r="C39" s="283">
        <v>0</v>
      </c>
      <c r="D39" s="287">
        <v>0</v>
      </c>
      <c r="E39" s="385">
        <v>0</v>
      </c>
      <c r="F39" s="286">
        <v>0</v>
      </c>
      <c r="G39" s="287">
        <v>3</v>
      </c>
      <c r="H39" s="287">
        <v>6</v>
      </c>
      <c r="I39" s="287">
        <v>5</v>
      </c>
      <c r="J39" s="287">
        <v>2</v>
      </c>
      <c r="K39" s="287">
        <v>3</v>
      </c>
      <c r="L39" s="288">
        <v>19</v>
      </c>
      <c r="M39" s="289">
        <v>19</v>
      </c>
      <c r="N39" s="283">
        <v>0</v>
      </c>
      <c r="O39" s="287">
        <v>0</v>
      </c>
      <c r="P39" s="284">
        <v>0</v>
      </c>
      <c r="Q39" s="286">
        <v>0</v>
      </c>
      <c r="R39" s="287">
        <v>0</v>
      </c>
      <c r="S39" s="287">
        <v>0</v>
      </c>
      <c r="T39" s="287">
        <v>1</v>
      </c>
      <c r="U39" s="287">
        <v>1</v>
      </c>
      <c r="V39" s="287">
        <v>0</v>
      </c>
      <c r="W39" s="284">
        <v>2</v>
      </c>
      <c r="X39" s="289">
        <v>2</v>
      </c>
      <c r="Y39" s="283">
        <v>2</v>
      </c>
      <c r="Z39" s="287">
        <v>2</v>
      </c>
      <c r="AA39" s="284">
        <v>4</v>
      </c>
      <c r="AB39" s="286">
        <v>0</v>
      </c>
      <c r="AC39" s="287">
        <v>2</v>
      </c>
      <c r="AD39" s="287">
        <v>3</v>
      </c>
      <c r="AE39" s="287">
        <v>2</v>
      </c>
      <c r="AF39" s="287">
        <v>3</v>
      </c>
      <c r="AG39" s="287">
        <v>1</v>
      </c>
      <c r="AH39" s="284">
        <v>11</v>
      </c>
      <c r="AI39" s="289">
        <v>15</v>
      </c>
      <c r="AJ39" s="283">
        <v>0</v>
      </c>
      <c r="AK39" s="287">
        <v>0</v>
      </c>
      <c r="AL39" s="284">
        <v>0</v>
      </c>
      <c r="AM39" s="286">
        <v>0</v>
      </c>
      <c r="AN39" s="287">
        <v>0</v>
      </c>
      <c r="AO39" s="287">
        <v>3</v>
      </c>
      <c r="AP39" s="287">
        <v>2</v>
      </c>
      <c r="AQ39" s="287">
        <v>2</v>
      </c>
      <c r="AR39" s="287">
        <v>0</v>
      </c>
      <c r="AS39" s="284">
        <v>7</v>
      </c>
      <c r="AT39" s="289">
        <v>7</v>
      </c>
      <c r="AU39" s="283">
        <v>1</v>
      </c>
      <c r="AV39" s="287">
        <v>0</v>
      </c>
      <c r="AW39" s="284">
        <v>1</v>
      </c>
      <c r="AX39" s="286">
        <v>0</v>
      </c>
      <c r="AY39" s="287">
        <v>2</v>
      </c>
      <c r="AZ39" s="287">
        <v>4</v>
      </c>
      <c r="BA39" s="287">
        <v>5</v>
      </c>
      <c r="BB39" s="287">
        <v>4</v>
      </c>
      <c r="BC39" s="287">
        <v>3</v>
      </c>
      <c r="BD39" s="288">
        <v>18</v>
      </c>
      <c r="BE39" s="289">
        <v>19</v>
      </c>
      <c r="BF39" s="283">
        <v>0</v>
      </c>
      <c r="BG39" s="287">
        <v>0</v>
      </c>
      <c r="BH39" s="284">
        <v>0</v>
      </c>
      <c r="BI39" s="286">
        <v>0</v>
      </c>
      <c r="BJ39" s="287">
        <v>6</v>
      </c>
      <c r="BK39" s="287">
        <v>3</v>
      </c>
      <c r="BL39" s="287">
        <v>5</v>
      </c>
      <c r="BM39" s="287">
        <v>1</v>
      </c>
      <c r="BN39" s="287">
        <v>1</v>
      </c>
      <c r="BO39" s="284">
        <v>16</v>
      </c>
      <c r="BP39" s="289">
        <v>16</v>
      </c>
      <c r="BQ39" s="283">
        <v>2</v>
      </c>
      <c r="BR39" s="287">
        <v>1</v>
      </c>
      <c r="BS39" s="284">
        <v>3</v>
      </c>
      <c r="BT39" s="286">
        <v>0</v>
      </c>
      <c r="BU39" s="287">
        <v>7</v>
      </c>
      <c r="BV39" s="287">
        <v>0</v>
      </c>
      <c r="BW39" s="287">
        <v>4</v>
      </c>
      <c r="BX39" s="287">
        <v>2</v>
      </c>
      <c r="BY39" s="287">
        <v>0</v>
      </c>
      <c r="BZ39" s="284">
        <v>13</v>
      </c>
      <c r="CA39" s="289">
        <v>16</v>
      </c>
      <c r="CB39" s="283">
        <v>0</v>
      </c>
      <c r="CC39" s="287">
        <v>0</v>
      </c>
      <c r="CD39" s="284">
        <v>0</v>
      </c>
      <c r="CE39" s="286">
        <v>0</v>
      </c>
      <c r="CF39" s="287">
        <v>2</v>
      </c>
      <c r="CG39" s="287">
        <v>1</v>
      </c>
      <c r="CH39" s="287">
        <v>5</v>
      </c>
      <c r="CI39" s="287">
        <v>2</v>
      </c>
      <c r="CJ39" s="287">
        <v>2</v>
      </c>
      <c r="CK39" s="284">
        <v>12</v>
      </c>
      <c r="CL39" s="289">
        <v>12</v>
      </c>
      <c r="CM39" s="283">
        <v>0</v>
      </c>
      <c r="CN39" s="287">
        <v>0</v>
      </c>
      <c r="CO39" s="284">
        <v>0</v>
      </c>
      <c r="CP39" s="286">
        <v>0</v>
      </c>
      <c r="CQ39" s="287">
        <v>1</v>
      </c>
      <c r="CR39" s="287">
        <v>0</v>
      </c>
      <c r="CS39" s="287">
        <v>0</v>
      </c>
      <c r="CT39" s="287">
        <v>1</v>
      </c>
      <c r="CU39" s="287">
        <v>0</v>
      </c>
      <c r="CV39" s="284">
        <v>2</v>
      </c>
      <c r="CW39" s="289">
        <v>2</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9</v>
      </c>
      <c r="DU39" s="287">
        <v>5</v>
      </c>
      <c r="DV39" s="284">
        <v>14</v>
      </c>
      <c r="DW39" s="286">
        <v>0</v>
      </c>
      <c r="DX39" s="287">
        <v>23</v>
      </c>
      <c r="DY39" s="287">
        <v>15</v>
      </c>
      <c r="DZ39" s="287">
        <v>19</v>
      </c>
      <c r="EA39" s="287">
        <v>6</v>
      </c>
      <c r="EB39" s="287">
        <v>4</v>
      </c>
      <c r="EC39" s="284">
        <v>67</v>
      </c>
      <c r="ED39" s="289">
        <v>81</v>
      </c>
      <c r="EE39" s="283">
        <v>0</v>
      </c>
      <c r="EF39" s="287">
        <v>0</v>
      </c>
      <c r="EG39" s="284">
        <v>0</v>
      </c>
      <c r="EH39" s="286">
        <v>0</v>
      </c>
      <c r="EI39" s="287">
        <v>0</v>
      </c>
      <c r="EJ39" s="287">
        <v>0</v>
      </c>
      <c r="EK39" s="287">
        <v>0</v>
      </c>
      <c r="EL39" s="287">
        <v>1</v>
      </c>
      <c r="EM39" s="287">
        <v>1</v>
      </c>
      <c r="EN39" s="284">
        <v>2</v>
      </c>
      <c r="EO39" s="289">
        <v>2</v>
      </c>
      <c r="EP39" s="283">
        <v>12</v>
      </c>
      <c r="EQ39" s="287">
        <v>7</v>
      </c>
      <c r="ER39" s="284">
        <v>19</v>
      </c>
      <c r="ES39" s="286">
        <v>0</v>
      </c>
      <c r="ET39" s="287">
        <v>30</v>
      </c>
      <c r="EU39" s="287">
        <v>18</v>
      </c>
      <c r="EV39" s="287">
        <v>22</v>
      </c>
      <c r="EW39" s="287">
        <v>6</v>
      </c>
      <c r="EX39" s="287">
        <v>4</v>
      </c>
      <c r="EY39" s="284">
        <v>80</v>
      </c>
      <c r="EZ39" s="289">
        <v>99</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6">
        <f>第１表!F2</f>
        <v>4</v>
      </c>
      <c r="J1" s="526"/>
      <c r="K1" s="248">
        <f>第１表!G2</f>
        <v>10</v>
      </c>
      <c r="L1" s="531">
        <f>IF(K1&lt;3,K1+12-2,K1-2)</f>
        <v>8</v>
      </c>
      <c r="M1" s="531"/>
    </row>
    <row r="2" spans="2:156" ht="24" customHeight="1" thickBot="1" x14ac:dyDescent="0.25">
      <c r="B2" s="290" t="s">
        <v>131</v>
      </c>
      <c r="G2" s="247"/>
      <c r="H2" s="248"/>
      <c r="J2" s="322"/>
      <c r="K2" s="322"/>
    </row>
    <row r="3" spans="2:156" ht="23.25" customHeight="1" thickBot="1" x14ac:dyDescent="0.25">
      <c r="B3" s="539"/>
      <c r="C3" s="542" t="s">
        <v>70</v>
      </c>
      <c r="D3" s="543"/>
      <c r="E3" s="543"/>
      <c r="F3" s="543"/>
      <c r="G3" s="543"/>
      <c r="H3" s="543"/>
      <c r="I3" s="543"/>
      <c r="J3" s="543"/>
      <c r="K3" s="543"/>
      <c r="L3" s="543"/>
      <c r="M3" s="544"/>
      <c r="N3" s="542" t="s">
        <v>71</v>
      </c>
      <c r="O3" s="543"/>
      <c r="P3" s="543"/>
      <c r="Q3" s="543"/>
      <c r="R3" s="543"/>
      <c r="S3" s="543"/>
      <c r="T3" s="543"/>
      <c r="U3" s="543"/>
      <c r="V3" s="543"/>
      <c r="W3" s="543"/>
      <c r="X3" s="544"/>
      <c r="Y3" s="542" t="s">
        <v>72</v>
      </c>
      <c r="Z3" s="543"/>
      <c r="AA3" s="543"/>
      <c r="AB3" s="543"/>
      <c r="AC3" s="543"/>
      <c r="AD3" s="543"/>
      <c r="AE3" s="543"/>
      <c r="AF3" s="543"/>
      <c r="AG3" s="543"/>
      <c r="AH3" s="543"/>
      <c r="AI3" s="544"/>
      <c r="AJ3" s="542" t="s">
        <v>73</v>
      </c>
      <c r="AK3" s="543"/>
      <c r="AL3" s="543"/>
      <c r="AM3" s="543"/>
      <c r="AN3" s="543"/>
      <c r="AO3" s="543"/>
      <c r="AP3" s="543"/>
      <c r="AQ3" s="543"/>
      <c r="AR3" s="543"/>
      <c r="AS3" s="543"/>
      <c r="AT3" s="544"/>
      <c r="AU3" s="542" t="s">
        <v>74</v>
      </c>
      <c r="AV3" s="543"/>
      <c r="AW3" s="543"/>
      <c r="AX3" s="543"/>
      <c r="AY3" s="543"/>
      <c r="AZ3" s="543"/>
      <c r="BA3" s="543"/>
      <c r="BB3" s="543"/>
      <c r="BC3" s="543"/>
      <c r="BD3" s="543"/>
      <c r="BE3" s="544"/>
      <c r="BF3" s="542" t="s">
        <v>75</v>
      </c>
      <c r="BG3" s="543"/>
      <c r="BH3" s="543"/>
      <c r="BI3" s="543"/>
      <c r="BJ3" s="543"/>
      <c r="BK3" s="543"/>
      <c r="BL3" s="543"/>
      <c r="BM3" s="543"/>
      <c r="BN3" s="543"/>
      <c r="BO3" s="543"/>
      <c r="BP3" s="544"/>
      <c r="BQ3" s="542" t="s">
        <v>76</v>
      </c>
      <c r="BR3" s="543"/>
      <c r="BS3" s="543"/>
      <c r="BT3" s="543"/>
      <c r="BU3" s="543"/>
      <c r="BV3" s="543"/>
      <c r="BW3" s="543"/>
      <c r="BX3" s="543"/>
      <c r="BY3" s="543"/>
      <c r="BZ3" s="543"/>
      <c r="CA3" s="544"/>
      <c r="CB3" s="542" t="s">
        <v>77</v>
      </c>
      <c r="CC3" s="543"/>
      <c r="CD3" s="543"/>
      <c r="CE3" s="543"/>
      <c r="CF3" s="543"/>
      <c r="CG3" s="543"/>
      <c r="CH3" s="543"/>
      <c r="CI3" s="543"/>
      <c r="CJ3" s="543"/>
      <c r="CK3" s="543"/>
      <c r="CL3" s="544"/>
      <c r="CM3" s="542" t="s">
        <v>78</v>
      </c>
      <c r="CN3" s="543"/>
      <c r="CO3" s="543"/>
      <c r="CP3" s="543"/>
      <c r="CQ3" s="543"/>
      <c r="CR3" s="543"/>
      <c r="CS3" s="543"/>
      <c r="CT3" s="543"/>
      <c r="CU3" s="543"/>
      <c r="CV3" s="543"/>
      <c r="CW3" s="544"/>
      <c r="CX3" s="542" t="s">
        <v>79</v>
      </c>
      <c r="CY3" s="543"/>
      <c r="CZ3" s="543"/>
      <c r="DA3" s="543"/>
      <c r="DB3" s="543"/>
      <c r="DC3" s="543"/>
      <c r="DD3" s="543"/>
      <c r="DE3" s="543"/>
      <c r="DF3" s="543"/>
      <c r="DG3" s="543"/>
      <c r="DH3" s="544"/>
      <c r="DI3" s="542" t="s">
        <v>152</v>
      </c>
      <c r="DJ3" s="543"/>
      <c r="DK3" s="543"/>
      <c r="DL3" s="543"/>
      <c r="DM3" s="543"/>
      <c r="DN3" s="543"/>
      <c r="DO3" s="543"/>
      <c r="DP3" s="543"/>
      <c r="DQ3" s="543"/>
      <c r="DR3" s="543"/>
      <c r="DS3" s="544"/>
      <c r="DT3" s="542" t="s">
        <v>80</v>
      </c>
      <c r="DU3" s="543"/>
      <c r="DV3" s="543"/>
      <c r="DW3" s="543"/>
      <c r="DX3" s="543"/>
      <c r="DY3" s="543"/>
      <c r="DZ3" s="543"/>
      <c r="EA3" s="543"/>
      <c r="EB3" s="543"/>
      <c r="EC3" s="543"/>
      <c r="ED3" s="544"/>
      <c r="EE3" s="542" t="s">
        <v>68</v>
      </c>
      <c r="EF3" s="543"/>
      <c r="EG3" s="543"/>
      <c r="EH3" s="543"/>
      <c r="EI3" s="543"/>
      <c r="EJ3" s="543"/>
      <c r="EK3" s="543"/>
      <c r="EL3" s="543"/>
      <c r="EM3" s="543"/>
      <c r="EN3" s="543"/>
      <c r="EO3" s="544"/>
      <c r="EP3" s="545" t="s">
        <v>69</v>
      </c>
      <c r="EQ3" s="546"/>
      <c r="ER3" s="546"/>
      <c r="ES3" s="546"/>
      <c r="ET3" s="546"/>
      <c r="EU3" s="546"/>
      <c r="EV3" s="546"/>
      <c r="EW3" s="546"/>
      <c r="EX3" s="546"/>
      <c r="EY3" s="546"/>
      <c r="EZ3" s="547"/>
    </row>
    <row r="4" spans="2:156" ht="22.5" customHeight="1" x14ac:dyDescent="0.2">
      <c r="B4" s="540"/>
      <c r="C4" s="534" t="s">
        <v>61</v>
      </c>
      <c r="D4" s="535"/>
      <c r="E4" s="536"/>
      <c r="F4" s="537" t="s">
        <v>62</v>
      </c>
      <c r="G4" s="535"/>
      <c r="H4" s="535"/>
      <c r="I4" s="535"/>
      <c r="J4" s="535"/>
      <c r="K4" s="535"/>
      <c r="L4" s="538"/>
      <c r="M4" s="532" t="s">
        <v>52</v>
      </c>
      <c r="N4" s="534" t="s">
        <v>61</v>
      </c>
      <c r="O4" s="535"/>
      <c r="P4" s="536"/>
      <c r="Q4" s="537" t="s">
        <v>62</v>
      </c>
      <c r="R4" s="535"/>
      <c r="S4" s="535"/>
      <c r="T4" s="535"/>
      <c r="U4" s="535"/>
      <c r="V4" s="535"/>
      <c r="W4" s="536"/>
      <c r="X4" s="532" t="s">
        <v>52</v>
      </c>
      <c r="Y4" s="534" t="s">
        <v>61</v>
      </c>
      <c r="Z4" s="535"/>
      <c r="AA4" s="536"/>
      <c r="AB4" s="537" t="s">
        <v>62</v>
      </c>
      <c r="AC4" s="535"/>
      <c r="AD4" s="535"/>
      <c r="AE4" s="535"/>
      <c r="AF4" s="535"/>
      <c r="AG4" s="535"/>
      <c r="AH4" s="536"/>
      <c r="AI4" s="532" t="s">
        <v>52</v>
      </c>
      <c r="AJ4" s="534" t="s">
        <v>61</v>
      </c>
      <c r="AK4" s="535"/>
      <c r="AL4" s="536"/>
      <c r="AM4" s="537" t="s">
        <v>62</v>
      </c>
      <c r="AN4" s="535"/>
      <c r="AO4" s="535"/>
      <c r="AP4" s="535"/>
      <c r="AQ4" s="535"/>
      <c r="AR4" s="535"/>
      <c r="AS4" s="536"/>
      <c r="AT4" s="532" t="s">
        <v>52</v>
      </c>
      <c r="AU4" s="534" t="s">
        <v>61</v>
      </c>
      <c r="AV4" s="535"/>
      <c r="AW4" s="536"/>
      <c r="AX4" s="537" t="s">
        <v>62</v>
      </c>
      <c r="AY4" s="535"/>
      <c r="AZ4" s="535"/>
      <c r="BA4" s="535"/>
      <c r="BB4" s="535"/>
      <c r="BC4" s="535"/>
      <c r="BD4" s="538"/>
      <c r="BE4" s="532" t="s">
        <v>52</v>
      </c>
      <c r="BF4" s="534" t="s">
        <v>61</v>
      </c>
      <c r="BG4" s="535"/>
      <c r="BH4" s="536"/>
      <c r="BI4" s="537" t="s">
        <v>62</v>
      </c>
      <c r="BJ4" s="535"/>
      <c r="BK4" s="535"/>
      <c r="BL4" s="535"/>
      <c r="BM4" s="535"/>
      <c r="BN4" s="535"/>
      <c r="BO4" s="536"/>
      <c r="BP4" s="532" t="s">
        <v>52</v>
      </c>
      <c r="BQ4" s="534" t="s">
        <v>61</v>
      </c>
      <c r="BR4" s="535"/>
      <c r="BS4" s="536"/>
      <c r="BT4" s="537" t="s">
        <v>62</v>
      </c>
      <c r="BU4" s="535"/>
      <c r="BV4" s="535"/>
      <c r="BW4" s="535"/>
      <c r="BX4" s="535"/>
      <c r="BY4" s="535"/>
      <c r="BZ4" s="536"/>
      <c r="CA4" s="532" t="s">
        <v>52</v>
      </c>
      <c r="CB4" s="534" t="s">
        <v>61</v>
      </c>
      <c r="CC4" s="535"/>
      <c r="CD4" s="536"/>
      <c r="CE4" s="537" t="s">
        <v>62</v>
      </c>
      <c r="CF4" s="535"/>
      <c r="CG4" s="535"/>
      <c r="CH4" s="535"/>
      <c r="CI4" s="535"/>
      <c r="CJ4" s="535"/>
      <c r="CK4" s="536"/>
      <c r="CL4" s="532" t="s">
        <v>52</v>
      </c>
      <c r="CM4" s="534" t="s">
        <v>61</v>
      </c>
      <c r="CN4" s="535"/>
      <c r="CO4" s="536"/>
      <c r="CP4" s="537" t="s">
        <v>62</v>
      </c>
      <c r="CQ4" s="535"/>
      <c r="CR4" s="535"/>
      <c r="CS4" s="535"/>
      <c r="CT4" s="535"/>
      <c r="CU4" s="535"/>
      <c r="CV4" s="536"/>
      <c r="CW4" s="532" t="s">
        <v>52</v>
      </c>
      <c r="CX4" s="534" t="s">
        <v>61</v>
      </c>
      <c r="CY4" s="535"/>
      <c r="CZ4" s="536"/>
      <c r="DA4" s="537" t="s">
        <v>62</v>
      </c>
      <c r="DB4" s="535"/>
      <c r="DC4" s="535"/>
      <c r="DD4" s="535"/>
      <c r="DE4" s="535"/>
      <c r="DF4" s="535"/>
      <c r="DG4" s="536"/>
      <c r="DH4" s="532" t="s">
        <v>52</v>
      </c>
      <c r="DI4" s="534" t="s">
        <v>61</v>
      </c>
      <c r="DJ4" s="535"/>
      <c r="DK4" s="536"/>
      <c r="DL4" s="537" t="s">
        <v>62</v>
      </c>
      <c r="DM4" s="535"/>
      <c r="DN4" s="535"/>
      <c r="DO4" s="535"/>
      <c r="DP4" s="535"/>
      <c r="DQ4" s="535"/>
      <c r="DR4" s="536"/>
      <c r="DS4" s="532" t="s">
        <v>52</v>
      </c>
      <c r="DT4" s="534" t="s">
        <v>61</v>
      </c>
      <c r="DU4" s="535"/>
      <c r="DV4" s="536"/>
      <c r="DW4" s="537" t="s">
        <v>62</v>
      </c>
      <c r="DX4" s="535"/>
      <c r="DY4" s="535"/>
      <c r="DZ4" s="535"/>
      <c r="EA4" s="535"/>
      <c r="EB4" s="535"/>
      <c r="EC4" s="536"/>
      <c r="ED4" s="532" t="s">
        <v>52</v>
      </c>
      <c r="EE4" s="534" t="s">
        <v>61</v>
      </c>
      <c r="EF4" s="535"/>
      <c r="EG4" s="536"/>
      <c r="EH4" s="537" t="s">
        <v>62</v>
      </c>
      <c r="EI4" s="535"/>
      <c r="EJ4" s="535"/>
      <c r="EK4" s="535"/>
      <c r="EL4" s="535"/>
      <c r="EM4" s="535"/>
      <c r="EN4" s="536"/>
      <c r="EO4" s="532" t="s">
        <v>52</v>
      </c>
      <c r="EP4" s="534" t="s">
        <v>61</v>
      </c>
      <c r="EQ4" s="535"/>
      <c r="ER4" s="536"/>
      <c r="ES4" s="537" t="s">
        <v>62</v>
      </c>
      <c r="ET4" s="535"/>
      <c r="EU4" s="535"/>
      <c r="EV4" s="535"/>
      <c r="EW4" s="535"/>
      <c r="EX4" s="535"/>
      <c r="EY4" s="536"/>
      <c r="EZ4" s="532" t="s">
        <v>52</v>
      </c>
    </row>
    <row r="5" spans="2:156" ht="34.5" customHeight="1" thickBot="1" x14ac:dyDescent="0.25">
      <c r="B5" s="541"/>
      <c r="C5" s="323" t="s">
        <v>43</v>
      </c>
      <c r="D5" s="259" t="s">
        <v>44</v>
      </c>
      <c r="E5" s="382" t="s">
        <v>45</v>
      </c>
      <c r="F5" s="267" t="s">
        <v>83</v>
      </c>
      <c r="G5" s="259" t="s">
        <v>47</v>
      </c>
      <c r="H5" s="259" t="s">
        <v>48</v>
      </c>
      <c r="I5" s="259" t="s">
        <v>49</v>
      </c>
      <c r="J5" s="259" t="s">
        <v>50</v>
      </c>
      <c r="K5" s="259" t="s">
        <v>51</v>
      </c>
      <c r="L5" s="268" t="s">
        <v>45</v>
      </c>
      <c r="M5" s="533"/>
      <c r="N5" s="323" t="s">
        <v>43</v>
      </c>
      <c r="O5" s="259" t="s">
        <v>44</v>
      </c>
      <c r="P5" s="265" t="s">
        <v>45</v>
      </c>
      <c r="Q5" s="267" t="s">
        <v>83</v>
      </c>
      <c r="R5" s="259" t="s">
        <v>47</v>
      </c>
      <c r="S5" s="259" t="s">
        <v>48</v>
      </c>
      <c r="T5" s="259" t="s">
        <v>49</v>
      </c>
      <c r="U5" s="259" t="s">
        <v>50</v>
      </c>
      <c r="V5" s="259" t="s">
        <v>51</v>
      </c>
      <c r="W5" s="265" t="s">
        <v>45</v>
      </c>
      <c r="X5" s="533"/>
      <c r="Y5" s="323" t="s">
        <v>43</v>
      </c>
      <c r="Z5" s="259" t="s">
        <v>44</v>
      </c>
      <c r="AA5" s="265" t="s">
        <v>45</v>
      </c>
      <c r="AB5" s="267" t="s">
        <v>83</v>
      </c>
      <c r="AC5" s="259" t="s">
        <v>47</v>
      </c>
      <c r="AD5" s="259" t="s">
        <v>48</v>
      </c>
      <c r="AE5" s="259" t="s">
        <v>49</v>
      </c>
      <c r="AF5" s="259" t="s">
        <v>50</v>
      </c>
      <c r="AG5" s="259" t="s">
        <v>51</v>
      </c>
      <c r="AH5" s="265" t="s">
        <v>45</v>
      </c>
      <c r="AI5" s="533"/>
      <c r="AJ5" s="323" t="s">
        <v>43</v>
      </c>
      <c r="AK5" s="259" t="s">
        <v>44</v>
      </c>
      <c r="AL5" s="265" t="s">
        <v>45</v>
      </c>
      <c r="AM5" s="267" t="s">
        <v>83</v>
      </c>
      <c r="AN5" s="259" t="s">
        <v>47</v>
      </c>
      <c r="AO5" s="259" t="s">
        <v>48</v>
      </c>
      <c r="AP5" s="259" t="s">
        <v>49</v>
      </c>
      <c r="AQ5" s="259" t="s">
        <v>50</v>
      </c>
      <c r="AR5" s="259" t="s">
        <v>51</v>
      </c>
      <c r="AS5" s="265" t="s">
        <v>45</v>
      </c>
      <c r="AT5" s="533"/>
      <c r="AU5" s="323" t="s">
        <v>43</v>
      </c>
      <c r="AV5" s="259" t="s">
        <v>44</v>
      </c>
      <c r="AW5" s="265" t="s">
        <v>45</v>
      </c>
      <c r="AX5" s="267" t="s">
        <v>83</v>
      </c>
      <c r="AY5" s="259" t="s">
        <v>47</v>
      </c>
      <c r="AZ5" s="259" t="s">
        <v>48</v>
      </c>
      <c r="BA5" s="259" t="s">
        <v>49</v>
      </c>
      <c r="BB5" s="259" t="s">
        <v>50</v>
      </c>
      <c r="BC5" s="259" t="s">
        <v>51</v>
      </c>
      <c r="BD5" s="268" t="s">
        <v>45</v>
      </c>
      <c r="BE5" s="533"/>
      <c r="BF5" s="323" t="s">
        <v>43</v>
      </c>
      <c r="BG5" s="259" t="s">
        <v>44</v>
      </c>
      <c r="BH5" s="265" t="s">
        <v>45</v>
      </c>
      <c r="BI5" s="267" t="s">
        <v>83</v>
      </c>
      <c r="BJ5" s="259" t="s">
        <v>47</v>
      </c>
      <c r="BK5" s="259" t="s">
        <v>48</v>
      </c>
      <c r="BL5" s="259" t="s">
        <v>49</v>
      </c>
      <c r="BM5" s="259" t="s">
        <v>50</v>
      </c>
      <c r="BN5" s="259" t="s">
        <v>51</v>
      </c>
      <c r="BO5" s="265" t="s">
        <v>45</v>
      </c>
      <c r="BP5" s="533"/>
      <c r="BQ5" s="323" t="s">
        <v>43</v>
      </c>
      <c r="BR5" s="259" t="s">
        <v>44</v>
      </c>
      <c r="BS5" s="265" t="s">
        <v>45</v>
      </c>
      <c r="BT5" s="267" t="s">
        <v>83</v>
      </c>
      <c r="BU5" s="259" t="s">
        <v>47</v>
      </c>
      <c r="BV5" s="259" t="s">
        <v>48</v>
      </c>
      <c r="BW5" s="259" t="s">
        <v>49</v>
      </c>
      <c r="BX5" s="259" t="s">
        <v>50</v>
      </c>
      <c r="BY5" s="259" t="s">
        <v>51</v>
      </c>
      <c r="BZ5" s="265" t="s">
        <v>45</v>
      </c>
      <c r="CA5" s="533"/>
      <c r="CB5" s="323" t="s">
        <v>43</v>
      </c>
      <c r="CC5" s="259" t="s">
        <v>44</v>
      </c>
      <c r="CD5" s="265" t="s">
        <v>45</v>
      </c>
      <c r="CE5" s="267" t="s">
        <v>83</v>
      </c>
      <c r="CF5" s="259" t="s">
        <v>47</v>
      </c>
      <c r="CG5" s="259" t="s">
        <v>48</v>
      </c>
      <c r="CH5" s="259" t="s">
        <v>49</v>
      </c>
      <c r="CI5" s="259" t="s">
        <v>50</v>
      </c>
      <c r="CJ5" s="259" t="s">
        <v>51</v>
      </c>
      <c r="CK5" s="265" t="s">
        <v>45</v>
      </c>
      <c r="CL5" s="533"/>
      <c r="CM5" s="323" t="s">
        <v>43</v>
      </c>
      <c r="CN5" s="259" t="s">
        <v>44</v>
      </c>
      <c r="CO5" s="265" t="s">
        <v>45</v>
      </c>
      <c r="CP5" s="267" t="s">
        <v>83</v>
      </c>
      <c r="CQ5" s="259" t="s">
        <v>47</v>
      </c>
      <c r="CR5" s="259" t="s">
        <v>48</v>
      </c>
      <c r="CS5" s="259" t="s">
        <v>49</v>
      </c>
      <c r="CT5" s="259" t="s">
        <v>50</v>
      </c>
      <c r="CU5" s="259" t="s">
        <v>51</v>
      </c>
      <c r="CV5" s="265" t="s">
        <v>45</v>
      </c>
      <c r="CW5" s="533"/>
      <c r="CX5" s="323" t="s">
        <v>43</v>
      </c>
      <c r="CY5" s="259" t="s">
        <v>44</v>
      </c>
      <c r="CZ5" s="265" t="s">
        <v>45</v>
      </c>
      <c r="DA5" s="267" t="s">
        <v>83</v>
      </c>
      <c r="DB5" s="259" t="s">
        <v>47</v>
      </c>
      <c r="DC5" s="259" t="s">
        <v>48</v>
      </c>
      <c r="DD5" s="259" t="s">
        <v>49</v>
      </c>
      <c r="DE5" s="259" t="s">
        <v>50</v>
      </c>
      <c r="DF5" s="259" t="s">
        <v>51</v>
      </c>
      <c r="DG5" s="265" t="s">
        <v>45</v>
      </c>
      <c r="DH5" s="533"/>
      <c r="DI5" s="344" t="s">
        <v>43</v>
      </c>
      <c r="DJ5" s="259" t="s">
        <v>44</v>
      </c>
      <c r="DK5" s="265" t="s">
        <v>45</v>
      </c>
      <c r="DL5" s="267" t="s">
        <v>83</v>
      </c>
      <c r="DM5" s="259" t="s">
        <v>47</v>
      </c>
      <c r="DN5" s="259" t="s">
        <v>48</v>
      </c>
      <c r="DO5" s="259" t="s">
        <v>49</v>
      </c>
      <c r="DP5" s="259" t="s">
        <v>50</v>
      </c>
      <c r="DQ5" s="259" t="s">
        <v>51</v>
      </c>
      <c r="DR5" s="265" t="s">
        <v>45</v>
      </c>
      <c r="DS5" s="533"/>
      <c r="DT5" s="323" t="s">
        <v>43</v>
      </c>
      <c r="DU5" s="259" t="s">
        <v>44</v>
      </c>
      <c r="DV5" s="265" t="s">
        <v>45</v>
      </c>
      <c r="DW5" s="267" t="s">
        <v>83</v>
      </c>
      <c r="DX5" s="259" t="s">
        <v>47</v>
      </c>
      <c r="DY5" s="259" t="s">
        <v>48</v>
      </c>
      <c r="DZ5" s="259" t="s">
        <v>49</v>
      </c>
      <c r="EA5" s="259" t="s">
        <v>50</v>
      </c>
      <c r="EB5" s="259" t="s">
        <v>51</v>
      </c>
      <c r="EC5" s="265" t="s">
        <v>45</v>
      </c>
      <c r="ED5" s="533"/>
      <c r="EE5" s="323" t="s">
        <v>43</v>
      </c>
      <c r="EF5" s="259" t="s">
        <v>44</v>
      </c>
      <c r="EG5" s="265" t="s">
        <v>45</v>
      </c>
      <c r="EH5" s="267" t="s">
        <v>83</v>
      </c>
      <c r="EI5" s="259" t="s">
        <v>47</v>
      </c>
      <c r="EJ5" s="259" t="s">
        <v>48</v>
      </c>
      <c r="EK5" s="259" t="s">
        <v>49</v>
      </c>
      <c r="EL5" s="259" t="s">
        <v>50</v>
      </c>
      <c r="EM5" s="259" t="s">
        <v>51</v>
      </c>
      <c r="EN5" s="265" t="s">
        <v>45</v>
      </c>
      <c r="EO5" s="533"/>
      <c r="EP5" s="323" t="s">
        <v>43</v>
      </c>
      <c r="EQ5" s="259" t="s">
        <v>44</v>
      </c>
      <c r="ER5" s="265" t="s">
        <v>45</v>
      </c>
      <c r="ES5" s="267" t="s">
        <v>83</v>
      </c>
      <c r="ET5" s="259" t="s">
        <v>47</v>
      </c>
      <c r="EU5" s="259" t="s">
        <v>48</v>
      </c>
      <c r="EV5" s="259" t="s">
        <v>49</v>
      </c>
      <c r="EW5" s="259" t="s">
        <v>50</v>
      </c>
      <c r="EX5" s="259" t="s">
        <v>51</v>
      </c>
      <c r="EY5" s="265" t="s">
        <v>45</v>
      </c>
      <c r="EZ5" s="533"/>
    </row>
    <row r="6" spans="2:156" ht="19.5" customHeight="1" x14ac:dyDescent="0.2">
      <c r="B6" s="260" t="s">
        <v>4</v>
      </c>
      <c r="C6" s="269">
        <v>0</v>
      </c>
      <c r="D6" s="273">
        <v>0</v>
      </c>
      <c r="E6" s="383">
        <v>0</v>
      </c>
      <c r="F6" s="272">
        <v>0</v>
      </c>
      <c r="G6" s="273">
        <v>1254</v>
      </c>
      <c r="H6" s="273">
        <v>1305</v>
      </c>
      <c r="I6" s="273">
        <v>762</v>
      </c>
      <c r="J6" s="273">
        <v>551</v>
      </c>
      <c r="K6" s="273">
        <v>380</v>
      </c>
      <c r="L6" s="274">
        <v>4252</v>
      </c>
      <c r="M6" s="275">
        <v>4252</v>
      </c>
      <c r="N6" s="269">
        <v>0</v>
      </c>
      <c r="O6" s="273">
        <v>1</v>
      </c>
      <c r="P6" s="270">
        <v>1</v>
      </c>
      <c r="Q6" s="272">
        <v>0</v>
      </c>
      <c r="R6" s="273">
        <v>5</v>
      </c>
      <c r="S6" s="273">
        <v>29</v>
      </c>
      <c r="T6" s="273">
        <v>58</v>
      </c>
      <c r="U6" s="273">
        <v>135</v>
      </c>
      <c r="V6" s="273">
        <v>200</v>
      </c>
      <c r="W6" s="270">
        <v>427</v>
      </c>
      <c r="X6" s="275">
        <v>428</v>
      </c>
      <c r="Y6" s="269">
        <v>181</v>
      </c>
      <c r="Z6" s="273">
        <v>361</v>
      </c>
      <c r="AA6" s="270">
        <v>542</v>
      </c>
      <c r="AB6" s="272">
        <v>0</v>
      </c>
      <c r="AC6" s="273">
        <v>920</v>
      </c>
      <c r="AD6" s="273">
        <v>1162</v>
      </c>
      <c r="AE6" s="273">
        <v>725</v>
      </c>
      <c r="AF6" s="273">
        <v>577</v>
      </c>
      <c r="AG6" s="273">
        <v>372</v>
      </c>
      <c r="AH6" s="270">
        <v>3756</v>
      </c>
      <c r="AI6" s="275">
        <v>4298</v>
      </c>
      <c r="AJ6" s="269">
        <v>13</v>
      </c>
      <c r="AK6" s="273">
        <v>43</v>
      </c>
      <c r="AL6" s="270">
        <v>56</v>
      </c>
      <c r="AM6" s="272">
        <v>0</v>
      </c>
      <c r="AN6" s="273">
        <v>67</v>
      </c>
      <c r="AO6" s="273">
        <v>122</v>
      </c>
      <c r="AP6" s="273">
        <v>56</v>
      </c>
      <c r="AQ6" s="273">
        <v>72</v>
      </c>
      <c r="AR6" s="273">
        <v>27</v>
      </c>
      <c r="AS6" s="270">
        <v>344</v>
      </c>
      <c r="AT6" s="275">
        <v>400</v>
      </c>
      <c r="AU6" s="269">
        <v>288</v>
      </c>
      <c r="AV6" s="273">
        <v>312</v>
      </c>
      <c r="AW6" s="270">
        <v>600</v>
      </c>
      <c r="AX6" s="272">
        <v>0</v>
      </c>
      <c r="AY6" s="273">
        <v>1296</v>
      </c>
      <c r="AZ6" s="273">
        <v>1560</v>
      </c>
      <c r="BA6" s="273">
        <v>1436</v>
      </c>
      <c r="BB6" s="273">
        <v>1253</v>
      </c>
      <c r="BC6" s="273">
        <v>834</v>
      </c>
      <c r="BD6" s="274">
        <v>6379</v>
      </c>
      <c r="BE6" s="275">
        <v>6979</v>
      </c>
      <c r="BF6" s="269">
        <v>1</v>
      </c>
      <c r="BG6" s="273">
        <v>0</v>
      </c>
      <c r="BH6" s="270">
        <v>1</v>
      </c>
      <c r="BI6" s="272">
        <v>0</v>
      </c>
      <c r="BJ6" s="273">
        <v>1553</v>
      </c>
      <c r="BK6" s="273">
        <v>1353</v>
      </c>
      <c r="BL6" s="273">
        <v>740</v>
      </c>
      <c r="BM6" s="273">
        <v>328</v>
      </c>
      <c r="BN6" s="273">
        <v>145</v>
      </c>
      <c r="BO6" s="270">
        <v>4119</v>
      </c>
      <c r="BP6" s="275">
        <v>4120</v>
      </c>
      <c r="BQ6" s="269">
        <v>123</v>
      </c>
      <c r="BR6" s="273">
        <v>147</v>
      </c>
      <c r="BS6" s="270">
        <v>270</v>
      </c>
      <c r="BT6" s="272">
        <v>0</v>
      </c>
      <c r="BU6" s="273">
        <v>375</v>
      </c>
      <c r="BV6" s="273">
        <v>504</v>
      </c>
      <c r="BW6" s="273">
        <v>277</v>
      </c>
      <c r="BX6" s="273">
        <v>150</v>
      </c>
      <c r="BY6" s="273">
        <v>55</v>
      </c>
      <c r="BZ6" s="270">
        <v>1361</v>
      </c>
      <c r="CA6" s="275">
        <v>1631</v>
      </c>
      <c r="CB6" s="269">
        <v>8</v>
      </c>
      <c r="CC6" s="273">
        <v>17</v>
      </c>
      <c r="CD6" s="270">
        <v>25</v>
      </c>
      <c r="CE6" s="272">
        <v>0</v>
      </c>
      <c r="CF6" s="273">
        <v>157</v>
      </c>
      <c r="CG6" s="273">
        <v>209</v>
      </c>
      <c r="CH6" s="273">
        <v>275</v>
      </c>
      <c r="CI6" s="273">
        <v>184</v>
      </c>
      <c r="CJ6" s="273">
        <v>66</v>
      </c>
      <c r="CK6" s="270">
        <v>891</v>
      </c>
      <c r="CL6" s="275">
        <v>916</v>
      </c>
      <c r="CM6" s="269">
        <v>0</v>
      </c>
      <c r="CN6" s="273">
        <v>3</v>
      </c>
      <c r="CO6" s="270">
        <v>3</v>
      </c>
      <c r="CP6" s="272">
        <v>0</v>
      </c>
      <c r="CQ6" s="273">
        <v>18</v>
      </c>
      <c r="CR6" s="273">
        <v>38</v>
      </c>
      <c r="CS6" s="273">
        <v>48</v>
      </c>
      <c r="CT6" s="273">
        <v>29</v>
      </c>
      <c r="CU6" s="273">
        <v>20</v>
      </c>
      <c r="CV6" s="270">
        <v>153</v>
      </c>
      <c r="CW6" s="275">
        <v>156</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10</v>
      </c>
      <c r="DU6" s="273">
        <v>1154</v>
      </c>
      <c r="DV6" s="270">
        <v>1764</v>
      </c>
      <c r="DW6" s="272">
        <v>0</v>
      </c>
      <c r="DX6" s="273">
        <v>1763</v>
      </c>
      <c r="DY6" s="273">
        <v>2960</v>
      </c>
      <c r="DZ6" s="273">
        <v>1842</v>
      </c>
      <c r="EA6" s="273">
        <v>1265</v>
      </c>
      <c r="EB6" s="273">
        <v>704</v>
      </c>
      <c r="EC6" s="270">
        <v>8534</v>
      </c>
      <c r="ED6" s="275">
        <v>10298</v>
      </c>
      <c r="EE6" s="269">
        <v>179</v>
      </c>
      <c r="EF6" s="273">
        <v>142</v>
      </c>
      <c r="EG6" s="270">
        <v>321</v>
      </c>
      <c r="EH6" s="272">
        <v>0</v>
      </c>
      <c r="EI6" s="273">
        <v>548</v>
      </c>
      <c r="EJ6" s="273">
        <v>507</v>
      </c>
      <c r="EK6" s="273">
        <v>460</v>
      </c>
      <c r="EL6" s="273">
        <v>423</v>
      </c>
      <c r="EM6" s="273">
        <v>252</v>
      </c>
      <c r="EN6" s="270">
        <v>2190</v>
      </c>
      <c r="EO6" s="275">
        <v>2511</v>
      </c>
      <c r="EP6" s="269">
        <v>888</v>
      </c>
      <c r="EQ6" s="273">
        <v>1533</v>
      </c>
      <c r="ER6" s="270">
        <v>2421</v>
      </c>
      <c r="ES6" s="272">
        <v>0</v>
      </c>
      <c r="ET6" s="273">
        <v>4278</v>
      </c>
      <c r="EU6" s="273">
        <v>4276</v>
      </c>
      <c r="EV6" s="273">
        <v>2266</v>
      </c>
      <c r="EW6" s="273">
        <v>1400</v>
      </c>
      <c r="EX6" s="273">
        <v>747</v>
      </c>
      <c r="EY6" s="270">
        <v>12967</v>
      </c>
      <c r="EZ6" s="275">
        <v>15388</v>
      </c>
    </row>
    <row r="7" spans="2:156" ht="19.5" customHeight="1" x14ac:dyDescent="0.2">
      <c r="B7" s="261" t="s">
        <v>5</v>
      </c>
      <c r="C7" s="276">
        <v>0</v>
      </c>
      <c r="D7" s="280">
        <v>0</v>
      </c>
      <c r="E7" s="384">
        <v>0</v>
      </c>
      <c r="F7" s="279">
        <v>0</v>
      </c>
      <c r="G7" s="280">
        <v>530</v>
      </c>
      <c r="H7" s="280">
        <v>667</v>
      </c>
      <c r="I7" s="280">
        <v>349</v>
      </c>
      <c r="J7" s="280">
        <v>245</v>
      </c>
      <c r="K7" s="280">
        <v>181</v>
      </c>
      <c r="L7" s="281">
        <v>1972</v>
      </c>
      <c r="M7" s="282">
        <v>1972</v>
      </c>
      <c r="N7" s="276">
        <v>0</v>
      </c>
      <c r="O7" s="280">
        <v>1</v>
      </c>
      <c r="P7" s="277">
        <v>1</v>
      </c>
      <c r="Q7" s="279">
        <v>0</v>
      </c>
      <c r="R7" s="280">
        <v>1</v>
      </c>
      <c r="S7" s="280">
        <v>15</v>
      </c>
      <c r="T7" s="280">
        <v>22</v>
      </c>
      <c r="U7" s="280">
        <v>51</v>
      </c>
      <c r="V7" s="280">
        <v>92</v>
      </c>
      <c r="W7" s="277">
        <v>181</v>
      </c>
      <c r="X7" s="282">
        <v>182</v>
      </c>
      <c r="Y7" s="276">
        <v>82</v>
      </c>
      <c r="Z7" s="280">
        <v>193</v>
      </c>
      <c r="AA7" s="277">
        <v>275</v>
      </c>
      <c r="AB7" s="279">
        <v>0</v>
      </c>
      <c r="AC7" s="280">
        <v>355</v>
      </c>
      <c r="AD7" s="280">
        <v>622</v>
      </c>
      <c r="AE7" s="280">
        <v>349</v>
      </c>
      <c r="AF7" s="280">
        <v>283</v>
      </c>
      <c r="AG7" s="280">
        <v>175</v>
      </c>
      <c r="AH7" s="277">
        <v>1784</v>
      </c>
      <c r="AI7" s="282">
        <v>2059</v>
      </c>
      <c r="AJ7" s="276">
        <v>6</v>
      </c>
      <c r="AK7" s="280">
        <v>25</v>
      </c>
      <c r="AL7" s="277">
        <v>31</v>
      </c>
      <c r="AM7" s="279">
        <v>0</v>
      </c>
      <c r="AN7" s="280">
        <v>11</v>
      </c>
      <c r="AO7" s="280">
        <v>54</v>
      </c>
      <c r="AP7" s="280">
        <v>24</v>
      </c>
      <c r="AQ7" s="280">
        <v>28</v>
      </c>
      <c r="AR7" s="280">
        <v>10</v>
      </c>
      <c r="AS7" s="277">
        <v>127</v>
      </c>
      <c r="AT7" s="282">
        <v>158</v>
      </c>
      <c r="AU7" s="276">
        <v>131</v>
      </c>
      <c r="AV7" s="280">
        <v>154</v>
      </c>
      <c r="AW7" s="277">
        <v>285</v>
      </c>
      <c r="AX7" s="279">
        <v>0</v>
      </c>
      <c r="AY7" s="280">
        <v>467</v>
      </c>
      <c r="AZ7" s="280">
        <v>729</v>
      </c>
      <c r="BA7" s="280">
        <v>631</v>
      </c>
      <c r="BB7" s="280">
        <v>540</v>
      </c>
      <c r="BC7" s="280">
        <v>361</v>
      </c>
      <c r="BD7" s="281">
        <v>2728</v>
      </c>
      <c r="BE7" s="282">
        <v>3013</v>
      </c>
      <c r="BF7" s="276">
        <v>1</v>
      </c>
      <c r="BG7" s="280">
        <v>0</v>
      </c>
      <c r="BH7" s="277">
        <v>1</v>
      </c>
      <c r="BI7" s="279">
        <v>0</v>
      </c>
      <c r="BJ7" s="280">
        <v>596</v>
      </c>
      <c r="BK7" s="280">
        <v>570</v>
      </c>
      <c r="BL7" s="280">
        <v>279</v>
      </c>
      <c r="BM7" s="280">
        <v>128</v>
      </c>
      <c r="BN7" s="280">
        <v>51</v>
      </c>
      <c r="BO7" s="277">
        <v>1624</v>
      </c>
      <c r="BP7" s="282">
        <v>1625</v>
      </c>
      <c r="BQ7" s="276">
        <v>58</v>
      </c>
      <c r="BR7" s="280">
        <v>78</v>
      </c>
      <c r="BS7" s="277">
        <v>136</v>
      </c>
      <c r="BT7" s="279">
        <v>0</v>
      </c>
      <c r="BU7" s="280">
        <v>132</v>
      </c>
      <c r="BV7" s="280">
        <v>232</v>
      </c>
      <c r="BW7" s="280">
        <v>139</v>
      </c>
      <c r="BX7" s="280">
        <v>67</v>
      </c>
      <c r="BY7" s="280">
        <v>23</v>
      </c>
      <c r="BZ7" s="277">
        <v>593</v>
      </c>
      <c r="CA7" s="282">
        <v>729</v>
      </c>
      <c r="CB7" s="276">
        <v>3</v>
      </c>
      <c r="CC7" s="280">
        <v>12</v>
      </c>
      <c r="CD7" s="277">
        <v>15</v>
      </c>
      <c r="CE7" s="279">
        <v>0</v>
      </c>
      <c r="CF7" s="280">
        <v>52</v>
      </c>
      <c r="CG7" s="280">
        <v>78</v>
      </c>
      <c r="CH7" s="280">
        <v>117</v>
      </c>
      <c r="CI7" s="280">
        <v>75</v>
      </c>
      <c r="CJ7" s="280">
        <v>23</v>
      </c>
      <c r="CK7" s="277">
        <v>345</v>
      </c>
      <c r="CL7" s="282">
        <v>360</v>
      </c>
      <c r="CM7" s="276">
        <v>0</v>
      </c>
      <c r="CN7" s="280">
        <v>2</v>
      </c>
      <c r="CO7" s="277">
        <v>2</v>
      </c>
      <c r="CP7" s="279">
        <v>0</v>
      </c>
      <c r="CQ7" s="280">
        <v>10</v>
      </c>
      <c r="CR7" s="280">
        <v>27</v>
      </c>
      <c r="CS7" s="280">
        <v>36</v>
      </c>
      <c r="CT7" s="280">
        <v>18</v>
      </c>
      <c r="CU7" s="280">
        <v>15</v>
      </c>
      <c r="CV7" s="277">
        <v>106</v>
      </c>
      <c r="CW7" s="282">
        <v>108</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32</v>
      </c>
      <c r="DU7" s="280">
        <v>548</v>
      </c>
      <c r="DV7" s="277">
        <v>780</v>
      </c>
      <c r="DW7" s="279">
        <v>0</v>
      </c>
      <c r="DX7" s="280">
        <v>565</v>
      </c>
      <c r="DY7" s="280">
        <v>1335</v>
      </c>
      <c r="DZ7" s="280">
        <v>795</v>
      </c>
      <c r="EA7" s="280">
        <v>540</v>
      </c>
      <c r="EB7" s="280">
        <v>319</v>
      </c>
      <c r="EC7" s="277">
        <v>3554</v>
      </c>
      <c r="ED7" s="282">
        <v>4334</v>
      </c>
      <c r="EE7" s="276">
        <v>75</v>
      </c>
      <c r="EF7" s="280">
        <v>61</v>
      </c>
      <c r="EG7" s="277">
        <v>136</v>
      </c>
      <c r="EH7" s="279">
        <v>0</v>
      </c>
      <c r="EI7" s="280">
        <v>202</v>
      </c>
      <c r="EJ7" s="280">
        <v>238</v>
      </c>
      <c r="EK7" s="280">
        <v>221</v>
      </c>
      <c r="EL7" s="280">
        <v>188</v>
      </c>
      <c r="EM7" s="280">
        <v>113</v>
      </c>
      <c r="EN7" s="277">
        <v>962</v>
      </c>
      <c r="EO7" s="282">
        <v>1098</v>
      </c>
      <c r="EP7" s="276">
        <v>367</v>
      </c>
      <c r="EQ7" s="280">
        <v>752</v>
      </c>
      <c r="ER7" s="277">
        <v>1119</v>
      </c>
      <c r="ES7" s="279">
        <v>0</v>
      </c>
      <c r="ET7" s="280">
        <v>1610</v>
      </c>
      <c r="EU7" s="280">
        <v>2021</v>
      </c>
      <c r="EV7" s="280">
        <v>1009</v>
      </c>
      <c r="EW7" s="280">
        <v>605</v>
      </c>
      <c r="EX7" s="280">
        <v>330</v>
      </c>
      <c r="EY7" s="277">
        <v>5575</v>
      </c>
      <c r="EZ7" s="282">
        <v>6694</v>
      </c>
    </row>
    <row r="8" spans="2:156" ht="19.5" customHeight="1" x14ac:dyDescent="0.2">
      <c r="B8" s="261" t="s">
        <v>6</v>
      </c>
      <c r="C8" s="276">
        <v>0</v>
      </c>
      <c r="D8" s="280">
        <v>0</v>
      </c>
      <c r="E8" s="384">
        <v>0</v>
      </c>
      <c r="F8" s="279">
        <v>0</v>
      </c>
      <c r="G8" s="280">
        <v>180</v>
      </c>
      <c r="H8" s="280">
        <v>139</v>
      </c>
      <c r="I8" s="280">
        <v>85</v>
      </c>
      <c r="J8" s="280">
        <v>77</v>
      </c>
      <c r="K8" s="280">
        <v>51</v>
      </c>
      <c r="L8" s="281">
        <v>532</v>
      </c>
      <c r="M8" s="282">
        <v>532</v>
      </c>
      <c r="N8" s="276">
        <v>0</v>
      </c>
      <c r="O8" s="280">
        <v>0</v>
      </c>
      <c r="P8" s="277">
        <v>0</v>
      </c>
      <c r="Q8" s="279">
        <v>0</v>
      </c>
      <c r="R8" s="280">
        <v>1</v>
      </c>
      <c r="S8" s="280">
        <v>1</v>
      </c>
      <c r="T8" s="280">
        <v>2</v>
      </c>
      <c r="U8" s="280">
        <v>15</v>
      </c>
      <c r="V8" s="280">
        <v>27</v>
      </c>
      <c r="W8" s="277">
        <v>46</v>
      </c>
      <c r="X8" s="282">
        <v>46</v>
      </c>
      <c r="Y8" s="276">
        <v>20</v>
      </c>
      <c r="Z8" s="280">
        <v>44</v>
      </c>
      <c r="AA8" s="277">
        <v>64</v>
      </c>
      <c r="AB8" s="279">
        <v>0</v>
      </c>
      <c r="AC8" s="280">
        <v>132</v>
      </c>
      <c r="AD8" s="280">
        <v>124</v>
      </c>
      <c r="AE8" s="280">
        <v>84</v>
      </c>
      <c r="AF8" s="280">
        <v>87</v>
      </c>
      <c r="AG8" s="280">
        <v>58</v>
      </c>
      <c r="AH8" s="277">
        <v>485</v>
      </c>
      <c r="AI8" s="282">
        <v>549</v>
      </c>
      <c r="AJ8" s="276">
        <v>1</v>
      </c>
      <c r="AK8" s="280">
        <v>0</v>
      </c>
      <c r="AL8" s="277">
        <v>1</v>
      </c>
      <c r="AM8" s="279">
        <v>0</v>
      </c>
      <c r="AN8" s="280">
        <v>13</v>
      </c>
      <c r="AO8" s="280">
        <v>15</v>
      </c>
      <c r="AP8" s="280">
        <v>4</v>
      </c>
      <c r="AQ8" s="280">
        <v>9</v>
      </c>
      <c r="AR8" s="280">
        <v>3</v>
      </c>
      <c r="AS8" s="277">
        <v>44</v>
      </c>
      <c r="AT8" s="282">
        <v>45</v>
      </c>
      <c r="AU8" s="276">
        <v>43</v>
      </c>
      <c r="AV8" s="280">
        <v>41</v>
      </c>
      <c r="AW8" s="277">
        <v>84</v>
      </c>
      <c r="AX8" s="279">
        <v>0</v>
      </c>
      <c r="AY8" s="280">
        <v>209</v>
      </c>
      <c r="AZ8" s="280">
        <v>200</v>
      </c>
      <c r="BA8" s="280">
        <v>193</v>
      </c>
      <c r="BB8" s="280">
        <v>195</v>
      </c>
      <c r="BC8" s="280">
        <v>133</v>
      </c>
      <c r="BD8" s="281">
        <v>930</v>
      </c>
      <c r="BE8" s="282">
        <v>1014</v>
      </c>
      <c r="BF8" s="276">
        <v>0</v>
      </c>
      <c r="BG8" s="280">
        <v>0</v>
      </c>
      <c r="BH8" s="277">
        <v>0</v>
      </c>
      <c r="BI8" s="279">
        <v>0</v>
      </c>
      <c r="BJ8" s="280">
        <v>221</v>
      </c>
      <c r="BK8" s="280">
        <v>154</v>
      </c>
      <c r="BL8" s="280">
        <v>86</v>
      </c>
      <c r="BM8" s="280">
        <v>49</v>
      </c>
      <c r="BN8" s="280">
        <v>22</v>
      </c>
      <c r="BO8" s="277">
        <v>532</v>
      </c>
      <c r="BP8" s="282">
        <v>532</v>
      </c>
      <c r="BQ8" s="276">
        <v>5</v>
      </c>
      <c r="BR8" s="280">
        <v>8</v>
      </c>
      <c r="BS8" s="277">
        <v>13</v>
      </c>
      <c r="BT8" s="279">
        <v>0</v>
      </c>
      <c r="BU8" s="280">
        <v>52</v>
      </c>
      <c r="BV8" s="280">
        <v>57</v>
      </c>
      <c r="BW8" s="280">
        <v>32</v>
      </c>
      <c r="BX8" s="280">
        <v>20</v>
      </c>
      <c r="BY8" s="280">
        <v>10</v>
      </c>
      <c r="BZ8" s="277">
        <v>171</v>
      </c>
      <c r="CA8" s="282">
        <v>184</v>
      </c>
      <c r="CB8" s="276">
        <v>3</v>
      </c>
      <c r="CC8" s="280">
        <v>1</v>
      </c>
      <c r="CD8" s="277">
        <v>4</v>
      </c>
      <c r="CE8" s="279">
        <v>0</v>
      </c>
      <c r="CF8" s="280">
        <v>17</v>
      </c>
      <c r="CG8" s="280">
        <v>24</v>
      </c>
      <c r="CH8" s="280">
        <v>24</v>
      </c>
      <c r="CI8" s="280">
        <v>12</v>
      </c>
      <c r="CJ8" s="280">
        <v>9</v>
      </c>
      <c r="CK8" s="277">
        <v>86</v>
      </c>
      <c r="CL8" s="282">
        <v>90</v>
      </c>
      <c r="CM8" s="276">
        <v>0</v>
      </c>
      <c r="CN8" s="280">
        <v>1</v>
      </c>
      <c r="CO8" s="277">
        <v>1</v>
      </c>
      <c r="CP8" s="279">
        <v>0</v>
      </c>
      <c r="CQ8" s="280">
        <v>3</v>
      </c>
      <c r="CR8" s="280">
        <v>2</v>
      </c>
      <c r="CS8" s="280">
        <v>7</v>
      </c>
      <c r="CT8" s="280">
        <v>3</v>
      </c>
      <c r="CU8" s="280">
        <v>1</v>
      </c>
      <c r="CV8" s="277">
        <v>16</v>
      </c>
      <c r="CW8" s="282">
        <v>17</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78</v>
      </c>
      <c r="DU8" s="280">
        <v>105</v>
      </c>
      <c r="DV8" s="277">
        <v>183</v>
      </c>
      <c r="DW8" s="279">
        <v>0</v>
      </c>
      <c r="DX8" s="280">
        <v>253</v>
      </c>
      <c r="DY8" s="280">
        <v>324</v>
      </c>
      <c r="DZ8" s="280">
        <v>213</v>
      </c>
      <c r="EA8" s="280">
        <v>185</v>
      </c>
      <c r="EB8" s="280">
        <v>109</v>
      </c>
      <c r="EC8" s="277">
        <v>1084</v>
      </c>
      <c r="ED8" s="282">
        <v>1267</v>
      </c>
      <c r="EE8" s="276">
        <v>37</v>
      </c>
      <c r="EF8" s="280">
        <v>19</v>
      </c>
      <c r="EG8" s="277">
        <v>56</v>
      </c>
      <c r="EH8" s="279">
        <v>0</v>
      </c>
      <c r="EI8" s="280">
        <v>75</v>
      </c>
      <c r="EJ8" s="280">
        <v>66</v>
      </c>
      <c r="EK8" s="280">
        <v>61</v>
      </c>
      <c r="EL8" s="280">
        <v>58</v>
      </c>
      <c r="EM8" s="280">
        <v>37</v>
      </c>
      <c r="EN8" s="277">
        <v>297</v>
      </c>
      <c r="EO8" s="282">
        <v>353</v>
      </c>
      <c r="EP8" s="276">
        <v>97</v>
      </c>
      <c r="EQ8" s="280">
        <v>151</v>
      </c>
      <c r="ER8" s="277">
        <v>248</v>
      </c>
      <c r="ES8" s="279">
        <v>0</v>
      </c>
      <c r="ET8" s="280">
        <v>589</v>
      </c>
      <c r="EU8" s="280">
        <v>455</v>
      </c>
      <c r="EV8" s="280">
        <v>265</v>
      </c>
      <c r="EW8" s="280">
        <v>198</v>
      </c>
      <c r="EX8" s="280">
        <v>115</v>
      </c>
      <c r="EY8" s="277">
        <v>1622</v>
      </c>
      <c r="EZ8" s="282">
        <v>1870</v>
      </c>
    </row>
    <row r="9" spans="2:156" ht="19.5" customHeight="1" x14ac:dyDescent="0.2">
      <c r="B9" s="261" t="s">
        <v>14</v>
      </c>
      <c r="C9" s="276">
        <v>0</v>
      </c>
      <c r="D9" s="280">
        <v>0</v>
      </c>
      <c r="E9" s="384">
        <v>0</v>
      </c>
      <c r="F9" s="279">
        <v>0</v>
      </c>
      <c r="G9" s="280">
        <v>77</v>
      </c>
      <c r="H9" s="280">
        <v>90</v>
      </c>
      <c r="I9" s="280">
        <v>57</v>
      </c>
      <c r="J9" s="280">
        <v>24</v>
      </c>
      <c r="K9" s="280">
        <v>22</v>
      </c>
      <c r="L9" s="281">
        <v>270</v>
      </c>
      <c r="M9" s="282">
        <v>270</v>
      </c>
      <c r="N9" s="276">
        <v>0</v>
      </c>
      <c r="O9" s="280">
        <v>0</v>
      </c>
      <c r="P9" s="277">
        <v>0</v>
      </c>
      <c r="Q9" s="279">
        <v>0</v>
      </c>
      <c r="R9" s="280">
        <v>0</v>
      </c>
      <c r="S9" s="280">
        <v>0</v>
      </c>
      <c r="T9" s="280">
        <v>3</v>
      </c>
      <c r="U9" s="280">
        <v>3</v>
      </c>
      <c r="V9" s="280">
        <v>9</v>
      </c>
      <c r="W9" s="277">
        <v>15</v>
      </c>
      <c r="X9" s="282">
        <v>15</v>
      </c>
      <c r="Y9" s="276">
        <v>4</v>
      </c>
      <c r="Z9" s="280">
        <v>25</v>
      </c>
      <c r="AA9" s="277">
        <v>29</v>
      </c>
      <c r="AB9" s="279">
        <v>0</v>
      </c>
      <c r="AC9" s="280">
        <v>64</v>
      </c>
      <c r="AD9" s="280">
        <v>79</v>
      </c>
      <c r="AE9" s="280">
        <v>58</v>
      </c>
      <c r="AF9" s="280">
        <v>29</v>
      </c>
      <c r="AG9" s="280">
        <v>18</v>
      </c>
      <c r="AH9" s="277">
        <v>248</v>
      </c>
      <c r="AI9" s="282">
        <v>277</v>
      </c>
      <c r="AJ9" s="276">
        <v>0</v>
      </c>
      <c r="AK9" s="280">
        <v>3</v>
      </c>
      <c r="AL9" s="277">
        <v>3</v>
      </c>
      <c r="AM9" s="279">
        <v>0</v>
      </c>
      <c r="AN9" s="280">
        <v>1</v>
      </c>
      <c r="AO9" s="280">
        <v>2</v>
      </c>
      <c r="AP9" s="280">
        <v>2</v>
      </c>
      <c r="AQ9" s="280">
        <v>2</v>
      </c>
      <c r="AR9" s="280">
        <v>1</v>
      </c>
      <c r="AS9" s="277">
        <v>8</v>
      </c>
      <c r="AT9" s="282">
        <v>11</v>
      </c>
      <c r="AU9" s="276">
        <v>18</v>
      </c>
      <c r="AV9" s="280">
        <v>25</v>
      </c>
      <c r="AW9" s="277">
        <v>43</v>
      </c>
      <c r="AX9" s="279">
        <v>0</v>
      </c>
      <c r="AY9" s="280">
        <v>90</v>
      </c>
      <c r="AZ9" s="280">
        <v>111</v>
      </c>
      <c r="BA9" s="280">
        <v>106</v>
      </c>
      <c r="BB9" s="280">
        <v>69</v>
      </c>
      <c r="BC9" s="280">
        <v>57</v>
      </c>
      <c r="BD9" s="281">
        <v>433</v>
      </c>
      <c r="BE9" s="282">
        <v>476</v>
      </c>
      <c r="BF9" s="276">
        <v>0</v>
      </c>
      <c r="BG9" s="280">
        <v>0</v>
      </c>
      <c r="BH9" s="277">
        <v>0</v>
      </c>
      <c r="BI9" s="279">
        <v>0</v>
      </c>
      <c r="BJ9" s="280">
        <v>107</v>
      </c>
      <c r="BK9" s="280">
        <v>124</v>
      </c>
      <c r="BL9" s="280">
        <v>76</v>
      </c>
      <c r="BM9" s="280">
        <v>27</v>
      </c>
      <c r="BN9" s="280">
        <v>13</v>
      </c>
      <c r="BO9" s="277">
        <v>347</v>
      </c>
      <c r="BP9" s="282">
        <v>347</v>
      </c>
      <c r="BQ9" s="276">
        <v>6</v>
      </c>
      <c r="BR9" s="280">
        <v>7</v>
      </c>
      <c r="BS9" s="277">
        <v>13</v>
      </c>
      <c r="BT9" s="279">
        <v>0</v>
      </c>
      <c r="BU9" s="280">
        <v>11</v>
      </c>
      <c r="BV9" s="280">
        <v>28</v>
      </c>
      <c r="BW9" s="280">
        <v>17</v>
      </c>
      <c r="BX9" s="280">
        <v>7</v>
      </c>
      <c r="BY9" s="280">
        <v>2</v>
      </c>
      <c r="BZ9" s="277">
        <v>65</v>
      </c>
      <c r="CA9" s="282">
        <v>78</v>
      </c>
      <c r="CB9" s="276">
        <v>0</v>
      </c>
      <c r="CC9" s="280">
        <v>1</v>
      </c>
      <c r="CD9" s="277">
        <v>1</v>
      </c>
      <c r="CE9" s="279">
        <v>0</v>
      </c>
      <c r="CF9" s="280">
        <v>9</v>
      </c>
      <c r="CG9" s="280">
        <v>23</v>
      </c>
      <c r="CH9" s="280">
        <v>24</v>
      </c>
      <c r="CI9" s="280">
        <v>9</v>
      </c>
      <c r="CJ9" s="280">
        <v>6</v>
      </c>
      <c r="CK9" s="277">
        <v>71</v>
      </c>
      <c r="CL9" s="282">
        <v>72</v>
      </c>
      <c r="CM9" s="276">
        <v>0</v>
      </c>
      <c r="CN9" s="280">
        <v>0</v>
      </c>
      <c r="CO9" s="277">
        <v>0</v>
      </c>
      <c r="CP9" s="279">
        <v>0</v>
      </c>
      <c r="CQ9" s="280">
        <v>0</v>
      </c>
      <c r="CR9" s="280">
        <v>0</v>
      </c>
      <c r="CS9" s="280">
        <v>1</v>
      </c>
      <c r="CT9" s="280">
        <v>2</v>
      </c>
      <c r="CU9" s="280">
        <v>1</v>
      </c>
      <c r="CV9" s="277">
        <v>4</v>
      </c>
      <c r="CW9" s="282">
        <v>4</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41</v>
      </c>
      <c r="DU9" s="280">
        <v>98</v>
      </c>
      <c r="DV9" s="277">
        <v>139</v>
      </c>
      <c r="DW9" s="279">
        <v>0</v>
      </c>
      <c r="DX9" s="280">
        <v>116</v>
      </c>
      <c r="DY9" s="280">
        <v>232</v>
      </c>
      <c r="DZ9" s="280">
        <v>143</v>
      </c>
      <c r="EA9" s="280">
        <v>79</v>
      </c>
      <c r="EB9" s="280">
        <v>38</v>
      </c>
      <c r="EC9" s="277">
        <v>608</v>
      </c>
      <c r="ED9" s="282">
        <v>747</v>
      </c>
      <c r="EE9" s="276">
        <v>14</v>
      </c>
      <c r="EF9" s="280">
        <v>13</v>
      </c>
      <c r="EG9" s="277">
        <v>27</v>
      </c>
      <c r="EH9" s="279">
        <v>0</v>
      </c>
      <c r="EI9" s="280">
        <v>32</v>
      </c>
      <c r="EJ9" s="280">
        <v>30</v>
      </c>
      <c r="EK9" s="280">
        <v>28</v>
      </c>
      <c r="EL9" s="280">
        <v>19</v>
      </c>
      <c r="EM9" s="280">
        <v>15</v>
      </c>
      <c r="EN9" s="277">
        <v>124</v>
      </c>
      <c r="EO9" s="282">
        <v>151</v>
      </c>
      <c r="EP9" s="276">
        <v>48</v>
      </c>
      <c r="EQ9" s="280">
        <v>117</v>
      </c>
      <c r="ER9" s="277">
        <v>165</v>
      </c>
      <c r="ES9" s="279">
        <v>0</v>
      </c>
      <c r="ET9" s="280">
        <v>291</v>
      </c>
      <c r="EU9" s="280">
        <v>337</v>
      </c>
      <c r="EV9" s="280">
        <v>176</v>
      </c>
      <c r="EW9" s="280">
        <v>92</v>
      </c>
      <c r="EX9" s="280">
        <v>42</v>
      </c>
      <c r="EY9" s="277">
        <v>938</v>
      </c>
      <c r="EZ9" s="282">
        <v>1103</v>
      </c>
    </row>
    <row r="10" spans="2:156" ht="19.5" customHeight="1" x14ac:dyDescent="0.2">
      <c r="B10" s="261" t="s">
        <v>7</v>
      </c>
      <c r="C10" s="276">
        <v>0</v>
      </c>
      <c r="D10" s="280">
        <v>0</v>
      </c>
      <c r="E10" s="384">
        <v>0</v>
      </c>
      <c r="F10" s="279">
        <v>0</v>
      </c>
      <c r="G10" s="280">
        <v>120</v>
      </c>
      <c r="H10" s="280">
        <v>90</v>
      </c>
      <c r="I10" s="280">
        <v>51</v>
      </c>
      <c r="J10" s="280">
        <v>33</v>
      </c>
      <c r="K10" s="280">
        <v>22</v>
      </c>
      <c r="L10" s="281">
        <v>316</v>
      </c>
      <c r="M10" s="282">
        <v>316</v>
      </c>
      <c r="N10" s="276">
        <v>0</v>
      </c>
      <c r="O10" s="280">
        <v>0</v>
      </c>
      <c r="P10" s="277">
        <v>0</v>
      </c>
      <c r="Q10" s="279">
        <v>0</v>
      </c>
      <c r="R10" s="280">
        <v>1</v>
      </c>
      <c r="S10" s="280">
        <v>4</v>
      </c>
      <c r="T10" s="280">
        <v>10</v>
      </c>
      <c r="U10" s="280">
        <v>16</v>
      </c>
      <c r="V10" s="280">
        <v>10</v>
      </c>
      <c r="W10" s="277">
        <v>41</v>
      </c>
      <c r="X10" s="282">
        <v>41</v>
      </c>
      <c r="Y10" s="276">
        <v>2</v>
      </c>
      <c r="Z10" s="280">
        <v>6</v>
      </c>
      <c r="AA10" s="277">
        <v>8</v>
      </c>
      <c r="AB10" s="279">
        <v>0</v>
      </c>
      <c r="AC10" s="280">
        <v>57</v>
      </c>
      <c r="AD10" s="280">
        <v>44</v>
      </c>
      <c r="AE10" s="280">
        <v>32</v>
      </c>
      <c r="AF10" s="280">
        <v>20</v>
      </c>
      <c r="AG10" s="280">
        <v>14</v>
      </c>
      <c r="AH10" s="277">
        <v>167</v>
      </c>
      <c r="AI10" s="282">
        <v>175</v>
      </c>
      <c r="AJ10" s="276">
        <v>0</v>
      </c>
      <c r="AK10" s="280">
        <v>0</v>
      </c>
      <c r="AL10" s="277">
        <v>0</v>
      </c>
      <c r="AM10" s="279">
        <v>0</v>
      </c>
      <c r="AN10" s="280">
        <v>7</v>
      </c>
      <c r="AO10" s="280">
        <v>2</v>
      </c>
      <c r="AP10" s="280">
        <v>4</v>
      </c>
      <c r="AQ10" s="280">
        <v>4</v>
      </c>
      <c r="AR10" s="280">
        <v>0</v>
      </c>
      <c r="AS10" s="277">
        <v>17</v>
      </c>
      <c r="AT10" s="282">
        <v>17</v>
      </c>
      <c r="AU10" s="276">
        <v>13</v>
      </c>
      <c r="AV10" s="280">
        <v>13</v>
      </c>
      <c r="AW10" s="277">
        <v>26</v>
      </c>
      <c r="AX10" s="279">
        <v>0</v>
      </c>
      <c r="AY10" s="280">
        <v>120</v>
      </c>
      <c r="AZ10" s="280">
        <v>96</v>
      </c>
      <c r="BA10" s="280">
        <v>98</v>
      </c>
      <c r="BB10" s="280">
        <v>82</v>
      </c>
      <c r="BC10" s="280">
        <v>46</v>
      </c>
      <c r="BD10" s="281">
        <v>442</v>
      </c>
      <c r="BE10" s="282">
        <v>468</v>
      </c>
      <c r="BF10" s="276">
        <v>0</v>
      </c>
      <c r="BG10" s="280">
        <v>0</v>
      </c>
      <c r="BH10" s="277">
        <v>0</v>
      </c>
      <c r="BI10" s="279">
        <v>0</v>
      </c>
      <c r="BJ10" s="280">
        <v>140</v>
      </c>
      <c r="BK10" s="280">
        <v>93</v>
      </c>
      <c r="BL10" s="280">
        <v>48</v>
      </c>
      <c r="BM10" s="280">
        <v>19</v>
      </c>
      <c r="BN10" s="280">
        <v>9</v>
      </c>
      <c r="BO10" s="277">
        <v>309</v>
      </c>
      <c r="BP10" s="282">
        <v>309</v>
      </c>
      <c r="BQ10" s="276">
        <v>2</v>
      </c>
      <c r="BR10" s="280">
        <v>0</v>
      </c>
      <c r="BS10" s="277">
        <v>2</v>
      </c>
      <c r="BT10" s="279">
        <v>0</v>
      </c>
      <c r="BU10" s="280">
        <v>26</v>
      </c>
      <c r="BV10" s="280">
        <v>25</v>
      </c>
      <c r="BW10" s="280">
        <v>14</v>
      </c>
      <c r="BX10" s="280">
        <v>3</v>
      </c>
      <c r="BY10" s="280">
        <v>0</v>
      </c>
      <c r="BZ10" s="277">
        <v>68</v>
      </c>
      <c r="CA10" s="282">
        <v>70</v>
      </c>
      <c r="CB10" s="276">
        <v>0</v>
      </c>
      <c r="CC10" s="280">
        <v>0</v>
      </c>
      <c r="CD10" s="277">
        <v>0</v>
      </c>
      <c r="CE10" s="279">
        <v>0</v>
      </c>
      <c r="CF10" s="280">
        <v>19</v>
      </c>
      <c r="CG10" s="280">
        <v>20</v>
      </c>
      <c r="CH10" s="280">
        <v>20</v>
      </c>
      <c r="CI10" s="280">
        <v>13</v>
      </c>
      <c r="CJ10" s="280">
        <v>5</v>
      </c>
      <c r="CK10" s="277">
        <v>77</v>
      </c>
      <c r="CL10" s="282">
        <v>77</v>
      </c>
      <c r="CM10" s="276">
        <v>0</v>
      </c>
      <c r="CN10" s="280">
        <v>0</v>
      </c>
      <c r="CO10" s="277">
        <v>0</v>
      </c>
      <c r="CP10" s="279">
        <v>0</v>
      </c>
      <c r="CQ10" s="280">
        <v>1</v>
      </c>
      <c r="CR10" s="280">
        <v>1</v>
      </c>
      <c r="CS10" s="280">
        <v>0</v>
      </c>
      <c r="CT10" s="280">
        <v>0</v>
      </c>
      <c r="CU10" s="280">
        <v>0</v>
      </c>
      <c r="CV10" s="277">
        <v>2</v>
      </c>
      <c r="CW10" s="282">
        <v>2</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26</v>
      </c>
      <c r="DU10" s="280">
        <v>30</v>
      </c>
      <c r="DV10" s="277">
        <v>56</v>
      </c>
      <c r="DW10" s="279">
        <v>0</v>
      </c>
      <c r="DX10" s="280">
        <v>163</v>
      </c>
      <c r="DY10" s="280">
        <v>202</v>
      </c>
      <c r="DZ10" s="280">
        <v>109</v>
      </c>
      <c r="EA10" s="280">
        <v>64</v>
      </c>
      <c r="EB10" s="280">
        <v>34</v>
      </c>
      <c r="EC10" s="277">
        <v>572</v>
      </c>
      <c r="ED10" s="282">
        <v>628</v>
      </c>
      <c r="EE10" s="276">
        <v>9</v>
      </c>
      <c r="EF10" s="280">
        <v>5</v>
      </c>
      <c r="EG10" s="277">
        <v>14</v>
      </c>
      <c r="EH10" s="279">
        <v>0</v>
      </c>
      <c r="EI10" s="280">
        <v>59</v>
      </c>
      <c r="EJ10" s="280">
        <v>30</v>
      </c>
      <c r="EK10" s="280">
        <v>28</v>
      </c>
      <c r="EL10" s="280">
        <v>30</v>
      </c>
      <c r="EM10" s="280">
        <v>13</v>
      </c>
      <c r="EN10" s="277">
        <v>160</v>
      </c>
      <c r="EO10" s="282">
        <v>174</v>
      </c>
      <c r="EP10" s="276">
        <v>28</v>
      </c>
      <c r="EQ10" s="280">
        <v>34</v>
      </c>
      <c r="ER10" s="277">
        <v>62</v>
      </c>
      <c r="ES10" s="279">
        <v>0</v>
      </c>
      <c r="ET10" s="280">
        <v>379</v>
      </c>
      <c r="EU10" s="280">
        <v>266</v>
      </c>
      <c r="EV10" s="280">
        <v>138</v>
      </c>
      <c r="EW10" s="280">
        <v>74</v>
      </c>
      <c r="EX10" s="280">
        <v>40</v>
      </c>
      <c r="EY10" s="277">
        <v>897</v>
      </c>
      <c r="EZ10" s="282">
        <v>959</v>
      </c>
    </row>
    <row r="11" spans="2:156" ht="19.5" customHeight="1" x14ac:dyDescent="0.2">
      <c r="B11" s="261" t="s">
        <v>8</v>
      </c>
      <c r="C11" s="276">
        <v>0</v>
      </c>
      <c r="D11" s="280">
        <v>0</v>
      </c>
      <c r="E11" s="384">
        <v>0</v>
      </c>
      <c r="F11" s="279">
        <v>0</v>
      </c>
      <c r="G11" s="280">
        <v>20</v>
      </c>
      <c r="H11" s="280">
        <v>29</v>
      </c>
      <c r="I11" s="280">
        <v>18</v>
      </c>
      <c r="J11" s="280">
        <v>10</v>
      </c>
      <c r="K11" s="280">
        <v>7</v>
      </c>
      <c r="L11" s="281">
        <v>84</v>
      </c>
      <c r="M11" s="282">
        <v>84</v>
      </c>
      <c r="N11" s="276">
        <v>0</v>
      </c>
      <c r="O11" s="280">
        <v>0</v>
      </c>
      <c r="P11" s="277">
        <v>0</v>
      </c>
      <c r="Q11" s="279">
        <v>0</v>
      </c>
      <c r="R11" s="280">
        <v>0</v>
      </c>
      <c r="S11" s="280">
        <v>1</v>
      </c>
      <c r="T11" s="280">
        <v>2</v>
      </c>
      <c r="U11" s="280">
        <v>5</v>
      </c>
      <c r="V11" s="280">
        <v>3</v>
      </c>
      <c r="W11" s="277">
        <v>11</v>
      </c>
      <c r="X11" s="282">
        <v>11</v>
      </c>
      <c r="Y11" s="276">
        <v>3</v>
      </c>
      <c r="Z11" s="280">
        <v>7</v>
      </c>
      <c r="AA11" s="277">
        <v>10</v>
      </c>
      <c r="AB11" s="279">
        <v>0</v>
      </c>
      <c r="AC11" s="280">
        <v>19</v>
      </c>
      <c r="AD11" s="280">
        <v>23</v>
      </c>
      <c r="AE11" s="280">
        <v>17</v>
      </c>
      <c r="AF11" s="280">
        <v>14</v>
      </c>
      <c r="AG11" s="280">
        <v>8</v>
      </c>
      <c r="AH11" s="277">
        <v>81</v>
      </c>
      <c r="AI11" s="282">
        <v>91</v>
      </c>
      <c r="AJ11" s="276">
        <v>0</v>
      </c>
      <c r="AK11" s="280">
        <v>1</v>
      </c>
      <c r="AL11" s="277">
        <v>1</v>
      </c>
      <c r="AM11" s="279">
        <v>0</v>
      </c>
      <c r="AN11" s="280">
        <v>2</v>
      </c>
      <c r="AO11" s="280">
        <v>3</v>
      </c>
      <c r="AP11" s="280">
        <v>5</v>
      </c>
      <c r="AQ11" s="280">
        <v>3</v>
      </c>
      <c r="AR11" s="280">
        <v>1</v>
      </c>
      <c r="AS11" s="277">
        <v>14</v>
      </c>
      <c r="AT11" s="282">
        <v>15</v>
      </c>
      <c r="AU11" s="276">
        <v>6</v>
      </c>
      <c r="AV11" s="280">
        <v>6</v>
      </c>
      <c r="AW11" s="277">
        <v>12</v>
      </c>
      <c r="AX11" s="279">
        <v>0</v>
      </c>
      <c r="AY11" s="280">
        <v>35</v>
      </c>
      <c r="AZ11" s="280">
        <v>31</v>
      </c>
      <c r="BA11" s="280">
        <v>32</v>
      </c>
      <c r="BB11" s="280">
        <v>26</v>
      </c>
      <c r="BC11" s="280">
        <v>22</v>
      </c>
      <c r="BD11" s="281">
        <v>146</v>
      </c>
      <c r="BE11" s="282">
        <v>158</v>
      </c>
      <c r="BF11" s="276">
        <v>0</v>
      </c>
      <c r="BG11" s="280">
        <v>0</v>
      </c>
      <c r="BH11" s="277">
        <v>0</v>
      </c>
      <c r="BI11" s="279">
        <v>0</v>
      </c>
      <c r="BJ11" s="280">
        <v>26</v>
      </c>
      <c r="BK11" s="280">
        <v>32</v>
      </c>
      <c r="BL11" s="280">
        <v>21</v>
      </c>
      <c r="BM11" s="280">
        <v>8</v>
      </c>
      <c r="BN11" s="280">
        <v>2</v>
      </c>
      <c r="BO11" s="277">
        <v>89</v>
      </c>
      <c r="BP11" s="282">
        <v>89</v>
      </c>
      <c r="BQ11" s="276">
        <v>8</v>
      </c>
      <c r="BR11" s="280">
        <v>3</v>
      </c>
      <c r="BS11" s="277">
        <v>11</v>
      </c>
      <c r="BT11" s="279">
        <v>0</v>
      </c>
      <c r="BU11" s="280">
        <v>9</v>
      </c>
      <c r="BV11" s="280">
        <v>7</v>
      </c>
      <c r="BW11" s="280">
        <v>7</v>
      </c>
      <c r="BX11" s="280">
        <v>3</v>
      </c>
      <c r="BY11" s="280">
        <v>1</v>
      </c>
      <c r="BZ11" s="277">
        <v>27</v>
      </c>
      <c r="CA11" s="282">
        <v>38</v>
      </c>
      <c r="CB11" s="276">
        <v>0</v>
      </c>
      <c r="CC11" s="280">
        <v>0</v>
      </c>
      <c r="CD11" s="277">
        <v>0</v>
      </c>
      <c r="CE11" s="279">
        <v>0</v>
      </c>
      <c r="CF11" s="280">
        <v>4</v>
      </c>
      <c r="CG11" s="280">
        <v>3</v>
      </c>
      <c r="CH11" s="280">
        <v>7</v>
      </c>
      <c r="CI11" s="280">
        <v>2</v>
      </c>
      <c r="CJ11" s="280">
        <v>0</v>
      </c>
      <c r="CK11" s="277">
        <v>16</v>
      </c>
      <c r="CL11" s="282">
        <v>16</v>
      </c>
      <c r="CM11" s="276">
        <v>0</v>
      </c>
      <c r="CN11" s="280">
        <v>0</v>
      </c>
      <c r="CO11" s="277">
        <v>0</v>
      </c>
      <c r="CP11" s="279">
        <v>0</v>
      </c>
      <c r="CQ11" s="280">
        <v>0</v>
      </c>
      <c r="CR11" s="280">
        <v>1</v>
      </c>
      <c r="CS11" s="280">
        <v>1</v>
      </c>
      <c r="CT11" s="280">
        <v>0</v>
      </c>
      <c r="CU11" s="280">
        <v>0</v>
      </c>
      <c r="CV11" s="277">
        <v>2</v>
      </c>
      <c r="CW11" s="282">
        <v>2</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22</v>
      </c>
      <c r="DU11" s="280">
        <v>18</v>
      </c>
      <c r="DV11" s="277">
        <v>40</v>
      </c>
      <c r="DW11" s="279">
        <v>0</v>
      </c>
      <c r="DX11" s="280">
        <v>57</v>
      </c>
      <c r="DY11" s="280">
        <v>86</v>
      </c>
      <c r="DZ11" s="280">
        <v>49</v>
      </c>
      <c r="EA11" s="280">
        <v>33</v>
      </c>
      <c r="EB11" s="280">
        <v>17</v>
      </c>
      <c r="EC11" s="277">
        <v>242</v>
      </c>
      <c r="ED11" s="282">
        <v>282</v>
      </c>
      <c r="EE11" s="276">
        <v>4</v>
      </c>
      <c r="EF11" s="280">
        <v>5</v>
      </c>
      <c r="EG11" s="277">
        <v>9</v>
      </c>
      <c r="EH11" s="279">
        <v>0</v>
      </c>
      <c r="EI11" s="280">
        <v>12</v>
      </c>
      <c r="EJ11" s="280">
        <v>7</v>
      </c>
      <c r="EK11" s="280">
        <v>7</v>
      </c>
      <c r="EL11" s="280">
        <v>6</v>
      </c>
      <c r="EM11" s="280">
        <v>11</v>
      </c>
      <c r="EN11" s="277">
        <v>43</v>
      </c>
      <c r="EO11" s="282">
        <v>52</v>
      </c>
      <c r="EP11" s="276">
        <v>33</v>
      </c>
      <c r="EQ11" s="280">
        <v>25</v>
      </c>
      <c r="ER11" s="277">
        <v>58</v>
      </c>
      <c r="ES11" s="279">
        <v>0</v>
      </c>
      <c r="ET11" s="280">
        <v>101</v>
      </c>
      <c r="EU11" s="280">
        <v>109</v>
      </c>
      <c r="EV11" s="280">
        <v>56</v>
      </c>
      <c r="EW11" s="280">
        <v>35</v>
      </c>
      <c r="EX11" s="280">
        <v>15</v>
      </c>
      <c r="EY11" s="277">
        <v>316</v>
      </c>
      <c r="EZ11" s="282">
        <v>374</v>
      </c>
    </row>
    <row r="12" spans="2:156" ht="19.5" customHeight="1" x14ac:dyDescent="0.2">
      <c r="B12" s="261" t="s">
        <v>9</v>
      </c>
      <c r="C12" s="276">
        <v>0</v>
      </c>
      <c r="D12" s="280">
        <v>0</v>
      </c>
      <c r="E12" s="384">
        <v>0</v>
      </c>
      <c r="F12" s="279">
        <v>0</v>
      </c>
      <c r="G12" s="280">
        <v>52</v>
      </c>
      <c r="H12" s="280">
        <v>47</v>
      </c>
      <c r="I12" s="280">
        <v>39</v>
      </c>
      <c r="J12" s="280">
        <v>31</v>
      </c>
      <c r="K12" s="280">
        <v>18</v>
      </c>
      <c r="L12" s="281">
        <v>187</v>
      </c>
      <c r="M12" s="282">
        <v>187</v>
      </c>
      <c r="N12" s="276">
        <v>0</v>
      </c>
      <c r="O12" s="280">
        <v>0</v>
      </c>
      <c r="P12" s="277">
        <v>0</v>
      </c>
      <c r="Q12" s="279">
        <v>0</v>
      </c>
      <c r="R12" s="280">
        <v>1</v>
      </c>
      <c r="S12" s="280">
        <v>0</v>
      </c>
      <c r="T12" s="280">
        <v>3</v>
      </c>
      <c r="U12" s="280">
        <v>3</v>
      </c>
      <c r="V12" s="280">
        <v>10</v>
      </c>
      <c r="W12" s="277">
        <v>17</v>
      </c>
      <c r="X12" s="282">
        <v>17</v>
      </c>
      <c r="Y12" s="276">
        <v>2</v>
      </c>
      <c r="Z12" s="280">
        <v>8</v>
      </c>
      <c r="AA12" s="277">
        <v>10</v>
      </c>
      <c r="AB12" s="279">
        <v>0</v>
      </c>
      <c r="AC12" s="280">
        <v>40</v>
      </c>
      <c r="AD12" s="280">
        <v>27</v>
      </c>
      <c r="AE12" s="280">
        <v>26</v>
      </c>
      <c r="AF12" s="280">
        <v>21</v>
      </c>
      <c r="AG12" s="280">
        <v>15</v>
      </c>
      <c r="AH12" s="277">
        <v>129</v>
      </c>
      <c r="AI12" s="282">
        <v>139</v>
      </c>
      <c r="AJ12" s="276">
        <v>0</v>
      </c>
      <c r="AK12" s="280">
        <v>0</v>
      </c>
      <c r="AL12" s="277">
        <v>0</v>
      </c>
      <c r="AM12" s="279">
        <v>0</v>
      </c>
      <c r="AN12" s="280">
        <v>1</v>
      </c>
      <c r="AO12" s="280">
        <v>7</v>
      </c>
      <c r="AP12" s="280">
        <v>3</v>
      </c>
      <c r="AQ12" s="280">
        <v>6</v>
      </c>
      <c r="AR12" s="280">
        <v>1</v>
      </c>
      <c r="AS12" s="277">
        <v>18</v>
      </c>
      <c r="AT12" s="282">
        <v>18</v>
      </c>
      <c r="AU12" s="276">
        <v>14</v>
      </c>
      <c r="AV12" s="280">
        <v>7</v>
      </c>
      <c r="AW12" s="277">
        <v>21</v>
      </c>
      <c r="AX12" s="279">
        <v>0</v>
      </c>
      <c r="AY12" s="280">
        <v>55</v>
      </c>
      <c r="AZ12" s="280">
        <v>44</v>
      </c>
      <c r="BA12" s="280">
        <v>58</v>
      </c>
      <c r="BB12" s="280">
        <v>39</v>
      </c>
      <c r="BC12" s="280">
        <v>31</v>
      </c>
      <c r="BD12" s="281">
        <v>227</v>
      </c>
      <c r="BE12" s="282">
        <v>248</v>
      </c>
      <c r="BF12" s="276">
        <v>0</v>
      </c>
      <c r="BG12" s="280">
        <v>0</v>
      </c>
      <c r="BH12" s="277">
        <v>0</v>
      </c>
      <c r="BI12" s="279">
        <v>0</v>
      </c>
      <c r="BJ12" s="280">
        <v>44</v>
      </c>
      <c r="BK12" s="280">
        <v>44</v>
      </c>
      <c r="BL12" s="280">
        <v>31</v>
      </c>
      <c r="BM12" s="280">
        <v>9</v>
      </c>
      <c r="BN12" s="280">
        <v>5</v>
      </c>
      <c r="BO12" s="277">
        <v>133</v>
      </c>
      <c r="BP12" s="282">
        <v>133</v>
      </c>
      <c r="BQ12" s="276">
        <v>3</v>
      </c>
      <c r="BR12" s="280">
        <v>5</v>
      </c>
      <c r="BS12" s="277">
        <v>8</v>
      </c>
      <c r="BT12" s="279">
        <v>0</v>
      </c>
      <c r="BU12" s="280">
        <v>14</v>
      </c>
      <c r="BV12" s="280">
        <v>18</v>
      </c>
      <c r="BW12" s="280">
        <v>10</v>
      </c>
      <c r="BX12" s="280">
        <v>7</v>
      </c>
      <c r="BY12" s="280">
        <v>2</v>
      </c>
      <c r="BZ12" s="277">
        <v>51</v>
      </c>
      <c r="CA12" s="282">
        <v>59</v>
      </c>
      <c r="CB12" s="276">
        <v>0</v>
      </c>
      <c r="CC12" s="280">
        <v>0</v>
      </c>
      <c r="CD12" s="277">
        <v>0</v>
      </c>
      <c r="CE12" s="279">
        <v>0</v>
      </c>
      <c r="CF12" s="280">
        <v>6</v>
      </c>
      <c r="CG12" s="280">
        <v>6</v>
      </c>
      <c r="CH12" s="280">
        <v>10</v>
      </c>
      <c r="CI12" s="280">
        <v>5</v>
      </c>
      <c r="CJ12" s="280">
        <v>1</v>
      </c>
      <c r="CK12" s="277">
        <v>28</v>
      </c>
      <c r="CL12" s="282">
        <v>28</v>
      </c>
      <c r="CM12" s="276">
        <v>0</v>
      </c>
      <c r="CN12" s="280">
        <v>0</v>
      </c>
      <c r="CO12" s="277">
        <v>0</v>
      </c>
      <c r="CP12" s="279">
        <v>0</v>
      </c>
      <c r="CQ12" s="280">
        <v>0</v>
      </c>
      <c r="CR12" s="280">
        <v>1</v>
      </c>
      <c r="CS12" s="280">
        <v>0</v>
      </c>
      <c r="CT12" s="280">
        <v>1</v>
      </c>
      <c r="CU12" s="280">
        <v>0</v>
      </c>
      <c r="CV12" s="277">
        <v>2</v>
      </c>
      <c r="CW12" s="282">
        <v>2</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2</v>
      </c>
      <c r="DU12" s="280">
        <v>30</v>
      </c>
      <c r="DV12" s="277">
        <v>62</v>
      </c>
      <c r="DW12" s="279">
        <v>0</v>
      </c>
      <c r="DX12" s="280">
        <v>82</v>
      </c>
      <c r="DY12" s="280">
        <v>88</v>
      </c>
      <c r="DZ12" s="280">
        <v>78</v>
      </c>
      <c r="EA12" s="280">
        <v>46</v>
      </c>
      <c r="EB12" s="280">
        <v>27</v>
      </c>
      <c r="EC12" s="277">
        <v>321</v>
      </c>
      <c r="ED12" s="282">
        <v>383</v>
      </c>
      <c r="EE12" s="276">
        <v>8</v>
      </c>
      <c r="EF12" s="280">
        <v>3</v>
      </c>
      <c r="EG12" s="277">
        <v>11</v>
      </c>
      <c r="EH12" s="279">
        <v>0</v>
      </c>
      <c r="EI12" s="280">
        <v>22</v>
      </c>
      <c r="EJ12" s="280">
        <v>16</v>
      </c>
      <c r="EK12" s="280">
        <v>13</v>
      </c>
      <c r="EL12" s="280">
        <v>11</v>
      </c>
      <c r="EM12" s="280">
        <v>9</v>
      </c>
      <c r="EN12" s="277">
        <v>71</v>
      </c>
      <c r="EO12" s="282">
        <v>82</v>
      </c>
      <c r="EP12" s="276">
        <v>36</v>
      </c>
      <c r="EQ12" s="280">
        <v>41</v>
      </c>
      <c r="ER12" s="277">
        <v>77</v>
      </c>
      <c r="ES12" s="279">
        <v>0</v>
      </c>
      <c r="ET12" s="280">
        <v>159</v>
      </c>
      <c r="EU12" s="280">
        <v>127</v>
      </c>
      <c r="EV12" s="280">
        <v>87</v>
      </c>
      <c r="EW12" s="280">
        <v>51</v>
      </c>
      <c r="EX12" s="280">
        <v>30</v>
      </c>
      <c r="EY12" s="277">
        <v>454</v>
      </c>
      <c r="EZ12" s="282">
        <v>531</v>
      </c>
    </row>
    <row r="13" spans="2:156" ht="19.5" customHeight="1" x14ac:dyDescent="0.2">
      <c r="B13" s="261" t="s">
        <v>10</v>
      </c>
      <c r="C13" s="276">
        <v>0</v>
      </c>
      <c r="D13" s="280">
        <v>0</v>
      </c>
      <c r="E13" s="384">
        <v>0</v>
      </c>
      <c r="F13" s="279">
        <v>0</v>
      </c>
      <c r="G13" s="280">
        <v>87</v>
      </c>
      <c r="H13" s="280">
        <v>48</v>
      </c>
      <c r="I13" s="280">
        <v>32</v>
      </c>
      <c r="J13" s="280">
        <v>29</v>
      </c>
      <c r="K13" s="280">
        <v>16</v>
      </c>
      <c r="L13" s="281">
        <v>212</v>
      </c>
      <c r="M13" s="282">
        <v>212</v>
      </c>
      <c r="N13" s="276">
        <v>0</v>
      </c>
      <c r="O13" s="280">
        <v>0</v>
      </c>
      <c r="P13" s="277">
        <v>0</v>
      </c>
      <c r="Q13" s="279">
        <v>0</v>
      </c>
      <c r="R13" s="280">
        <v>0</v>
      </c>
      <c r="S13" s="280">
        <v>0</v>
      </c>
      <c r="T13" s="280">
        <v>2</v>
      </c>
      <c r="U13" s="280">
        <v>14</v>
      </c>
      <c r="V13" s="280">
        <v>13</v>
      </c>
      <c r="W13" s="277">
        <v>29</v>
      </c>
      <c r="X13" s="282">
        <v>29</v>
      </c>
      <c r="Y13" s="276">
        <v>13</v>
      </c>
      <c r="Z13" s="280">
        <v>19</v>
      </c>
      <c r="AA13" s="277">
        <v>32</v>
      </c>
      <c r="AB13" s="279">
        <v>0</v>
      </c>
      <c r="AC13" s="280">
        <v>59</v>
      </c>
      <c r="AD13" s="280">
        <v>37</v>
      </c>
      <c r="AE13" s="280">
        <v>26</v>
      </c>
      <c r="AF13" s="280">
        <v>23</v>
      </c>
      <c r="AG13" s="280">
        <v>16</v>
      </c>
      <c r="AH13" s="277">
        <v>161</v>
      </c>
      <c r="AI13" s="282">
        <v>193</v>
      </c>
      <c r="AJ13" s="276">
        <v>2</v>
      </c>
      <c r="AK13" s="280">
        <v>5</v>
      </c>
      <c r="AL13" s="277">
        <v>7</v>
      </c>
      <c r="AM13" s="279">
        <v>0</v>
      </c>
      <c r="AN13" s="280">
        <v>9</v>
      </c>
      <c r="AO13" s="280">
        <v>7</v>
      </c>
      <c r="AP13" s="280">
        <v>4</v>
      </c>
      <c r="AQ13" s="280">
        <v>3</v>
      </c>
      <c r="AR13" s="280">
        <v>4</v>
      </c>
      <c r="AS13" s="277">
        <v>27</v>
      </c>
      <c r="AT13" s="282">
        <v>34</v>
      </c>
      <c r="AU13" s="276">
        <v>15</v>
      </c>
      <c r="AV13" s="280">
        <v>17</v>
      </c>
      <c r="AW13" s="277">
        <v>32</v>
      </c>
      <c r="AX13" s="279">
        <v>0</v>
      </c>
      <c r="AY13" s="280">
        <v>84</v>
      </c>
      <c r="AZ13" s="280">
        <v>82</v>
      </c>
      <c r="BA13" s="280">
        <v>62</v>
      </c>
      <c r="BB13" s="280">
        <v>65</v>
      </c>
      <c r="BC13" s="280">
        <v>48</v>
      </c>
      <c r="BD13" s="281">
        <v>341</v>
      </c>
      <c r="BE13" s="282">
        <v>373</v>
      </c>
      <c r="BF13" s="276">
        <v>0</v>
      </c>
      <c r="BG13" s="280">
        <v>0</v>
      </c>
      <c r="BH13" s="277">
        <v>0</v>
      </c>
      <c r="BI13" s="279">
        <v>0</v>
      </c>
      <c r="BJ13" s="280">
        <v>112</v>
      </c>
      <c r="BK13" s="280">
        <v>66</v>
      </c>
      <c r="BL13" s="280">
        <v>39</v>
      </c>
      <c r="BM13" s="280">
        <v>17</v>
      </c>
      <c r="BN13" s="280">
        <v>11</v>
      </c>
      <c r="BO13" s="277">
        <v>245</v>
      </c>
      <c r="BP13" s="282">
        <v>245</v>
      </c>
      <c r="BQ13" s="276">
        <v>3</v>
      </c>
      <c r="BR13" s="280">
        <v>5</v>
      </c>
      <c r="BS13" s="277">
        <v>8</v>
      </c>
      <c r="BT13" s="279">
        <v>0</v>
      </c>
      <c r="BU13" s="280">
        <v>19</v>
      </c>
      <c r="BV13" s="280">
        <v>10</v>
      </c>
      <c r="BW13" s="280">
        <v>10</v>
      </c>
      <c r="BX13" s="280">
        <v>2</v>
      </c>
      <c r="BY13" s="280">
        <v>2</v>
      </c>
      <c r="BZ13" s="277">
        <v>43</v>
      </c>
      <c r="CA13" s="282">
        <v>51</v>
      </c>
      <c r="CB13" s="276">
        <v>0</v>
      </c>
      <c r="CC13" s="280">
        <v>0</v>
      </c>
      <c r="CD13" s="277">
        <v>0</v>
      </c>
      <c r="CE13" s="279">
        <v>0</v>
      </c>
      <c r="CF13" s="280">
        <v>12</v>
      </c>
      <c r="CG13" s="280">
        <v>13</v>
      </c>
      <c r="CH13" s="280">
        <v>14</v>
      </c>
      <c r="CI13" s="280">
        <v>8</v>
      </c>
      <c r="CJ13" s="280">
        <v>5</v>
      </c>
      <c r="CK13" s="277">
        <v>52</v>
      </c>
      <c r="CL13" s="282">
        <v>52</v>
      </c>
      <c r="CM13" s="276">
        <v>0</v>
      </c>
      <c r="CN13" s="280">
        <v>0</v>
      </c>
      <c r="CO13" s="277">
        <v>0</v>
      </c>
      <c r="CP13" s="279">
        <v>0</v>
      </c>
      <c r="CQ13" s="280">
        <v>0</v>
      </c>
      <c r="CR13" s="280">
        <v>1</v>
      </c>
      <c r="CS13" s="280">
        <v>0</v>
      </c>
      <c r="CT13" s="280">
        <v>0</v>
      </c>
      <c r="CU13" s="280">
        <v>0</v>
      </c>
      <c r="CV13" s="277">
        <v>1</v>
      </c>
      <c r="CW13" s="282">
        <v>1</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55</v>
      </c>
      <c r="DU13" s="280">
        <v>75</v>
      </c>
      <c r="DV13" s="277">
        <v>130</v>
      </c>
      <c r="DW13" s="279">
        <v>0</v>
      </c>
      <c r="DX13" s="280">
        <v>126</v>
      </c>
      <c r="DY13" s="280">
        <v>122</v>
      </c>
      <c r="DZ13" s="280">
        <v>74</v>
      </c>
      <c r="EA13" s="280">
        <v>59</v>
      </c>
      <c r="EB13" s="280">
        <v>36</v>
      </c>
      <c r="EC13" s="277">
        <v>417</v>
      </c>
      <c r="ED13" s="282">
        <v>547</v>
      </c>
      <c r="EE13" s="276">
        <v>8</v>
      </c>
      <c r="EF13" s="280">
        <v>6</v>
      </c>
      <c r="EG13" s="277">
        <v>14</v>
      </c>
      <c r="EH13" s="279">
        <v>0</v>
      </c>
      <c r="EI13" s="280">
        <v>31</v>
      </c>
      <c r="EJ13" s="280">
        <v>17</v>
      </c>
      <c r="EK13" s="280">
        <v>15</v>
      </c>
      <c r="EL13" s="280">
        <v>16</v>
      </c>
      <c r="EM13" s="280">
        <v>11</v>
      </c>
      <c r="EN13" s="277">
        <v>90</v>
      </c>
      <c r="EO13" s="282">
        <v>104</v>
      </c>
      <c r="EP13" s="276">
        <v>71</v>
      </c>
      <c r="EQ13" s="280">
        <v>92</v>
      </c>
      <c r="ER13" s="277">
        <v>163</v>
      </c>
      <c r="ES13" s="279">
        <v>0</v>
      </c>
      <c r="ET13" s="280">
        <v>257</v>
      </c>
      <c r="EU13" s="280">
        <v>161</v>
      </c>
      <c r="EV13" s="280">
        <v>85</v>
      </c>
      <c r="EW13" s="280">
        <v>61</v>
      </c>
      <c r="EX13" s="280">
        <v>38</v>
      </c>
      <c r="EY13" s="277">
        <v>602</v>
      </c>
      <c r="EZ13" s="282">
        <v>765</v>
      </c>
    </row>
    <row r="14" spans="2:156" ht="19.5" customHeight="1" x14ac:dyDescent="0.2">
      <c r="B14" s="261" t="s">
        <v>11</v>
      </c>
      <c r="C14" s="276">
        <v>0</v>
      </c>
      <c r="D14" s="280">
        <v>0</v>
      </c>
      <c r="E14" s="384">
        <v>0</v>
      </c>
      <c r="F14" s="279">
        <v>0</v>
      </c>
      <c r="G14" s="280">
        <v>10</v>
      </c>
      <c r="H14" s="280">
        <v>13</v>
      </c>
      <c r="I14" s="280">
        <v>15</v>
      </c>
      <c r="J14" s="280">
        <v>13</v>
      </c>
      <c r="K14" s="280">
        <v>4</v>
      </c>
      <c r="L14" s="281">
        <v>55</v>
      </c>
      <c r="M14" s="282">
        <v>55</v>
      </c>
      <c r="N14" s="276">
        <v>0</v>
      </c>
      <c r="O14" s="280">
        <v>0</v>
      </c>
      <c r="P14" s="277">
        <v>0</v>
      </c>
      <c r="Q14" s="279">
        <v>0</v>
      </c>
      <c r="R14" s="280">
        <v>0</v>
      </c>
      <c r="S14" s="280">
        <v>3</v>
      </c>
      <c r="T14" s="280">
        <v>2</v>
      </c>
      <c r="U14" s="280">
        <v>4</v>
      </c>
      <c r="V14" s="280">
        <v>2</v>
      </c>
      <c r="W14" s="277">
        <v>11</v>
      </c>
      <c r="X14" s="282">
        <v>11</v>
      </c>
      <c r="Y14" s="276">
        <v>5</v>
      </c>
      <c r="Z14" s="280">
        <v>7</v>
      </c>
      <c r="AA14" s="277">
        <v>12</v>
      </c>
      <c r="AB14" s="279">
        <v>0</v>
      </c>
      <c r="AC14" s="280">
        <v>22</v>
      </c>
      <c r="AD14" s="280">
        <v>17</v>
      </c>
      <c r="AE14" s="280">
        <v>15</v>
      </c>
      <c r="AF14" s="280">
        <v>11</v>
      </c>
      <c r="AG14" s="280">
        <v>5</v>
      </c>
      <c r="AH14" s="277">
        <v>70</v>
      </c>
      <c r="AI14" s="282">
        <v>82</v>
      </c>
      <c r="AJ14" s="276">
        <v>0</v>
      </c>
      <c r="AK14" s="280">
        <v>2</v>
      </c>
      <c r="AL14" s="277">
        <v>2</v>
      </c>
      <c r="AM14" s="279">
        <v>0</v>
      </c>
      <c r="AN14" s="280">
        <v>2</v>
      </c>
      <c r="AO14" s="280">
        <v>1</v>
      </c>
      <c r="AP14" s="280">
        <v>0</v>
      </c>
      <c r="AQ14" s="280">
        <v>3</v>
      </c>
      <c r="AR14" s="280">
        <v>0</v>
      </c>
      <c r="AS14" s="277">
        <v>6</v>
      </c>
      <c r="AT14" s="282">
        <v>8</v>
      </c>
      <c r="AU14" s="276">
        <v>4</v>
      </c>
      <c r="AV14" s="280">
        <v>6</v>
      </c>
      <c r="AW14" s="277">
        <v>10</v>
      </c>
      <c r="AX14" s="279">
        <v>0</v>
      </c>
      <c r="AY14" s="280">
        <v>31</v>
      </c>
      <c r="AZ14" s="280">
        <v>27</v>
      </c>
      <c r="BA14" s="280">
        <v>24</v>
      </c>
      <c r="BB14" s="280">
        <v>24</v>
      </c>
      <c r="BC14" s="280">
        <v>10</v>
      </c>
      <c r="BD14" s="281">
        <v>116</v>
      </c>
      <c r="BE14" s="282">
        <v>126</v>
      </c>
      <c r="BF14" s="276">
        <v>0</v>
      </c>
      <c r="BG14" s="280">
        <v>0</v>
      </c>
      <c r="BH14" s="277">
        <v>0</v>
      </c>
      <c r="BI14" s="279">
        <v>0</v>
      </c>
      <c r="BJ14" s="280">
        <v>35</v>
      </c>
      <c r="BK14" s="280">
        <v>17</v>
      </c>
      <c r="BL14" s="280">
        <v>17</v>
      </c>
      <c r="BM14" s="280">
        <v>8</v>
      </c>
      <c r="BN14" s="280">
        <v>2</v>
      </c>
      <c r="BO14" s="277">
        <v>79</v>
      </c>
      <c r="BP14" s="282">
        <v>79</v>
      </c>
      <c r="BQ14" s="276">
        <v>4</v>
      </c>
      <c r="BR14" s="280">
        <v>3</v>
      </c>
      <c r="BS14" s="277">
        <v>7</v>
      </c>
      <c r="BT14" s="279">
        <v>0</v>
      </c>
      <c r="BU14" s="280">
        <v>15</v>
      </c>
      <c r="BV14" s="280">
        <v>8</v>
      </c>
      <c r="BW14" s="280">
        <v>2</v>
      </c>
      <c r="BX14" s="280">
        <v>5</v>
      </c>
      <c r="BY14" s="280">
        <v>0</v>
      </c>
      <c r="BZ14" s="277">
        <v>30</v>
      </c>
      <c r="CA14" s="282">
        <v>37</v>
      </c>
      <c r="CB14" s="276">
        <v>1</v>
      </c>
      <c r="CC14" s="280">
        <v>0</v>
      </c>
      <c r="CD14" s="277">
        <v>1</v>
      </c>
      <c r="CE14" s="279">
        <v>0</v>
      </c>
      <c r="CF14" s="280">
        <v>7</v>
      </c>
      <c r="CG14" s="280">
        <v>3</v>
      </c>
      <c r="CH14" s="280">
        <v>4</v>
      </c>
      <c r="CI14" s="280">
        <v>4</v>
      </c>
      <c r="CJ14" s="280">
        <v>0</v>
      </c>
      <c r="CK14" s="277">
        <v>18</v>
      </c>
      <c r="CL14" s="282">
        <v>19</v>
      </c>
      <c r="CM14" s="276">
        <v>0</v>
      </c>
      <c r="CN14" s="280">
        <v>0</v>
      </c>
      <c r="CO14" s="277">
        <v>0</v>
      </c>
      <c r="CP14" s="279">
        <v>0</v>
      </c>
      <c r="CQ14" s="280">
        <v>0</v>
      </c>
      <c r="CR14" s="280">
        <v>1</v>
      </c>
      <c r="CS14" s="280">
        <v>0</v>
      </c>
      <c r="CT14" s="280">
        <v>0</v>
      </c>
      <c r="CU14" s="280">
        <v>0</v>
      </c>
      <c r="CV14" s="277">
        <v>1</v>
      </c>
      <c r="CW14" s="282">
        <v>1</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8</v>
      </c>
      <c r="DU14" s="280">
        <v>36</v>
      </c>
      <c r="DV14" s="277">
        <v>54</v>
      </c>
      <c r="DW14" s="279">
        <v>0</v>
      </c>
      <c r="DX14" s="280">
        <v>49</v>
      </c>
      <c r="DY14" s="280">
        <v>45</v>
      </c>
      <c r="DZ14" s="280">
        <v>38</v>
      </c>
      <c r="EA14" s="280">
        <v>30</v>
      </c>
      <c r="EB14" s="280">
        <v>11</v>
      </c>
      <c r="EC14" s="277">
        <v>173</v>
      </c>
      <c r="ED14" s="282">
        <v>227</v>
      </c>
      <c r="EE14" s="276">
        <v>1</v>
      </c>
      <c r="EF14" s="280">
        <v>4</v>
      </c>
      <c r="EG14" s="277">
        <v>5</v>
      </c>
      <c r="EH14" s="279">
        <v>0</v>
      </c>
      <c r="EI14" s="280">
        <v>21</v>
      </c>
      <c r="EJ14" s="280">
        <v>14</v>
      </c>
      <c r="EK14" s="280">
        <v>10</v>
      </c>
      <c r="EL14" s="280">
        <v>13</v>
      </c>
      <c r="EM14" s="280">
        <v>5</v>
      </c>
      <c r="EN14" s="277">
        <v>63</v>
      </c>
      <c r="EO14" s="282">
        <v>68</v>
      </c>
      <c r="EP14" s="276">
        <v>30</v>
      </c>
      <c r="EQ14" s="280">
        <v>40</v>
      </c>
      <c r="ER14" s="277">
        <v>70</v>
      </c>
      <c r="ES14" s="279">
        <v>0</v>
      </c>
      <c r="ET14" s="280">
        <v>94</v>
      </c>
      <c r="EU14" s="280">
        <v>60</v>
      </c>
      <c r="EV14" s="280">
        <v>48</v>
      </c>
      <c r="EW14" s="280">
        <v>30</v>
      </c>
      <c r="EX14" s="280">
        <v>10</v>
      </c>
      <c r="EY14" s="277">
        <v>242</v>
      </c>
      <c r="EZ14" s="282">
        <v>312</v>
      </c>
    </row>
    <row r="15" spans="2:156" ht="19.5" customHeight="1" x14ac:dyDescent="0.2">
      <c r="B15" s="261" t="s">
        <v>12</v>
      </c>
      <c r="C15" s="276">
        <v>0</v>
      </c>
      <c r="D15" s="280">
        <v>0</v>
      </c>
      <c r="E15" s="384">
        <v>0</v>
      </c>
      <c r="F15" s="279">
        <v>0</v>
      </c>
      <c r="G15" s="280">
        <v>34</v>
      </c>
      <c r="H15" s="280">
        <v>25</v>
      </c>
      <c r="I15" s="280">
        <v>20</v>
      </c>
      <c r="J15" s="280">
        <v>23</v>
      </c>
      <c r="K15" s="280">
        <v>16</v>
      </c>
      <c r="L15" s="281">
        <v>118</v>
      </c>
      <c r="M15" s="282">
        <v>118</v>
      </c>
      <c r="N15" s="276">
        <v>0</v>
      </c>
      <c r="O15" s="280">
        <v>0</v>
      </c>
      <c r="P15" s="277">
        <v>0</v>
      </c>
      <c r="Q15" s="279">
        <v>0</v>
      </c>
      <c r="R15" s="280">
        <v>0</v>
      </c>
      <c r="S15" s="280">
        <v>1</v>
      </c>
      <c r="T15" s="280">
        <v>4</v>
      </c>
      <c r="U15" s="280">
        <v>1</v>
      </c>
      <c r="V15" s="280">
        <v>5</v>
      </c>
      <c r="W15" s="277">
        <v>11</v>
      </c>
      <c r="X15" s="282">
        <v>11</v>
      </c>
      <c r="Y15" s="276">
        <v>23</v>
      </c>
      <c r="Z15" s="280">
        <v>17</v>
      </c>
      <c r="AA15" s="277">
        <v>40</v>
      </c>
      <c r="AB15" s="279">
        <v>0</v>
      </c>
      <c r="AC15" s="280">
        <v>22</v>
      </c>
      <c r="AD15" s="280">
        <v>37</v>
      </c>
      <c r="AE15" s="280">
        <v>23</v>
      </c>
      <c r="AF15" s="280">
        <v>13</v>
      </c>
      <c r="AG15" s="280">
        <v>11</v>
      </c>
      <c r="AH15" s="277">
        <v>106</v>
      </c>
      <c r="AI15" s="282">
        <v>146</v>
      </c>
      <c r="AJ15" s="276">
        <v>0</v>
      </c>
      <c r="AK15" s="280">
        <v>0</v>
      </c>
      <c r="AL15" s="277">
        <v>0</v>
      </c>
      <c r="AM15" s="279">
        <v>0</v>
      </c>
      <c r="AN15" s="280">
        <v>0</v>
      </c>
      <c r="AO15" s="280">
        <v>5</v>
      </c>
      <c r="AP15" s="280">
        <v>2</v>
      </c>
      <c r="AQ15" s="280">
        <v>2</v>
      </c>
      <c r="AR15" s="280">
        <v>2</v>
      </c>
      <c r="AS15" s="277">
        <v>11</v>
      </c>
      <c r="AT15" s="282">
        <v>11</v>
      </c>
      <c r="AU15" s="276">
        <v>7</v>
      </c>
      <c r="AV15" s="280">
        <v>11</v>
      </c>
      <c r="AW15" s="277">
        <v>18</v>
      </c>
      <c r="AX15" s="279">
        <v>0</v>
      </c>
      <c r="AY15" s="280">
        <v>26</v>
      </c>
      <c r="AZ15" s="280">
        <v>27</v>
      </c>
      <c r="BA15" s="280">
        <v>35</v>
      </c>
      <c r="BB15" s="280">
        <v>35</v>
      </c>
      <c r="BC15" s="280">
        <v>18</v>
      </c>
      <c r="BD15" s="281">
        <v>141</v>
      </c>
      <c r="BE15" s="282">
        <v>159</v>
      </c>
      <c r="BF15" s="276">
        <v>0</v>
      </c>
      <c r="BG15" s="280">
        <v>0</v>
      </c>
      <c r="BH15" s="277">
        <v>0</v>
      </c>
      <c r="BI15" s="279">
        <v>0</v>
      </c>
      <c r="BJ15" s="280">
        <v>48</v>
      </c>
      <c r="BK15" s="280">
        <v>27</v>
      </c>
      <c r="BL15" s="280">
        <v>23</v>
      </c>
      <c r="BM15" s="280">
        <v>10</v>
      </c>
      <c r="BN15" s="280">
        <v>3</v>
      </c>
      <c r="BO15" s="277">
        <v>111</v>
      </c>
      <c r="BP15" s="282">
        <v>111</v>
      </c>
      <c r="BQ15" s="276">
        <v>12</v>
      </c>
      <c r="BR15" s="280">
        <v>7</v>
      </c>
      <c r="BS15" s="277">
        <v>19</v>
      </c>
      <c r="BT15" s="279">
        <v>0</v>
      </c>
      <c r="BU15" s="280">
        <v>12</v>
      </c>
      <c r="BV15" s="280">
        <v>12</v>
      </c>
      <c r="BW15" s="280">
        <v>10</v>
      </c>
      <c r="BX15" s="280">
        <v>5</v>
      </c>
      <c r="BY15" s="280">
        <v>4</v>
      </c>
      <c r="BZ15" s="277">
        <v>43</v>
      </c>
      <c r="CA15" s="282">
        <v>62</v>
      </c>
      <c r="CB15" s="276">
        <v>0</v>
      </c>
      <c r="CC15" s="280">
        <v>1</v>
      </c>
      <c r="CD15" s="277">
        <v>1</v>
      </c>
      <c r="CE15" s="279">
        <v>0</v>
      </c>
      <c r="CF15" s="280">
        <v>7</v>
      </c>
      <c r="CG15" s="280">
        <v>5</v>
      </c>
      <c r="CH15" s="280">
        <v>2</v>
      </c>
      <c r="CI15" s="280">
        <v>13</v>
      </c>
      <c r="CJ15" s="280">
        <v>2</v>
      </c>
      <c r="CK15" s="277">
        <v>29</v>
      </c>
      <c r="CL15" s="282">
        <v>30</v>
      </c>
      <c r="CM15" s="276">
        <v>0</v>
      </c>
      <c r="CN15" s="280">
        <v>0</v>
      </c>
      <c r="CO15" s="277">
        <v>0</v>
      </c>
      <c r="CP15" s="279">
        <v>0</v>
      </c>
      <c r="CQ15" s="280">
        <v>0</v>
      </c>
      <c r="CR15" s="280">
        <v>1</v>
      </c>
      <c r="CS15" s="280">
        <v>1</v>
      </c>
      <c r="CT15" s="280">
        <v>0</v>
      </c>
      <c r="CU15" s="280">
        <v>0</v>
      </c>
      <c r="CV15" s="277">
        <v>2</v>
      </c>
      <c r="CW15" s="282">
        <v>2</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19</v>
      </c>
      <c r="DU15" s="280">
        <v>43</v>
      </c>
      <c r="DV15" s="277">
        <v>62</v>
      </c>
      <c r="DW15" s="279">
        <v>0</v>
      </c>
      <c r="DX15" s="280">
        <v>33</v>
      </c>
      <c r="DY15" s="280">
        <v>81</v>
      </c>
      <c r="DZ15" s="280">
        <v>67</v>
      </c>
      <c r="EA15" s="280">
        <v>43</v>
      </c>
      <c r="EB15" s="280">
        <v>21</v>
      </c>
      <c r="EC15" s="277">
        <v>245</v>
      </c>
      <c r="ED15" s="282">
        <v>307</v>
      </c>
      <c r="EE15" s="276">
        <v>1</v>
      </c>
      <c r="EF15" s="280">
        <v>6</v>
      </c>
      <c r="EG15" s="277">
        <v>7</v>
      </c>
      <c r="EH15" s="279">
        <v>0</v>
      </c>
      <c r="EI15" s="280">
        <v>6</v>
      </c>
      <c r="EJ15" s="280">
        <v>8</v>
      </c>
      <c r="EK15" s="280">
        <v>13</v>
      </c>
      <c r="EL15" s="280">
        <v>12</v>
      </c>
      <c r="EM15" s="280">
        <v>3</v>
      </c>
      <c r="EN15" s="277">
        <v>42</v>
      </c>
      <c r="EO15" s="282">
        <v>49</v>
      </c>
      <c r="EP15" s="276">
        <v>49</v>
      </c>
      <c r="EQ15" s="280">
        <v>60</v>
      </c>
      <c r="ER15" s="277">
        <v>109</v>
      </c>
      <c r="ES15" s="279">
        <v>0</v>
      </c>
      <c r="ET15" s="280">
        <v>116</v>
      </c>
      <c r="EU15" s="280">
        <v>101</v>
      </c>
      <c r="EV15" s="280">
        <v>70</v>
      </c>
      <c r="EW15" s="280">
        <v>40</v>
      </c>
      <c r="EX15" s="280">
        <v>24</v>
      </c>
      <c r="EY15" s="277">
        <v>351</v>
      </c>
      <c r="EZ15" s="282">
        <v>460</v>
      </c>
    </row>
    <row r="16" spans="2:156" ht="19.5" customHeight="1" x14ac:dyDescent="0.2">
      <c r="B16" s="261" t="s">
        <v>13</v>
      </c>
      <c r="C16" s="276">
        <v>0</v>
      </c>
      <c r="D16" s="280">
        <v>0</v>
      </c>
      <c r="E16" s="384">
        <v>0</v>
      </c>
      <c r="F16" s="279">
        <v>0</v>
      </c>
      <c r="G16" s="280">
        <v>19</v>
      </c>
      <c r="H16" s="280">
        <v>21</v>
      </c>
      <c r="I16" s="280">
        <v>13</v>
      </c>
      <c r="J16" s="280">
        <v>13</v>
      </c>
      <c r="K16" s="280">
        <v>7</v>
      </c>
      <c r="L16" s="281">
        <v>73</v>
      </c>
      <c r="M16" s="282">
        <v>73</v>
      </c>
      <c r="N16" s="276">
        <v>0</v>
      </c>
      <c r="O16" s="280">
        <v>0</v>
      </c>
      <c r="P16" s="277">
        <v>0</v>
      </c>
      <c r="Q16" s="279">
        <v>0</v>
      </c>
      <c r="R16" s="280">
        <v>0</v>
      </c>
      <c r="S16" s="280">
        <v>1</v>
      </c>
      <c r="T16" s="280">
        <v>0</v>
      </c>
      <c r="U16" s="280">
        <v>2</v>
      </c>
      <c r="V16" s="280">
        <v>4</v>
      </c>
      <c r="W16" s="277">
        <v>7</v>
      </c>
      <c r="X16" s="282">
        <v>7</v>
      </c>
      <c r="Y16" s="276">
        <v>1</v>
      </c>
      <c r="Z16" s="280">
        <v>2</v>
      </c>
      <c r="AA16" s="277">
        <v>3</v>
      </c>
      <c r="AB16" s="279">
        <v>0</v>
      </c>
      <c r="AC16" s="280">
        <v>10</v>
      </c>
      <c r="AD16" s="280">
        <v>16</v>
      </c>
      <c r="AE16" s="280">
        <v>8</v>
      </c>
      <c r="AF16" s="280">
        <v>10</v>
      </c>
      <c r="AG16" s="280">
        <v>9</v>
      </c>
      <c r="AH16" s="277">
        <v>53</v>
      </c>
      <c r="AI16" s="282">
        <v>56</v>
      </c>
      <c r="AJ16" s="276">
        <v>0</v>
      </c>
      <c r="AK16" s="280">
        <v>1</v>
      </c>
      <c r="AL16" s="277">
        <v>1</v>
      </c>
      <c r="AM16" s="279">
        <v>0</v>
      </c>
      <c r="AN16" s="280">
        <v>2</v>
      </c>
      <c r="AO16" s="280">
        <v>0</v>
      </c>
      <c r="AP16" s="280">
        <v>0</v>
      </c>
      <c r="AQ16" s="280">
        <v>1</v>
      </c>
      <c r="AR16" s="280">
        <v>1</v>
      </c>
      <c r="AS16" s="277">
        <v>4</v>
      </c>
      <c r="AT16" s="282">
        <v>5</v>
      </c>
      <c r="AU16" s="276">
        <v>6</v>
      </c>
      <c r="AV16" s="280">
        <v>0</v>
      </c>
      <c r="AW16" s="277">
        <v>6</v>
      </c>
      <c r="AX16" s="279">
        <v>0</v>
      </c>
      <c r="AY16" s="280">
        <v>14</v>
      </c>
      <c r="AZ16" s="280">
        <v>18</v>
      </c>
      <c r="BA16" s="280">
        <v>14</v>
      </c>
      <c r="BB16" s="280">
        <v>21</v>
      </c>
      <c r="BC16" s="280">
        <v>13</v>
      </c>
      <c r="BD16" s="281">
        <v>80</v>
      </c>
      <c r="BE16" s="282">
        <v>86</v>
      </c>
      <c r="BF16" s="276">
        <v>0</v>
      </c>
      <c r="BG16" s="280">
        <v>0</v>
      </c>
      <c r="BH16" s="277">
        <v>0</v>
      </c>
      <c r="BI16" s="279">
        <v>0</v>
      </c>
      <c r="BJ16" s="280">
        <v>18</v>
      </c>
      <c r="BK16" s="280">
        <v>21</v>
      </c>
      <c r="BL16" s="280">
        <v>12</v>
      </c>
      <c r="BM16" s="280">
        <v>5</v>
      </c>
      <c r="BN16" s="280">
        <v>3</v>
      </c>
      <c r="BO16" s="277">
        <v>59</v>
      </c>
      <c r="BP16" s="282">
        <v>59</v>
      </c>
      <c r="BQ16" s="276">
        <v>0</v>
      </c>
      <c r="BR16" s="280">
        <v>2</v>
      </c>
      <c r="BS16" s="277">
        <v>2</v>
      </c>
      <c r="BT16" s="279">
        <v>0</v>
      </c>
      <c r="BU16" s="280">
        <v>3</v>
      </c>
      <c r="BV16" s="280">
        <v>6</v>
      </c>
      <c r="BW16" s="280">
        <v>1</v>
      </c>
      <c r="BX16" s="280">
        <v>5</v>
      </c>
      <c r="BY16" s="280">
        <v>1</v>
      </c>
      <c r="BZ16" s="277">
        <v>16</v>
      </c>
      <c r="CA16" s="282">
        <v>18</v>
      </c>
      <c r="CB16" s="276">
        <v>0</v>
      </c>
      <c r="CC16" s="280">
        <v>0</v>
      </c>
      <c r="CD16" s="277">
        <v>0</v>
      </c>
      <c r="CE16" s="279">
        <v>0</v>
      </c>
      <c r="CF16" s="280">
        <v>2</v>
      </c>
      <c r="CG16" s="280">
        <v>1</v>
      </c>
      <c r="CH16" s="280">
        <v>3</v>
      </c>
      <c r="CI16" s="280">
        <v>4</v>
      </c>
      <c r="CJ16" s="280">
        <v>2</v>
      </c>
      <c r="CK16" s="277">
        <v>12</v>
      </c>
      <c r="CL16" s="282">
        <v>12</v>
      </c>
      <c r="CM16" s="276">
        <v>0</v>
      </c>
      <c r="CN16" s="280">
        <v>0</v>
      </c>
      <c r="CO16" s="277">
        <v>0</v>
      </c>
      <c r="CP16" s="279">
        <v>0</v>
      </c>
      <c r="CQ16" s="280">
        <v>0</v>
      </c>
      <c r="CR16" s="280">
        <v>0</v>
      </c>
      <c r="CS16" s="280">
        <v>1</v>
      </c>
      <c r="CT16" s="280">
        <v>0</v>
      </c>
      <c r="CU16" s="280">
        <v>0</v>
      </c>
      <c r="CV16" s="277">
        <v>1</v>
      </c>
      <c r="CW16" s="282">
        <v>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3</v>
      </c>
      <c r="DU16" s="280">
        <v>16</v>
      </c>
      <c r="DV16" s="277">
        <v>19</v>
      </c>
      <c r="DW16" s="279">
        <v>0</v>
      </c>
      <c r="DX16" s="280">
        <v>21</v>
      </c>
      <c r="DY16" s="280">
        <v>28</v>
      </c>
      <c r="DZ16" s="280">
        <v>24</v>
      </c>
      <c r="EA16" s="280">
        <v>27</v>
      </c>
      <c r="EB16" s="280">
        <v>9</v>
      </c>
      <c r="EC16" s="277">
        <v>109</v>
      </c>
      <c r="ED16" s="282">
        <v>128</v>
      </c>
      <c r="EE16" s="276">
        <v>2</v>
      </c>
      <c r="EF16" s="280">
        <v>0</v>
      </c>
      <c r="EG16" s="277">
        <v>2</v>
      </c>
      <c r="EH16" s="279">
        <v>0</v>
      </c>
      <c r="EI16" s="280">
        <v>5</v>
      </c>
      <c r="EJ16" s="280">
        <v>6</v>
      </c>
      <c r="EK16" s="280">
        <v>6</v>
      </c>
      <c r="EL16" s="280">
        <v>7</v>
      </c>
      <c r="EM16" s="280">
        <v>5</v>
      </c>
      <c r="EN16" s="277">
        <v>29</v>
      </c>
      <c r="EO16" s="282">
        <v>31</v>
      </c>
      <c r="EP16" s="276">
        <v>4</v>
      </c>
      <c r="EQ16" s="280">
        <v>19</v>
      </c>
      <c r="ER16" s="277">
        <v>23</v>
      </c>
      <c r="ES16" s="279">
        <v>0</v>
      </c>
      <c r="ET16" s="280">
        <v>53</v>
      </c>
      <c r="EU16" s="280">
        <v>49</v>
      </c>
      <c r="EV16" s="280">
        <v>30</v>
      </c>
      <c r="EW16" s="280">
        <v>29</v>
      </c>
      <c r="EX16" s="280">
        <v>12</v>
      </c>
      <c r="EY16" s="277">
        <v>173</v>
      </c>
      <c r="EZ16" s="282">
        <v>196</v>
      </c>
    </row>
    <row r="17" spans="2:156" ht="19.5" customHeight="1" x14ac:dyDescent="0.2">
      <c r="B17" s="261" t="s">
        <v>15</v>
      </c>
      <c r="C17" s="276">
        <v>0</v>
      </c>
      <c r="D17" s="280">
        <v>0</v>
      </c>
      <c r="E17" s="384">
        <v>0</v>
      </c>
      <c r="F17" s="279">
        <v>0</v>
      </c>
      <c r="G17" s="280">
        <v>3</v>
      </c>
      <c r="H17" s="280">
        <v>4</v>
      </c>
      <c r="I17" s="280">
        <v>8</v>
      </c>
      <c r="J17" s="280">
        <v>2</v>
      </c>
      <c r="K17" s="280">
        <v>1</v>
      </c>
      <c r="L17" s="281">
        <v>18</v>
      </c>
      <c r="M17" s="282">
        <v>18</v>
      </c>
      <c r="N17" s="276">
        <v>0</v>
      </c>
      <c r="O17" s="280">
        <v>0</v>
      </c>
      <c r="P17" s="277">
        <v>0</v>
      </c>
      <c r="Q17" s="279">
        <v>0</v>
      </c>
      <c r="R17" s="280">
        <v>0</v>
      </c>
      <c r="S17" s="280">
        <v>0</v>
      </c>
      <c r="T17" s="280">
        <v>0</v>
      </c>
      <c r="U17" s="280">
        <v>2</v>
      </c>
      <c r="V17" s="280">
        <v>0</v>
      </c>
      <c r="W17" s="277">
        <v>2</v>
      </c>
      <c r="X17" s="282">
        <v>2</v>
      </c>
      <c r="Y17" s="276">
        <v>0</v>
      </c>
      <c r="Z17" s="280">
        <v>1</v>
      </c>
      <c r="AA17" s="277">
        <v>1</v>
      </c>
      <c r="AB17" s="279">
        <v>0</v>
      </c>
      <c r="AC17" s="280">
        <v>2</v>
      </c>
      <c r="AD17" s="280">
        <v>6</v>
      </c>
      <c r="AE17" s="280">
        <v>3</v>
      </c>
      <c r="AF17" s="280">
        <v>4</v>
      </c>
      <c r="AG17" s="280">
        <v>1</v>
      </c>
      <c r="AH17" s="277">
        <v>16</v>
      </c>
      <c r="AI17" s="282">
        <v>17</v>
      </c>
      <c r="AJ17" s="276">
        <v>0</v>
      </c>
      <c r="AK17" s="280">
        <v>0</v>
      </c>
      <c r="AL17" s="277">
        <v>0</v>
      </c>
      <c r="AM17" s="279">
        <v>0</v>
      </c>
      <c r="AN17" s="280">
        <v>1</v>
      </c>
      <c r="AO17" s="280">
        <v>1</v>
      </c>
      <c r="AP17" s="280">
        <v>0</v>
      </c>
      <c r="AQ17" s="280">
        <v>0</v>
      </c>
      <c r="AR17" s="280">
        <v>1</v>
      </c>
      <c r="AS17" s="277">
        <v>3</v>
      </c>
      <c r="AT17" s="282">
        <v>3</v>
      </c>
      <c r="AU17" s="276">
        <v>1</v>
      </c>
      <c r="AV17" s="280">
        <v>0</v>
      </c>
      <c r="AW17" s="277">
        <v>1</v>
      </c>
      <c r="AX17" s="279">
        <v>0</v>
      </c>
      <c r="AY17" s="280">
        <v>7</v>
      </c>
      <c r="AZ17" s="280">
        <v>5</v>
      </c>
      <c r="BA17" s="280">
        <v>7</v>
      </c>
      <c r="BB17" s="280">
        <v>5</v>
      </c>
      <c r="BC17" s="280">
        <v>2</v>
      </c>
      <c r="BD17" s="281">
        <v>26</v>
      </c>
      <c r="BE17" s="282">
        <v>27</v>
      </c>
      <c r="BF17" s="276">
        <v>0</v>
      </c>
      <c r="BG17" s="280">
        <v>0</v>
      </c>
      <c r="BH17" s="277">
        <v>0</v>
      </c>
      <c r="BI17" s="279">
        <v>0</v>
      </c>
      <c r="BJ17" s="280">
        <v>1</v>
      </c>
      <c r="BK17" s="280">
        <v>5</v>
      </c>
      <c r="BL17" s="280">
        <v>1</v>
      </c>
      <c r="BM17" s="280">
        <v>0</v>
      </c>
      <c r="BN17" s="280">
        <v>0</v>
      </c>
      <c r="BO17" s="277">
        <v>7</v>
      </c>
      <c r="BP17" s="282">
        <v>7</v>
      </c>
      <c r="BQ17" s="276">
        <v>0</v>
      </c>
      <c r="BR17" s="280">
        <v>0</v>
      </c>
      <c r="BS17" s="277">
        <v>0</v>
      </c>
      <c r="BT17" s="279">
        <v>0</v>
      </c>
      <c r="BU17" s="280">
        <v>1</v>
      </c>
      <c r="BV17" s="280">
        <v>1</v>
      </c>
      <c r="BW17" s="280">
        <v>3</v>
      </c>
      <c r="BX17" s="280">
        <v>0</v>
      </c>
      <c r="BY17" s="280">
        <v>0</v>
      </c>
      <c r="BZ17" s="277">
        <v>5</v>
      </c>
      <c r="CA17" s="282">
        <v>5</v>
      </c>
      <c r="CB17" s="276">
        <v>0</v>
      </c>
      <c r="CC17" s="280">
        <v>0</v>
      </c>
      <c r="CD17" s="277">
        <v>0</v>
      </c>
      <c r="CE17" s="279">
        <v>0</v>
      </c>
      <c r="CF17" s="280">
        <v>0</v>
      </c>
      <c r="CG17" s="280">
        <v>0</v>
      </c>
      <c r="CH17" s="280">
        <v>1</v>
      </c>
      <c r="CI17" s="280">
        <v>2</v>
      </c>
      <c r="CJ17" s="280">
        <v>1</v>
      </c>
      <c r="CK17" s="277">
        <v>4</v>
      </c>
      <c r="CL17" s="282">
        <v>4</v>
      </c>
      <c r="CM17" s="276">
        <v>0</v>
      </c>
      <c r="CN17" s="280">
        <v>0</v>
      </c>
      <c r="CO17" s="277">
        <v>0</v>
      </c>
      <c r="CP17" s="279">
        <v>0</v>
      </c>
      <c r="CQ17" s="280">
        <v>0</v>
      </c>
      <c r="CR17" s="280">
        <v>0</v>
      </c>
      <c r="CS17" s="280">
        <v>1</v>
      </c>
      <c r="CT17" s="280">
        <v>0</v>
      </c>
      <c r="CU17" s="280">
        <v>0</v>
      </c>
      <c r="CV17" s="277">
        <v>1</v>
      </c>
      <c r="CW17" s="282">
        <v>1</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2</v>
      </c>
      <c r="DU17" s="280">
        <v>7</v>
      </c>
      <c r="DV17" s="277">
        <v>9</v>
      </c>
      <c r="DW17" s="279">
        <v>0</v>
      </c>
      <c r="DX17" s="280">
        <v>4</v>
      </c>
      <c r="DY17" s="280">
        <v>15</v>
      </c>
      <c r="DZ17" s="280">
        <v>10</v>
      </c>
      <c r="EA17" s="280">
        <v>8</v>
      </c>
      <c r="EB17" s="280">
        <v>3</v>
      </c>
      <c r="EC17" s="277">
        <v>40</v>
      </c>
      <c r="ED17" s="282">
        <v>49</v>
      </c>
      <c r="EE17" s="276">
        <v>4</v>
      </c>
      <c r="EF17" s="280">
        <v>1</v>
      </c>
      <c r="EG17" s="277">
        <v>5</v>
      </c>
      <c r="EH17" s="279">
        <v>0</v>
      </c>
      <c r="EI17" s="280">
        <v>6</v>
      </c>
      <c r="EJ17" s="280">
        <v>4</v>
      </c>
      <c r="EK17" s="280">
        <v>6</v>
      </c>
      <c r="EL17" s="280">
        <v>1</v>
      </c>
      <c r="EM17" s="280">
        <v>2</v>
      </c>
      <c r="EN17" s="277">
        <v>19</v>
      </c>
      <c r="EO17" s="282">
        <v>24</v>
      </c>
      <c r="EP17" s="276">
        <v>2</v>
      </c>
      <c r="EQ17" s="280">
        <v>8</v>
      </c>
      <c r="ER17" s="277">
        <v>10</v>
      </c>
      <c r="ES17" s="279">
        <v>0</v>
      </c>
      <c r="ET17" s="280">
        <v>12</v>
      </c>
      <c r="EU17" s="280">
        <v>19</v>
      </c>
      <c r="EV17" s="280">
        <v>15</v>
      </c>
      <c r="EW17" s="280">
        <v>9</v>
      </c>
      <c r="EX17" s="280">
        <v>3</v>
      </c>
      <c r="EY17" s="277">
        <v>58</v>
      </c>
      <c r="EZ17" s="282">
        <v>68</v>
      </c>
    </row>
    <row r="18" spans="2:156" ht="19.5" customHeight="1" x14ac:dyDescent="0.2">
      <c r="B18" s="261" t="s">
        <v>16</v>
      </c>
      <c r="C18" s="276">
        <v>0</v>
      </c>
      <c r="D18" s="280">
        <v>0</v>
      </c>
      <c r="E18" s="384">
        <v>0</v>
      </c>
      <c r="F18" s="279">
        <v>0</v>
      </c>
      <c r="G18" s="280">
        <v>12</v>
      </c>
      <c r="H18" s="280">
        <v>9</v>
      </c>
      <c r="I18" s="280">
        <v>4</v>
      </c>
      <c r="J18" s="280">
        <v>4</v>
      </c>
      <c r="K18" s="280">
        <v>4</v>
      </c>
      <c r="L18" s="281">
        <v>33</v>
      </c>
      <c r="M18" s="282">
        <v>33</v>
      </c>
      <c r="N18" s="276">
        <v>0</v>
      </c>
      <c r="O18" s="280">
        <v>0</v>
      </c>
      <c r="P18" s="277">
        <v>0</v>
      </c>
      <c r="Q18" s="279">
        <v>0</v>
      </c>
      <c r="R18" s="280">
        <v>0</v>
      </c>
      <c r="S18" s="280">
        <v>1</v>
      </c>
      <c r="T18" s="280">
        <v>0</v>
      </c>
      <c r="U18" s="280">
        <v>3</v>
      </c>
      <c r="V18" s="280">
        <v>3</v>
      </c>
      <c r="W18" s="277">
        <v>7</v>
      </c>
      <c r="X18" s="282">
        <v>7</v>
      </c>
      <c r="Y18" s="276">
        <v>2</v>
      </c>
      <c r="Z18" s="280">
        <v>5</v>
      </c>
      <c r="AA18" s="277">
        <v>7</v>
      </c>
      <c r="AB18" s="279">
        <v>0</v>
      </c>
      <c r="AC18" s="280">
        <v>12</v>
      </c>
      <c r="AD18" s="280">
        <v>17</v>
      </c>
      <c r="AE18" s="280">
        <v>8</v>
      </c>
      <c r="AF18" s="280">
        <v>8</v>
      </c>
      <c r="AG18" s="280">
        <v>6</v>
      </c>
      <c r="AH18" s="277">
        <v>51</v>
      </c>
      <c r="AI18" s="282">
        <v>58</v>
      </c>
      <c r="AJ18" s="276">
        <v>0</v>
      </c>
      <c r="AK18" s="280">
        <v>0</v>
      </c>
      <c r="AL18" s="277">
        <v>0</v>
      </c>
      <c r="AM18" s="279">
        <v>0</v>
      </c>
      <c r="AN18" s="280">
        <v>0</v>
      </c>
      <c r="AO18" s="280">
        <v>0</v>
      </c>
      <c r="AP18" s="280">
        <v>1</v>
      </c>
      <c r="AQ18" s="280">
        <v>0</v>
      </c>
      <c r="AR18" s="280">
        <v>1</v>
      </c>
      <c r="AS18" s="277">
        <v>2</v>
      </c>
      <c r="AT18" s="282">
        <v>2</v>
      </c>
      <c r="AU18" s="276">
        <v>2</v>
      </c>
      <c r="AV18" s="280">
        <v>4</v>
      </c>
      <c r="AW18" s="277">
        <v>6</v>
      </c>
      <c r="AX18" s="279">
        <v>0</v>
      </c>
      <c r="AY18" s="280">
        <v>17</v>
      </c>
      <c r="AZ18" s="280">
        <v>18</v>
      </c>
      <c r="BA18" s="280">
        <v>23</v>
      </c>
      <c r="BB18" s="280">
        <v>23</v>
      </c>
      <c r="BC18" s="280">
        <v>10</v>
      </c>
      <c r="BD18" s="281">
        <v>91</v>
      </c>
      <c r="BE18" s="282">
        <v>97</v>
      </c>
      <c r="BF18" s="276">
        <v>0</v>
      </c>
      <c r="BG18" s="280">
        <v>0</v>
      </c>
      <c r="BH18" s="277">
        <v>0</v>
      </c>
      <c r="BI18" s="279">
        <v>0</v>
      </c>
      <c r="BJ18" s="280">
        <v>17</v>
      </c>
      <c r="BK18" s="280">
        <v>26</v>
      </c>
      <c r="BL18" s="280">
        <v>7</v>
      </c>
      <c r="BM18" s="280">
        <v>11</v>
      </c>
      <c r="BN18" s="280">
        <v>3</v>
      </c>
      <c r="BO18" s="277">
        <v>64</v>
      </c>
      <c r="BP18" s="282">
        <v>64</v>
      </c>
      <c r="BQ18" s="276">
        <v>2</v>
      </c>
      <c r="BR18" s="280">
        <v>5</v>
      </c>
      <c r="BS18" s="277">
        <v>7</v>
      </c>
      <c r="BT18" s="279">
        <v>0</v>
      </c>
      <c r="BU18" s="280">
        <v>14</v>
      </c>
      <c r="BV18" s="280">
        <v>26</v>
      </c>
      <c r="BW18" s="280">
        <v>1</v>
      </c>
      <c r="BX18" s="280">
        <v>5</v>
      </c>
      <c r="BY18" s="280">
        <v>0</v>
      </c>
      <c r="BZ18" s="277">
        <v>46</v>
      </c>
      <c r="CA18" s="282">
        <v>53</v>
      </c>
      <c r="CB18" s="276">
        <v>0</v>
      </c>
      <c r="CC18" s="280">
        <v>0</v>
      </c>
      <c r="CD18" s="277">
        <v>0</v>
      </c>
      <c r="CE18" s="279">
        <v>0</v>
      </c>
      <c r="CF18" s="280">
        <v>1</v>
      </c>
      <c r="CG18" s="280">
        <v>7</v>
      </c>
      <c r="CH18" s="280">
        <v>4</v>
      </c>
      <c r="CI18" s="280">
        <v>1</v>
      </c>
      <c r="CJ18" s="280">
        <v>1</v>
      </c>
      <c r="CK18" s="277">
        <v>14</v>
      </c>
      <c r="CL18" s="282">
        <v>14</v>
      </c>
      <c r="CM18" s="276">
        <v>0</v>
      </c>
      <c r="CN18" s="280">
        <v>0</v>
      </c>
      <c r="CO18" s="277">
        <v>0</v>
      </c>
      <c r="CP18" s="279">
        <v>0</v>
      </c>
      <c r="CQ18" s="280">
        <v>0</v>
      </c>
      <c r="CR18" s="280">
        <v>3</v>
      </c>
      <c r="CS18" s="280">
        <v>0</v>
      </c>
      <c r="CT18" s="280">
        <v>1</v>
      </c>
      <c r="CU18" s="280">
        <v>0</v>
      </c>
      <c r="CV18" s="277">
        <v>4</v>
      </c>
      <c r="CW18" s="282">
        <v>4</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9</v>
      </c>
      <c r="DU18" s="280">
        <v>12</v>
      </c>
      <c r="DV18" s="277">
        <v>21</v>
      </c>
      <c r="DW18" s="279">
        <v>0</v>
      </c>
      <c r="DX18" s="280">
        <v>26</v>
      </c>
      <c r="DY18" s="280">
        <v>51</v>
      </c>
      <c r="DZ18" s="280">
        <v>20</v>
      </c>
      <c r="EA18" s="280">
        <v>19</v>
      </c>
      <c r="EB18" s="280">
        <v>11</v>
      </c>
      <c r="EC18" s="277">
        <v>127</v>
      </c>
      <c r="ED18" s="282">
        <v>148</v>
      </c>
      <c r="EE18" s="276">
        <v>2</v>
      </c>
      <c r="EF18" s="280">
        <v>3</v>
      </c>
      <c r="EG18" s="277">
        <v>5</v>
      </c>
      <c r="EH18" s="279">
        <v>0</v>
      </c>
      <c r="EI18" s="280">
        <v>11</v>
      </c>
      <c r="EJ18" s="280">
        <v>11</v>
      </c>
      <c r="EK18" s="280">
        <v>11</v>
      </c>
      <c r="EL18" s="280">
        <v>14</v>
      </c>
      <c r="EM18" s="280">
        <v>4</v>
      </c>
      <c r="EN18" s="277">
        <v>51</v>
      </c>
      <c r="EO18" s="282">
        <v>56</v>
      </c>
      <c r="EP18" s="276">
        <v>13</v>
      </c>
      <c r="EQ18" s="280">
        <v>20</v>
      </c>
      <c r="ER18" s="277">
        <v>33</v>
      </c>
      <c r="ES18" s="279">
        <v>0</v>
      </c>
      <c r="ET18" s="280">
        <v>52</v>
      </c>
      <c r="EU18" s="280">
        <v>80</v>
      </c>
      <c r="EV18" s="280">
        <v>23</v>
      </c>
      <c r="EW18" s="280">
        <v>22</v>
      </c>
      <c r="EX18" s="280">
        <v>11</v>
      </c>
      <c r="EY18" s="277">
        <v>188</v>
      </c>
      <c r="EZ18" s="282">
        <v>221</v>
      </c>
    </row>
    <row r="19" spans="2:156" ht="19.5" customHeight="1" x14ac:dyDescent="0.2">
      <c r="B19" s="261" t="s">
        <v>17</v>
      </c>
      <c r="C19" s="276">
        <v>0</v>
      </c>
      <c r="D19" s="280">
        <v>0</v>
      </c>
      <c r="E19" s="384">
        <v>0</v>
      </c>
      <c r="F19" s="279">
        <v>0</v>
      </c>
      <c r="G19" s="280">
        <v>6</v>
      </c>
      <c r="H19" s="280">
        <v>16</v>
      </c>
      <c r="I19" s="280">
        <v>10</v>
      </c>
      <c r="J19" s="280">
        <v>3</v>
      </c>
      <c r="K19" s="280">
        <v>12</v>
      </c>
      <c r="L19" s="281">
        <v>47</v>
      </c>
      <c r="M19" s="282">
        <v>47</v>
      </c>
      <c r="N19" s="276">
        <v>0</v>
      </c>
      <c r="O19" s="280">
        <v>0</v>
      </c>
      <c r="P19" s="277">
        <v>0</v>
      </c>
      <c r="Q19" s="279">
        <v>0</v>
      </c>
      <c r="R19" s="280">
        <v>0</v>
      </c>
      <c r="S19" s="280">
        <v>0</v>
      </c>
      <c r="T19" s="280">
        <v>0</v>
      </c>
      <c r="U19" s="280">
        <v>0</v>
      </c>
      <c r="V19" s="280">
        <v>5</v>
      </c>
      <c r="W19" s="277">
        <v>5</v>
      </c>
      <c r="X19" s="282">
        <v>5</v>
      </c>
      <c r="Y19" s="276">
        <v>2</v>
      </c>
      <c r="Z19" s="280">
        <v>4</v>
      </c>
      <c r="AA19" s="277">
        <v>6</v>
      </c>
      <c r="AB19" s="279">
        <v>0</v>
      </c>
      <c r="AC19" s="280">
        <v>14</v>
      </c>
      <c r="AD19" s="280">
        <v>13</v>
      </c>
      <c r="AE19" s="280">
        <v>8</v>
      </c>
      <c r="AF19" s="280">
        <v>8</v>
      </c>
      <c r="AG19" s="280">
        <v>8</v>
      </c>
      <c r="AH19" s="277">
        <v>51</v>
      </c>
      <c r="AI19" s="282">
        <v>57</v>
      </c>
      <c r="AJ19" s="276">
        <v>1</v>
      </c>
      <c r="AK19" s="280">
        <v>0</v>
      </c>
      <c r="AL19" s="277">
        <v>1</v>
      </c>
      <c r="AM19" s="279">
        <v>0</v>
      </c>
      <c r="AN19" s="280">
        <v>1</v>
      </c>
      <c r="AO19" s="280">
        <v>4</v>
      </c>
      <c r="AP19" s="280">
        <v>0</v>
      </c>
      <c r="AQ19" s="280">
        <v>1</v>
      </c>
      <c r="AR19" s="280">
        <v>0</v>
      </c>
      <c r="AS19" s="277">
        <v>6</v>
      </c>
      <c r="AT19" s="282">
        <v>7</v>
      </c>
      <c r="AU19" s="276">
        <v>2</v>
      </c>
      <c r="AV19" s="280">
        <v>4</v>
      </c>
      <c r="AW19" s="277">
        <v>6</v>
      </c>
      <c r="AX19" s="279">
        <v>0</v>
      </c>
      <c r="AY19" s="280">
        <v>12</v>
      </c>
      <c r="AZ19" s="280">
        <v>23</v>
      </c>
      <c r="BA19" s="280">
        <v>12</v>
      </c>
      <c r="BB19" s="280">
        <v>14</v>
      </c>
      <c r="BC19" s="280">
        <v>18</v>
      </c>
      <c r="BD19" s="281">
        <v>79</v>
      </c>
      <c r="BE19" s="282">
        <v>85</v>
      </c>
      <c r="BF19" s="276">
        <v>0</v>
      </c>
      <c r="BG19" s="280">
        <v>0</v>
      </c>
      <c r="BH19" s="277">
        <v>0</v>
      </c>
      <c r="BI19" s="279">
        <v>0</v>
      </c>
      <c r="BJ19" s="280">
        <v>29</v>
      </c>
      <c r="BK19" s="280">
        <v>20</v>
      </c>
      <c r="BL19" s="280">
        <v>11</v>
      </c>
      <c r="BM19" s="280">
        <v>5</v>
      </c>
      <c r="BN19" s="280">
        <v>4</v>
      </c>
      <c r="BO19" s="277">
        <v>69</v>
      </c>
      <c r="BP19" s="282">
        <v>69</v>
      </c>
      <c r="BQ19" s="276">
        <v>2</v>
      </c>
      <c r="BR19" s="280">
        <v>6</v>
      </c>
      <c r="BS19" s="277">
        <v>8</v>
      </c>
      <c r="BT19" s="279">
        <v>0</v>
      </c>
      <c r="BU19" s="280">
        <v>5</v>
      </c>
      <c r="BV19" s="280">
        <v>16</v>
      </c>
      <c r="BW19" s="280">
        <v>1</v>
      </c>
      <c r="BX19" s="280">
        <v>2</v>
      </c>
      <c r="BY19" s="280">
        <v>1</v>
      </c>
      <c r="BZ19" s="277">
        <v>25</v>
      </c>
      <c r="CA19" s="282">
        <v>33</v>
      </c>
      <c r="CB19" s="276">
        <v>0</v>
      </c>
      <c r="CC19" s="280">
        <v>0</v>
      </c>
      <c r="CD19" s="277">
        <v>0</v>
      </c>
      <c r="CE19" s="279">
        <v>0</v>
      </c>
      <c r="CF19" s="280">
        <v>5</v>
      </c>
      <c r="CG19" s="280">
        <v>3</v>
      </c>
      <c r="CH19" s="280">
        <v>7</v>
      </c>
      <c r="CI19" s="280">
        <v>5</v>
      </c>
      <c r="CJ19" s="280">
        <v>1</v>
      </c>
      <c r="CK19" s="277">
        <v>21</v>
      </c>
      <c r="CL19" s="282">
        <v>21</v>
      </c>
      <c r="CM19" s="276">
        <v>0</v>
      </c>
      <c r="CN19" s="280">
        <v>0</v>
      </c>
      <c r="CO19" s="277">
        <v>0</v>
      </c>
      <c r="CP19" s="279">
        <v>0</v>
      </c>
      <c r="CQ19" s="280">
        <v>1</v>
      </c>
      <c r="CR19" s="280">
        <v>0</v>
      </c>
      <c r="CS19" s="280">
        <v>0</v>
      </c>
      <c r="CT19" s="280">
        <v>1</v>
      </c>
      <c r="CU19" s="280">
        <v>0</v>
      </c>
      <c r="CV19" s="277">
        <v>2</v>
      </c>
      <c r="CW19" s="282">
        <v>2</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1</v>
      </c>
      <c r="DU19" s="280">
        <v>20</v>
      </c>
      <c r="DV19" s="277">
        <v>31</v>
      </c>
      <c r="DW19" s="279">
        <v>0</v>
      </c>
      <c r="DX19" s="280">
        <v>32</v>
      </c>
      <c r="DY19" s="280">
        <v>62</v>
      </c>
      <c r="DZ19" s="280">
        <v>34</v>
      </c>
      <c r="EA19" s="280">
        <v>12</v>
      </c>
      <c r="EB19" s="280">
        <v>21</v>
      </c>
      <c r="EC19" s="277">
        <v>161</v>
      </c>
      <c r="ED19" s="282">
        <v>192</v>
      </c>
      <c r="EE19" s="276">
        <v>3</v>
      </c>
      <c r="EF19" s="280">
        <v>3</v>
      </c>
      <c r="EG19" s="277">
        <v>6</v>
      </c>
      <c r="EH19" s="279">
        <v>0</v>
      </c>
      <c r="EI19" s="280">
        <v>7</v>
      </c>
      <c r="EJ19" s="280">
        <v>5</v>
      </c>
      <c r="EK19" s="280">
        <v>4</v>
      </c>
      <c r="EL19" s="280">
        <v>7</v>
      </c>
      <c r="EM19" s="280">
        <v>2</v>
      </c>
      <c r="EN19" s="277">
        <v>25</v>
      </c>
      <c r="EO19" s="282">
        <v>31</v>
      </c>
      <c r="EP19" s="276">
        <v>15</v>
      </c>
      <c r="EQ19" s="280">
        <v>27</v>
      </c>
      <c r="ER19" s="277">
        <v>42</v>
      </c>
      <c r="ES19" s="279">
        <v>0</v>
      </c>
      <c r="ET19" s="280">
        <v>76</v>
      </c>
      <c r="EU19" s="280">
        <v>80</v>
      </c>
      <c r="EV19" s="280">
        <v>35</v>
      </c>
      <c r="EW19" s="280">
        <v>17</v>
      </c>
      <c r="EX19" s="280">
        <v>19</v>
      </c>
      <c r="EY19" s="277">
        <v>227</v>
      </c>
      <c r="EZ19" s="282">
        <v>269</v>
      </c>
    </row>
    <row r="20" spans="2:156" ht="19.5" customHeight="1" x14ac:dyDescent="0.2">
      <c r="B20" s="261" t="s">
        <v>18</v>
      </c>
      <c r="C20" s="276">
        <v>0</v>
      </c>
      <c r="D20" s="280">
        <v>0</v>
      </c>
      <c r="E20" s="384">
        <v>0</v>
      </c>
      <c r="F20" s="279">
        <v>0</v>
      </c>
      <c r="G20" s="280">
        <v>18</v>
      </c>
      <c r="H20" s="280">
        <v>27</v>
      </c>
      <c r="I20" s="280">
        <v>16</v>
      </c>
      <c r="J20" s="280">
        <v>10</v>
      </c>
      <c r="K20" s="280">
        <v>2</v>
      </c>
      <c r="L20" s="281">
        <v>73</v>
      </c>
      <c r="M20" s="282">
        <v>73</v>
      </c>
      <c r="N20" s="276">
        <v>0</v>
      </c>
      <c r="O20" s="280">
        <v>0</v>
      </c>
      <c r="P20" s="277">
        <v>0</v>
      </c>
      <c r="Q20" s="279">
        <v>0</v>
      </c>
      <c r="R20" s="280">
        <v>1</v>
      </c>
      <c r="S20" s="280">
        <v>0</v>
      </c>
      <c r="T20" s="280">
        <v>1</v>
      </c>
      <c r="U20" s="280">
        <v>4</v>
      </c>
      <c r="V20" s="280">
        <v>2</v>
      </c>
      <c r="W20" s="277">
        <v>8</v>
      </c>
      <c r="X20" s="282">
        <v>8</v>
      </c>
      <c r="Y20" s="276">
        <v>5</v>
      </c>
      <c r="Z20" s="280">
        <v>6</v>
      </c>
      <c r="AA20" s="277">
        <v>11</v>
      </c>
      <c r="AB20" s="279">
        <v>0</v>
      </c>
      <c r="AC20" s="280">
        <v>27</v>
      </c>
      <c r="AD20" s="280">
        <v>17</v>
      </c>
      <c r="AE20" s="280">
        <v>15</v>
      </c>
      <c r="AF20" s="280">
        <v>11</v>
      </c>
      <c r="AG20" s="280">
        <v>1</v>
      </c>
      <c r="AH20" s="277">
        <v>71</v>
      </c>
      <c r="AI20" s="282">
        <v>82</v>
      </c>
      <c r="AJ20" s="276">
        <v>0</v>
      </c>
      <c r="AK20" s="280">
        <v>0</v>
      </c>
      <c r="AL20" s="277">
        <v>0</v>
      </c>
      <c r="AM20" s="279">
        <v>0</v>
      </c>
      <c r="AN20" s="280">
        <v>3</v>
      </c>
      <c r="AO20" s="280">
        <v>3</v>
      </c>
      <c r="AP20" s="280">
        <v>0</v>
      </c>
      <c r="AQ20" s="280">
        <v>0</v>
      </c>
      <c r="AR20" s="280">
        <v>0</v>
      </c>
      <c r="AS20" s="277">
        <v>6</v>
      </c>
      <c r="AT20" s="282">
        <v>6</v>
      </c>
      <c r="AU20" s="276">
        <v>1</v>
      </c>
      <c r="AV20" s="280">
        <v>6</v>
      </c>
      <c r="AW20" s="277">
        <v>7</v>
      </c>
      <c r="AX20" s="279">
        <v>0</v>
      </c>
      <c r="AY20" s="280">
        <v>27</v>
      </c>
      <c r="AZ20" s="280">
        <v>41</v>
      </c>
      <c r="BA20" s="280">
        <v>36</v>
      </c>
      <c r="BB20" s="280">
        <v>20</v>
      </c>
      <c r="BC20" s="280">
        <v>14</v>
      </c>
      <c r="BD20" s="281">
        <v>138</v>
      </c>
      <c r="BE20" s="282">
        <v>145</v>
      </c>
      <c r="BF20" s="276">
        <v>0</v>
      </c>
      <c r="BG20" s="280">
        <v>0</v>
      </c>
      <c r="BH20" s="277">
        <v>0</v>
      </c>
      <c r="BI20" s="279">
        <v>0</v>
      </c>
      <c r="BJ20" s="280">
        <v>37</v>
      </c>
      <c r="BK20" s="280">
        <v>28</v>
      </c>
      <c r="BL20" s="280">
        <v>26</v>
      </c>
      <c r="BM20" s="280">
        <v>7</v>
      </c>
      <c r="BN20" s="280">
        <v>2</v>
      </c>
      <c r="BO20" s="277">
        <v>100</v>
      </c>
      <c r="BP20" s="282">
        <v>100</v>
      </c>
      <c r="BQ20" s="276">
        <v>3</v>
      </c>
      <c r="BR20" s="280">
        <v>5</v>
      </c>
      <c r="BS20" s="277">
        <v>8</v>
      </c>
      <c r="BT20" s="279">
        <v>0</v>
      </c>
      <c r="BU20" s="280">
        <v>14</v>
      </c>
      <c r="BV20" s="280">
        <v>8</v>
      </c>
      <c r="BW20" s="280">
        <v>7</v>
      </c>
      <c r="BX20" s="280">
        <v>2</v>
      </c>
      <c r="BY20" s="280">
        <v>2</v>
      </c>
      <c r="BZ20" s="277">
        <v>33</v>
      </c>
      <c r="CA20" s="282">
        <v>41</v>
      </c>
      <c r="CB20" s="276">
        <v>0</v>
      </c>
      <c r="CC20" s="280">
        <v>0</v>
      </c>
      <c r="CD20" s="277">
        <v>0</v>
      </c>
      <c r="CE20" s="279">
        <v>0</v>
      </c>
      <c r="CF20" s="280">
        <v>2</v>
      </c>
      <c r="CG20" s="280">
        <v>7</v>
      </c>
      <c r="CH20" s="280">
        <v>12</v>
      </c>
      <c r="CI20" s="280">
        <v>3</v>
      </c>
      <c r="CJ20" s="280">
        <v>0</v>
      </c>
      <c r="CK20" s="277">
        <v>24</v>
      </c>
      <c r="CL20" s="282">
        <v>24</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0</v>
      </c>
      <c r="DU20" s="280">
        <v>29</v>
      </c>
      <c r="DV20" s="277">
        <v>39</v>
      </c>
      <c r="DW20" s="279">
        <v>0</v>
      </c>
      <c r="DX20" s="280">
        <v>46</v>
      </c>
      <c r="DY20" s="280">
        <v>56</v>
      </c>
      <c r="DZ20" s="280">
        <v>47</v>
      </c>
      <c r="EA20" s="280">
        <v>28</v>
      </c>
      <c r="EB20" s="280">
        <v>6</v>
      </c>
      <c r="EC20" s="277">
        <v>183</v>
      </c>
      <c r="ED20" s="282">
        <v>222</v>
      </c>
      <c r="EE20" s="276">
        <v>1</v>
      </c>
      <c r="EF20" s="280">
        <v>2</v>
      </c>
      <c r="EG20" s="277">
        <v>3</v>
      </c>
      <c r="EH20" s="279">
        <v>0</v>
      </c>
      <c r="EI20" s="280">
        <v>10</v>
      </c>
      <c r="EJ20" s="280">
        <v>16</v>
      </c>
      <c r="EK20" s="280">
        <v>6</v>
      </c>
      <c r="EL20" s="280">
        <v>6</v>
      </c>
      <c r="EM20" s="280">
        <v>7</v>
      </c>
      <c r="EN20" s="277">
        <v>45</v>
      </c>
      <c r="EO20" s="282">
        <v>48</v>
      </c>
      <c r="EP20" s="276">
        <v>16</v>
      </c>
      <c r="EQ20" s="280">
        <v>34</v>
      </c>
      <c r="ER20" s="277">
        <v>50</v>
      </c>
      <c r="ES20" s="279">
        <v>0</v>
      </c>
      <c r="ET20" s="280">
        <v>107</v>
      </c>
      <c r="EU20" s="280">
        <v>82</v>
      </c>
      <c r="EV20" s="280">
        <v>63</v>
      </c>
      <c r="EW20" s="280">
        <v>27</v>
      </c>
      <c r="EX20" s="280">
        <v>7</v>
      </c>
      <c r="EY20" s="277">
        <v>286</v>
      </c>
      <c r="EZ20" s="282">
        <v>336</v>
      </c>
    </row>
    <row r="21" spans="2:156" ht="19.5" customHeight="1" x14ac:dyDescent="0.2">
      <c r="B21" s="261" t="s">
        <v>19</v>
      </c>
      <c r="C21" s="276">
        <v>0</v>
      </c>
      <c r="D21" s="280">
        <v>0</v>
      </c>
      <c r="E21" s="384">
        <v>0</v>
      </c>
      <c r="F21" s="279">
        <v>0</v>
      </c>
      <c r="G21" s="280">
        <v>13</v>
      </c>
      <c r="H21" s="280">
        <v>7</v>
      </c>
      <c r="I21" s="280">
        <v>4</v>
      </c>
      <c r="J21" s="280">
        <v>5</v>
      </c>
      <c r="K21" s="280">
        <v>1</v>
      </c>
      <c r="L21" s="281">
        <v>30</v>
      </c>
      <c r="M21" s="282">
        <v>30</v>
      </c>
      <c r="N21" s="276">
        <v>0</v>
      </c>
      <c r="O21" s="280">
        <v>0</v>
      </c>
      <c r="P21" s="277">
        <v>0</v>
      </c>
      <c r="Q21" s="279">
        <v>0</v>
      </c>
      <c r="R21" s="280">
        <v>0</v>
      </c>
      <c r="S21" s="280">
        <v>0</v>
      </c>
      <c r="T21" s="280">
        <v>1</v>
      </c>
      <c r="U21" s="280">
        <v>0</v>
      </c>
      <c r="V21" s="280">
        <v>1</v>
      </c>
      <c r="W21" s="277">
        <v>2</v>
      </c>
      <c r="X21" s="282">
        <v>2</v>
      </c>
      <c r="Y21" s="276">
        <v>1</v>
      </c>
      <c r="Z21" s="280">
        <v>1</v>
      </c>
      <c r="AA21" s="277">
        <v>2</v>
      </c>
      <c r="AB21" s="279">
        <v>0</v>
      </c>
      <c r="AC21" s="280">
        <v>11</v>
      </c>
      <c r="AD21" s="280">
        <v>9</v>
      </c>
      <c r="AE21" s="280">
        <v>7</v>
      </c>
      <c r="AF21" s="280">
        <v>4</v>
      </c>
      <c r="AG21" s="280">
        <v>5</v>
      </c>
      <c r="AH21" s="277">
        <v>36</v>
      </c>
      <c r="AI21" s="282">
        <v>38</v>
      </c>
      <c r="AJ21" s="276">
        <v>0</v>
      </c>
      <c r="AK21" s="280">
        <v>0</v>
      </c>
      <c r="AL21" s="277">
        <v>0</v>
      </c>
      <c r="AM21" s="279">
        <v>0</v>
      </c>
      <c r="AN21" s="280">
        <v>1</v>
      </c>
      <c r="AO21" s="280">
        <v>1</v>
      </c>
      <c r="AP21" s="280">
        <v>1</v>
      </c>
      <c r="AQ21" s="280">
        <v>1</v>
      </c>
      <c r="AR21" s="280">
        <v>0</v>
      </c>
      <c r="AS21" s="277">
        <v>4</v>
      </c>
      <c r="AT21" s="282">
        <v>4</v>
      </c>
      <c r="AU21" s="276">
        <v>5</v>
      </c>
      <c r="AV21" s="280">
        <v>2</v>
      </c>
      <c r="AW21" s="277">
        <v>7</v>
      </c>
      <c r="AX21" s="279">
        <v>0</v>
      </c>
      <c r="AY21" s="280">
        <v>24</v>
      </c>
      <c r="AZ21" s="280">
        <v>16</v>
      </c>
      <c r="BA21" s="280">
        <v>9</v>
      </c>
      <c r="BB21" s="280">
        <v>13</v>
      </c>
      <c r="BC21" s="280">
        <v>7</v>
      </c>
      <c r="BD21" s="281">
        <v>69</v>
      </c>
      <c r="BE21" s="282">
        <v>76</v>
      </c>
      <c r="BF21" s="276">
        <v>0</v>
      </c>
      <c r="BG21" s="280">
        <v>0</v>
      </c>
      <c r="BH21" s="277">
        <v>0</v>
      </c>
      <c r="BI21" s="279">
        <v>0</v>
      </c>
      <c r="BJ21" s="280">
        <v>18</v>
      </c>
      <c r="BK21" s="280">
        <v>16</v>
      </c>
      <c r="BL21" s="280">
        <v>6</v>
      </c>
      <c r="BM21" s="280">
        <v>2</v>
      </c>
      <c r="BN21" s="280">
        <v>1</v>
      </c>
      <c r="BO21" s="277">
        <v>43</v>
      </c>
      <c r="BP21" s="282">
        <v>43</v>
      </c>
      <c r="BQ21" s="276">
        <v>1</v>
      </c>
      <c r="BR21" s="280">
        <v>3</v>
      </c>
      <c r="BS21" s="277">
        <v>4</v>
      </c>
      <c r="BT21" s="279">
        <v>0</v>
      </c>
      <c r="BU21" s="280">
        <v>11</v>
      </c>
      <c r="BV21" s="280">
        <v>6</v>
      </c>
      <c r="BW21" s="280">
        <v>2</v>
      </c>
      <c r="BX21" s="280">
        <v>1</v>
      </c>
      <c r="BY21" s="280">
        <v>0</v>
      </c>
      <c r="BZ21" s="277">
        <v>20</v>
      </c>
      <c r="CA21" s="282">
        <v>24</v>
      </c>
      <c r="CB21" s="276">
        <v>0</v>
      </c>
      <c r="CC21" s="280">
        <v>0</v>
      </c>
      <c r="CD21" s="277">
        <v>0</v>
      </c>
      <c r="CE21" s="279">
        <v>0</v>
      </c>
      <c r="CF21" s="280">
        <v>1</v>
      </c>
      <c r="CG21" s="280">
        <v>1</v>
      </c>
      <c r="CH21" s="280">
        <v>1</v>
      </c>
      <c r="CI21" s="280">
        <v>0</v>
      </c>
      <c r="CJ21" s="280">
        <v>1</v>
      </c>
      <c r="CK21" s="277">
        <v>4</v>
      </c>
      <c r="CL21" s="282">
        <v>4</v>
      </c>
      <c r="CM21" s="276">
        <v>0</v>
      </c>
      <c r="CN21" s="280">
        <v>0</v>
      </c>
      <c r="CO21" s="277">
        <v>0</v>
      </c>
      <c r="CP21" s="279">
        <v>0</v>
      </c>
      <c r="CQ21" s="280">
        <v>1</v>
      </c>
      <c r="CR21" s="280">
        <v>0</v>
      </c>
      <c r="CS21" s="280">
        <v>0</v>
      </c>
      <c r="CT21" s="280">
        <v>0</v>
      </c>
      <c r="CU21" s="280">
        <v>0</v>
      </c>
      <c r="CV21" s="277">
        <v>1</v>
      </c>
      <c r="CW21" s="282">
        <v>1</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4</v>
      </c>
      <c r="DU21" s="280">
        <v>10</v>
      </c>
      <c r="DV21" s="277">
        <v>14</v>
      </c>
      <c r="DW21" s="279">
        <v>0</v>
      </c>
      <c r="DX21" s="280">
        <v>30</v>
      </c>
      <c r="DY21" s="280">
        <v>23</v>
      </c>
      <c r="DZ21" s="280">
        <v>9</v>
      </c>
      <c r="EA21" s="280">
        <v>11</v>
      </c>
      <c r="EB21" s="280">
        <v>7</v>
      </c>
      <c r="EC21" s="277">
        <v>80</v>
      </c>
      <c r="ED21" s="282">
        <v>94</v>
      </c>
      <c r="EE21" s="276">
        <v>0</v>
      </c>
      <c r="EF21" s="280">
        <v>2</v>
      </c>
      <c r="EG21" s="277">
        <v>2</v>
      </c>
      <c r="EH21" s="279">
        <v>0</v>
      </c>
      <c r="EI21" s="280">
        <v>9</v>
      </c>
      <c r="EJ21" s="280">
        <v>7</v>
      </c>
      <c r="EK21" s="280">
        <v>3</v>
      </c>
      <c r="EL21" s="280">
        <v>5</v>
      </c>
      <c r="EM21" s="280">
        <v>0</v>
      </c>
      <c r="EN21" s="277">
        <v>24</v>
      </c>
      <c r="EO21" s="282">
        <v>26</v>
      </c>
      <c r="EP21" s="276">
        <v>6</v>
      </c>
      <c r="EQ21" s="280">
        <v>12</v>
      </c>
      <c r="ER21" s="277">
        <v>18</v>
      </c>
      <c r="ES21" s="279">
        <v>0</v>
      </c>
      <c r="ET21" s="280">
        <v>48</v>
      </c>
      <c r="EU21" s="280">
        <v>35</v>
      </c>
      <c r="EV21" s="280">
        <v>13</v>
      </c>
      <c r="EW21" s="280">
        <v>10</v>
      </c>
      <c r="EX21" s="280">
        <v>5</v>
      </c>
      <c r="EY21" s="277">
        <v>111</v>
      </c>
      <c r="EZ21" s="282">
        <v>129</v>
      </c>
    </row>
    <row r="22" spans="2:156" ht="19.5" customHeight="1" x14ac:dyDescent="0.2">
      <c r="B22" s="261" t="s">
        <v>20</v>
      </c>
      <c r="C22" s="276">
        <v>0</v>
      </c>
      <c r="D22" s="280">
        <v>0</v>
      </c>
      <c r="E22" s="384">
        <v>0</v>
      </c>
      <c r="F22" s="279">
        <v>0</v>
      </c>
      <c r="G22" s="280">
        <v>16</v>
      </c>
      <c r="H22" s="280">
        <v>20</v>
      </c>
      <c r="I22" s="280">
        <v>9</v>
      </c>
      <c r="J22" s="280">
        <v>6</v>
      </c>
      <c r="K22" s="280">
        <v>2</v>
      </c>
      <c r="L22" s="281">
        <v>53</v>
      </c>
      <c r="M22" s="282">
        <v>53</v>
      </c>
      <c r="N22" s="276">
        <v>0</v>
      </c>
      <c r="O22" s="280">
        <v>0</v>
      </c>
      <c r="P22" s="277">
        <v>0</v>
      </c>
      <c r="Q22" s="279">
        <v>0</v>
      </c>
      <c r="R22" s="280">
        <v>0</v>
      </c>
      <c r="S22" s="280">
        <v>0</v>
      </c>
      <c r="T22" s="280">
        <v>1</v>
      </c>
      <c r="U22" s="280">
        <v>1</v>
      </c>
      <c r="V22" s="280">
        <v>1</v>
      </c>
      <c r="W22" s="277">
        <v>3</v>
      </c>
      <c r="X22" s="282">
        <v>3</v>
      </c>
      <c r="Y22" s="276">
        <v>3</v>
      </c>
      <c r="Z22" s="280">
        <v>4</v>
      </c>
      <c r="AA22" s="277">
        <v>7</v>
      </c>
      <c r="AB22" s="279">
        <v>0</v>
      </c>
      <c r="AC22" s="280">
        <v>23</v>
      </c>
      <c r="AD22" s="280">
        <v>20</v>
      </c>
      <c r="AE22" s="280">
        <v>7</v>
      </c>
      <c r="AF22" s="280">
        <v>4</v>
      </c>
      <c r="AG22" s="280">
        <v>2</v>
      </c>
      <c r="AH22" s="277">
        <v>56</v>
      </c>
      <c r="AI22" s="282">
        <v>63</v>
      </c>
      <c r="AJ22" s="276">
        <v>2</v>
      </c>
      <c r="AK22" s="280">
        <v>3</v>
      </c>
      <c r="AL22" s="277">
        <v>5</v>
      </c>
      <c r="AM22" s="279">
        <v>0</v>
      </c>
      <c r="AN22" s="280">
        <v>4</v>
      </c>
      <c r="AO22" s="280">
        <v>3</v>
      </c>
      <c r="AP22" s="280">
        <v>2</v>
      </c>
      <c r="AQ22" s="280">
        <v>3</v>
      </c>
      <c r="AR22" s="280">
        <v>0</v>
      </c>
      <c r="AS22" s="277">
        <v>12</v>
      </c>
      <c r="AT22" s="282">
        <v>17</v>
      </c>
      <c r="AU22" s="276">
        <v>2</v>
      </c>
      <c r="AV22" s="280">
        <v>5</v>
      </c>
      <c r="AW22" s="277">
        <v>7</v>
      </c>
      <c r="AX22" s="279">
        <v>0</v>
      </c>
      <c r="AY22" s="280">
        <v>15</v>
      </c>
      <c r="AZ22" s="280">
        <v>25</v>
      </c>
      <c r="BA22" s="280">
        <v>21</v>
      </c>
      <c r="BB22" s="280">
        <v>19</v>
      </c>
      <c r="BC22" s="280">
        <v>6</v>
      </c>
      <c r="BD22" s="281">
        <v>86</v>
      </c>
      <c r="BE22" s="282">
        <v>93</v>
      </c>
      <c r="BF22" s="276">
        <v>0</v>
      </c>
      <c r="BG22" s="280">
        <v>0</v>
      </c>
      <c r="BH22" s="277">
        <v>0</v>
      </c>
      <c r="BI22" s="279">
        <v>0</v>
      </c>
      <c r="BJ22" s="280">
        <v>21</v>
      </c>
      <c r="BK22" s="280">
        <v>19</v>
      </c>
      <c r="BL22" s="280">
        <v>9</v>
      </c>
      <c r="BM22" s="280">
        <v>5</v>
      </c>
      <c r="BN22" s="280">
        <v>2</v>
      </c>
      <c r="BO22" s="277">
        <v>56</v>
      </c>
      <c r="BP22" s="282">
        <v>56</v>
      </c>
      <c r="BQ22" s="276">
        <v>5</v>
      </c>
      <c r="BR22" s="280">
        <v>3</v>
      </c>
      <c r="BS22" s="277">
        <v>8</v>
      </c>
      <c r="BT22" s="279">
        <v>0</v>
      </c>
      <c r="BU22" s="280">
        <v>13</v>
      </c>
      <c r="BV22" s="280">
        <v>8</v>
      </c>
      <c r="BW22" s="280">
        <v>7</v>
      </c>
      <c r="BX22" s="280">
        <v>8</v>
      </c>
      <c r="BY22" s="280">
        <v>2</v>
      </c>
      <c r="BZ22" s="277">
        <v>38</v>
      </c>
      <c r="CA22" s="282">
        <v>46</v>
      </c>
      <c r="CB22" s="276">
        <v>1</v>
      </c>
      <c r="CC22" s="280">
        <v>1</v>
      </c>
      <c r="CD22" s="277">
        <v>2</v>
      </c>
      <c r="CE22" s="279">
        <v>0</v>
      </c>
      <c r="CF22" s="280">
        <v>3</v>
      </c>
      <c r="CG22" s="280">
        <v>4</v>
      </c>
      <c r="CH22" s="280">
        <v>2</v>
      </c>
      <c r="CI22" s="280">
        <v>10</v>
      </c>
      <c r="CJ22" s="280">
        <v>1</v>
      </c>
      <c r="CK22" s="277">
        <v>20</v>
      </c>
      <c r="CL22" s="282">
        <v>22</v>
      </c>
      <c r="CM22" s="276">
        <v>0</v>
      </c>
      <c r="CN22" s="280">
        <v>0</v>
      </c>
      <c r="CO22" s="277">
        <v>0</v>
      </c>
      <c r="CP22" s="279">
        <v>0</v>
      </c>
      <c r="CQ22" s="280">
        <v>0</v>
      </c>
      <c r="CR22" s="280">
        <v>0</v>
      </c>
      <c r="CS22" s="280">
        <v>0</v>
      </c>
      <c r="CT22" s="280">
        <v>2</v>
      </c>
      <c r="CU22" s="280">
        <v>0</v>
      </c>
      <c r="CV22" s="277">
        <v>2</v>
      </c>
      <c r="CW22" s="282">
        <v>2</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2</v>
      </c>
      <c r="DU22" s="280">
        <v>17</v>
      </c>
      <c r="DV22" s="277">
        <v>29</v>
      </c>
      <c r="DW22" s="279">
        <v>0</v>
      </c>
      <c r="DX22" s="280">
        <v>41</v>
      </c>
      <c r="DY22" s="280">
        <v>39</v>
      </c>
      <c r="DZ22" s="280">
        <v>23</v>
      </c>
      <c r="EA22" s="280">
        <v>15</v>
      </c>
      <c r="EB22" s="280">
        <v>4</v>
      </c>
      <c r="EC22" s="277">
        <v>122</v>
      </c>
      <c r="ED22" s="282">
        <v>151</v>
      </c>
      <c r="EE22" s="276">
        <v>1</v>
      </c>
      <c r="EF22" s="280">
        <v>3</v>
      </c>
      <c r="EG22" s="277">
        <v>4</v>
      </c>
      <c r="EH22" s="279">
        <v>0</v>
      </c>
      <c r="EI22" s="280">
        <v>3</v>
      </c>
      <c r="EJ22" s="280">
        <v>11</v>
      </c>
      <c r="EK22" s="280">
        <v>5</v>
      </c>
      <c r="EL22" s="280">
        <v>7</v>
      </c>
      <c r="EM22" s="280">
        <v>2</v>
      </c>
      <c r="EN22" s="277">
        <v>28</v>
      </c>
      <c r="EO22" s="282">
        <v>32</v>
      </c>
      <c r="EP22" s="276">
        <v>19</v>
      </c>
      <c r="EQ22" s="280">
        <v>26</v>
      </c>
      <c r="ER22" s="277">
        <v>45</v>
      </c>
      <c r="ES22" s="279">
        <v>0</v>
      </c>
      <c r="ET22" s="280">
        <v>79</v>
      </c>
      <c r="EU22" s="280">
        <v>61</v>
      </c>
      <c r="EV22" s="280">
        <v>30</v>
      </c>
      <c r="EW22" s="280">
        <v>25</v>
      </c>
      <c r="EX22" s="280">
        <v>5</v>
      </c>
      <c r="EY22" s="277">
        <v>200</v>
      </c>
      <c r="EZ22" s="282">
        <v>245</v>
      </c>
    </row>
    <row r="23" spans="2:156" ht="19.5" customHeight="1" x14ac:dyDescent="0.2">
      <c r="B23" s="261" t="s">
        <v>21</v>
      </c>
      <c r="C23" s="276">
        <v>0</v>
      </c>
      <c r="D23" s="280">
        <v>0</v>
      </c>
      <c r="E23" s="384">
        <v>0</v>
      </c>
      <c r="F23" s="279">
        <v>0</v>
      </c>
      <c r="G23" s="280">
        <v>15</v>
      </c>
      <c r="H23" s="280">
        <v>7</v>
      </c>
      <c r="I23" s="280">
        <v>7</v>
      </c>
      <c r="J23" s="280">
        <v>9</v>
      </c>
      <c r="K23" s="280">
        <v>6</v>
      </c>
      <c r="L23" s="281">
        <v>44</v>
      </c>
      <c r="M23" s="282">
        <v>44</v>
      </c>
      <c r="N23" s="276">
        <v>0</v>
      </c>
      <c r="O23" s="280">
        <v>0</v>
      </c>
      <c r="P23" s="277">
        <v>0</v>
      </c>
      <c r="Q23" s="279">
        <v>0</v>
      </c>
      <c r="R23" s="280">
        <v>0</v>
      </c>
      <c r="S23" s="280">
        <v>0</v>
      </c>
      <c r="T23" s="280">
        <v>1</v>
      </c>
      <c r="U23" s="280">
        <v>3</v>
      </c>
      <c r="V23" s="280">
        <v>4</v>
      </c>
      <c r="W23" s="277">
        <v>8</v>
      </c>
      <c r="X23" s="282">
        <v>8</v>
      </c>
      <c r="Y23" s="276">
        <v>4</v>
      </c>
      <c r="Z23" s="280">
        <v>2</v>
      </c>
      <c r="AA23" s="277">
        <v>6</v>
      </c>
      <c r="AB23" s="279">
        <v>0</v>
      </c>
      <c r="AC23" s="280">
        <v>15</v>
      </c>
      <c r="AD23" s="280">
        <v>16</v>
      </c>
      <c r="AE23" s="280">
        <v>9</v>
      </c>
      <c r="AF23" s="280">
        <v>10</v>
      </c>
      <c r="AG23" s="280">
        <v>6</v>
      </c>
      <c r="AH23" s="277">
        <v>56</v>
      </c>
      <c r="AI23" s="282">
        <v>62</v>
      </c>
      <c r="AJ23" s="276">
        <v>0</v>
      </c>
      <c r="AK23" s="280">
        <v>1</v>
      </c>
      <c r="AL23" s="277">
        <v>1</v>
      </c>
      <c r="AM23" s="279">
        <v>0</v>
      </c>
      <c r="AN23" s="280">
        <v>1</v>
      </c>
      <c r="AO23" s="280">
        <v>3</v>
      </c>
      <c r="AP23" s="280">
        <v>0</v>
      </c>
      <c r="AQ23" s="280">
        <v>1</v>
      </c>
      <c r="AR23" s="280">
        <v>0</v>
      </c>
      <c r="AS23" s="277">
        <v>5</v>
      </c>
      <c r="AT23" s="282">
        <v>6</v>
      </c>
      <c r="AU23" s="276">
        <v>5</v>
      </c>
      <c r="AV23" s="280">
        <v>4</v>
      </c>
      <c r="AW23" s="277">
        <v>9</v>
      </c>
      <c r="AX23" s="279">
        <v>0</v>
      </c>
      <c r="AY23" s="280">
        <v>11</v>
      </c>
      <c r="AZ23" s="280">
        <v>16</v>
      </c>
      <c r="BA23" s="280">
        <v>16</v>
      </c>
      <c r="BB23" s="280">
        <v>21</v>
      </c>
      <c r="BC23" s="280">
        <v>12</v>
      </c>
      <c r="BD23" s="281">
        <v>76</v>
      </c>
      <c r="BE23" s="282">
        <v>85</v>
      </c>
      <c r="BF23" s="276">
        <v>0</v>
      </c>
      <c r="BG23" s="280">
        <v>0</v>
      </c>
      <c r="BH23" s="277">
        <v>0</v>
      </c>
      <c r="BI23" s="279">
        <v>0</v>
      </c>
      <c r="BJ23" s="280">
        <v>14</v>
      </c>
      <c r="BK23" s="280">
        <v>21</v>
      </c>
      <c r="BL23" s="280">
        <v>9</v>
      </c>
      <c r="BM23" s="280">
        <v>5</v>
      </c>
      <c r="BN23" s="280">
        <v>3</v>
      </c>
      <c r="BO23" s="277">
        <v>52</v>
      </c>
      <c r="BP23" s="282">
        <v>52</v>
      </c>
      <c r="BQ23" s="276">
        <v>2</v>
      </c>
      <c r="BR23" s="280">
        <v>0</v>
      </c>
      <c r="BS23" s="277">
        <v>2</v>
      </c>
      <c r="BT23" s="279">
        <v>0</v>
      </c>
      <c r="BU23" s="280">
        <v>6</v>
      </c>
      <c r="BV23" s="280">
        <v>8</v>
      </c>
      <c r="BW23" s="280">
        <v>1</v>
      </c>
      <c r="BX23" s="280">
        <v>2</v>
      </c>
      <c r="BY23" s="280">
        <v>0</v>
      </c>
      <c r="BZ23" s="277">
        <v>17</v>
      </c>
      <c r="CA23" s="282">
        <v>19</v>
      </c>
      <c r="CB23" s="276">
        <v>0</v>
      </c>
      <c r="CC23" s="280">
        <v>0</v>
      </c>
      <c r="CD23" s="277">
        <v>0</v>
      </c>
      <c r="CE23" s="279">
        <v>0</v>
      </c>
      <c r="CF23" s="280">
        <v>1</v>
      </c>
      <c r="CG23" s="280">
        <v>2</v>
      </c>
      <c r="CH23" s="280">
        <v>7</v>
      </c>
      <c r="CI23" s="280">
        <v>6</v>
      </c>
      <c r="CJ23" s="280">
        <v>3</v>
      </c>
      <c r="CK23" s="277">
        <v>19</v>
      </c>
      <c r="CL23" s="282">
        <v>19</v>
      </c>
      <c r="CM23" s="276">
        <v>0</v>
      </c>
      <c r="CN23" s="280">
        <v>0</v>
      </c>
      <c r="CO23" s="277">
        <v>0</v>
      </c>
      <c r="CP23" s="279">
        <v>0</v>
      </c>
      <c r="CQ23" s="280">
        <v>0</v>
      </c>
      <c r="CR23" s="280">
        <v>0</v>
      </c>
      <c r="CS23" s="280">
        <v>0</v>
      </c>
      <c r="CT23" s="280">
        <v>1</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3</v>
      </c>
      <c r="DU23" s="280">
        <v>15</v>
      </c>
      <c r="DV23" s="277">
        <v>18</v>
      </c>
      <c r="DW23" s="279">
        <v>0</v>
      </c>
      <c r="DX23" s="280">
        <v>18</v>
      </c>
      <c r="DY23" s="280">
        <v>34</v>
      </c>
      <c r="DZ23" s="280">
        <v>27</v>
      </c>
      <c r="EA23" s="280">
        <v>20</v>
      </c>
      <c r="EB23" s="280">
        <v>7</v>
      </c>
      <c r="EC23" s="277">
        <v>106</v>
      </c>
      <c r="ED23" s="282">
        <v>124</v>
      </c>
      <c r="EE23" s="276">
        <v>1</v>
      </c>
      <c r="EF23" s="280">
        <v>1</v>
      </c>
      <c r="EG23" s="277">
        <v>2</v>
      </c>
      <c r="EH23" s="279">
        <v>0</v>
      </c>
      <c r="EI23" s="280">
        <v>7</v>
      </c>
      <c r="EJ23" s="280">
        <v>3</v>
      </c>
      <c r="EK23" s="280">
        <v>7</v>
      </c>
      <c r="EL23" s="280">
        <v>4</v>
      </c>
      <c r="EM23" s="280">
        <v>3</v>
      </c>
      <c r="EN23" s="277">
        <v>24</v>
      </c>
      <c r="EO23" s="282">
        <v>26</v>
      </c>
      <c r="EP23" s="276">
        <v>9</v>
      </c>
      <c r="EQ23" s="280">
        <v>15</v>
      </c>
      <c r="ER23" s="277">
        <v>24</v>
      </c>
      <c r="ES23" s="279">
        <v>0</v>
      </c>
      <c r="ET23" s="280">
        <v>47</v>
      </c>
      <c r="EU23" s="280">
        <v>48</v>
      </c>
      <c r="EV23" s="280">
        <v>31</v>
      </c>
      <c r="EW23" s="280">
        <v>24</v>
      </c>
      <c r="EX23" s="280">
        <v>10</v>
      </c>
      <c r="EY23" s="277">
        <v>160</v>
      </c>
      <c r="EZ23" s="282">
        <v>184</v>
      </c>
    </row>
    <row r="24" spans="2:156" ht="19.5" customHeight="1" x14ac:dyDescent="0.2">
      <c r="B24" s="261" t="s">
        <v>22</v>
      </c>
      <c r="C24" s="276">
        <v>0</v>
      </c>
      <c r="D24" s="280">
        <v>0</v>
      </c>
      <c r="E24" s="384">
        <v>0</v>
      </c>
      <c r="F24" s="279">
        <v>0</v>
      </c>
      <c r="G24" s="280">
        <v>6</v>
      </c>
      <c r="H24" s="280">
        <v>8</v>
      </c>
      <c r="I24" s="280">
        <v>1</v>
      </c>
      <c r="J24" s="280">
        <v>4</v>
      </c>
      <c r="K24" s="280">
        <v>2</v>
      </c>
      <c r="L24" s="281">
        <v>21</v>
      </c>
      <c r="M24" s="282">
        <v>21</v>
      </c>
      <c r="N24" s="276">
        <v>0</v>
      </c>
      <c r="O24" s="280">
        <v>0</v>
      </c>
      <c r="P24" s="277">
        <v>0</v>
      </c>
      <c r="Q24" s="279">
        <v>0</v>
      </c>
      <c r="R24" s="280">
        <v>0</v>
      </c>
      <c r="S24" s="280">
        <v>0</v>
      </c>
      <c r="T24" s="280">
        <v>0</v>
      </c>
      <c r="U24" s="280">
        <v>1</v>
      </c>
      <c r="V24" s="280">
        <v>0</v>
      </c>
      <c r="W24" s="277">
        <v>1</v>
      </c>
      <c r="X24" s="282">
        <v>1</v>
      </c>
      <c r="Y24" s="276">
        <v>0</v>
      </c>
      <c r="Z24" s="280">
        <v>1</v>
      </c>
      <c r="AA24" s="277">
        <v>1</v>
      </c>
      <c r="AB24" s="279">
        <v>0</v>
      </c>
      <c r="AC24" s="280">
        <v>4</v>
      </c>
      <c r="AD24" s="280">
        <v>2</v>
      </c>
      <c r="AE24" s="280">
        <v>2</v>
      </c>
      <c r="AF24" s="280">
        <v>2</v>
      </c>
      <c r="AG24" s="280">
        <v>0</v>
      </c>
      <c r="AH24" s="277">
        <v>10</v>
      </c>
      <c r="AI24" s="282">
        <v>11</v>
      </c>
      <c r="AJ24" s="276">
        <v>0</v>
      </c>
      <c r="AK24" s="280">
        <v>0</v>
      </c>
      <c r="AL24" s="277">
        <v>0</v>
      </c>
      <c r="AM24" s="279">
        <v>0</v>
      </c>
      <c r="AN24" s="280">
        <v>1</v>
      </c>
      <c r="AO24" s="280">
        <v>1</v>
      </c>
      <c r="AP24" s="280">
        <v>0</v>
      </c>
      <c r="AQ24" s="280">
        <v>0</v>
      </c>
      <c r="AR24" s="280">
        <v>0</v>
      </c>
      <c r="AS24" s="277">
        <v>2</v>
      </c>
      <c r="AT24" s="282">
        <v>2</v>
      </c>
      <c r="AU24" s="276">
        <v>0</v>
      </c>
      <c r="AV24" s="280">
        <v>0</v>
      </c>
      <c r="AW24" s="277">
        <v>0</v>
      </c>
      <c r="AX24" s="279">
        <v>0</v>
      </c>
      <c r="AY24" s="280">
        <v>3</v>
      </c>
      <c r="AZ24" s="280">
        <v>6</v>
      </c>
      <c r="BA24" s="280">
        <v>4</v>
      </c>
      <c r="BB24" s="280">
        <v>3</v>
      </c>
      <c r="BC24" s="280">
        <v>2</v>
      </c>
      <c r="BD24" s="281">
        <v>18</v>
      </c>
      <c r="BE24" s="282">
        <v>18</v>
      </c>
      <c r="BF24" s="276">
        <v>0</v>
      </c>
      <c r="BG24" s="280">
        <v>0</v>
      </c>
      <c r="BH24" s="277">
        <v>0</v>
      </c>
      <c r="BI24" s="279">
        <v>0</v>
      </c>
      <c r="BJ24" s="280">
        <v>6</v>
      </c>
      <c r="BK24" s="280">
        <v>12</v>
      </c>
      <c r="BL24" s="280">
        <v>6</v>
      </c>
      <c r="BM24" s="280">
        <v>1</v>
      </c>
      <c r="BN24" s="280">
        <v>3</v>
      </c>
      <c r="BO24" s="277">
        <v>28</v>
      </c>
      <c r="BP24" s="282">
        <v>28</v>
      </c>
      <c r="BQ24" s="276">
        <v>0</v>
      </c>
      <c r="BR24" s="280">
        <v>0</v>
      </c>
      <c r="BS24" s="277">
        <v>0</v>
      </c>
      <c r="BT24" s="279">
        <v>0</v>
      </c>
      <c r="BU24" s="280">
        <v>2</v>
      </c>
      <c r="BV24" s="280">
        <v>1</v>
      </c>
      <c r="BW24" s="280">
        <v>2</v>
      </c>
      <c r="BX24" s="280">
        <v>1</v>
      </c>
      <c r="BY24" s="280">
        <v>1</v>
      </c>
      <c r="BZ24" s="277">
        <v>7</v>
      </c>
      <c r="CA24" s="282">
        <v>7</v>
      </c>
      <c r="CB24" s="276">
        <v>0</v>
      </c>
      <c r="CC24" s="280">
        <v>0</v>
      </c>
      <c r="CD24" s="277">
        <v>0</v>
      </c>
      <c r="CE24" s="279">
        <v>0</v>
      </c>
      <c r="CF24" s="280">
        <v>0</v>
      </c>
      <c r="CG24" s="280">
        <v>1</v>
      </c>
      <c r="CH24" s="280">
        <v>4</v>
      </c>
      <c r="CI24" s="280">
        <v>2</v>
      </c>
      <c r="CJ24" s="280">
        <v>0</v>
      </c>
      <c r="CK24" s="277">
        <v>7</v>
      </c>
      <c r="CL24" s="282">
        <v>7</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2</v>
      </c>
      <c r="DU24" s="280">
        <v>8</v>
      </c>
      <c r="DV24" s="277">
        <v>10</v>
      </c>
      <c r="DW24" s="279">
        <v>0</v>
      </c>
      <c r="DX24" s="280">
        <v>14</v>
      </c>
      <c r="DY24" s="280">
        <v>17</v>
      </c>
      <c r="DZ24" s="280">
        <v>9</v>
      </c>
      <c r="EA24" s="280">
        <v>8</v>
      </c>
      <c r="EB24" s="280">
        <v>5</v>
      </c>
      <c r="EC24" s="277">
        <v>53</v>
      </c>
      <c r="ED24" s="282">
        <v>63</v>
      </c>
      <c r="EE24" s="276">
        <v>0</v>
      </c>
      <c r="EF24" s="280">
        <v>0</v>
      </c>
      <c r="EG24" s="277">
        <v>0</v>
      </c>
      <c r="EH24" s="279">
        <v>0</v>
      </c>
      <c r="EI24" s="280">
        <v>1</v>
      </c>
      <c r="EJ24" s="280">
        <v>2</v>
      </c>
      <c r="EK24" s="280">
        <v>1</v>
      </c>
      <c r="EL24" s="280">
        <v>2</v>
      </c>
      <c r="EM24" s="280">
        <v>0</v>
      </c>
      <c r="EN24" s="277">
        <v>6</v>
      </c>
      <c r="EO24" s="282">
        <v>6</v>
      </c>
      <c r="EP24" s="276">
        <v>2</v>
      </c>
      <c r="EQ24" s="280">
        <v>9</v>
      </c>
      <c r="ER24" s="277">
        <v>11</v>
      </c>
      <c r="ES24" s="279">
        <v>0</v>
      </c>
      <c r="ET24" s="280">
        <v>27</v>
      </c>
      <c r="EU24" s="280">
        <v>28</v>
      </c>
      <c r="EV24" s="280">
        <v>12</v>
      </c>
      <c r="EW24" s="280">
        <v>8</v>
      </c>
      <c r="EX24" s="280">
        <v>6</v>
      </c>
      <c r="EY24" s="277">
        <v>81</v>
      </c>
      <c r="EZ24" s="282">
        <v>92</v>
      </c>
    </row>
    <row r="25" spans="2:156" ht="19.5" customHeight="1" x14ac:dyDescent="0.2">
      <c r="B25" s="261" t="s">
        <v>23</v>
      </c>
      <c r="C25" s="276">
        <v>0</v>
      </c>
      <c r="D25" s="280">
        <v>0</v>
      </c>
      <c r="E25" s="384">
        <v>0</v>
      </c>
      <c r="F25" s="279">
        <v>0</v>
      </c>
      <c r="G25" s="280">
        <v>3</v>
      </c>
      <c r="H25" s="280">
        <v>10</v>
      </c>
      <c r="I25" s="280">
        <v>5</v>
      </c>
      <c r="J25" s="280">
        <v>2</v>
      </c>
      <c r="K25" s="280">
        <v>1</v>
      </c>
      <c r="L25" s="281">
        <v>21</v>
      </c>
      <c r="M25" s="282">
        <v>21</v>
      </c>
      <c r="N25" s="276">
        <v>0</v>
      </c>
      <c r="O25" s="280">
        <v>0</v>
      </c>
      <c r="P25" s="277">
        <v>0</v>
      </c>
      <c r="Q25" s="279">
        <v>0</v>
      </c>
      <c r="R25" s="280">
        <v>0</v>
      </c>
      <c r="S25" s="280">
        <v>1</v>
      </c>
      <c r="T25" s="280">
        <v>0</v>
      </c>
      <c r="U25" s="280">
        <v>0</v>
      </c>
      <c r="V25" s="280">
        <v>0</v>
      </c>
      <c r="W25" s="277">
        <v>1</v>
      </c>
      <c r="X25" s="282">
        <v>1</v>
      </c>
      <c r="Y25" s="276">
        <v>3</v>
      </c>
      <c r="Z25" s="280">
        <v>4</v>
      </c>
      <c r="AA25" s="277">
        <v>7</v>
      </c>
      <c r="AB25" s="279">
        <v>0</v>
      </c>
      <c r="AC25" s="280">
        <v>4</v>
      </c>
      <c r="AD25" s="280">
        <v>13</v>
      </c>
      <c r="AE25" s="280">
        <v>6</v>
      </c>
      <c r="AF25" s="280">
        <v>1</v>
      </c>
      <c r="AG25" s="280">
        <v>3</v>
      </c>
      <c r="AH25" s="277">
        <v>27</v>
      </c>
      <c r="AI25" s="282">
        <v>34</v>
      </c>
      <c r="AJ25" s="276">
        <v>0</v>
      </c>
      <c r="AK25" s="280">
        <v>0</v>
      </c>
      <c r="AL25" s="277">
        <v>0</v>
      </c>
      <c r="AM25" s="279">
        <v>0</v>
      </c>
      <c r="AN25" s="280">
        <v>1</v>
      </c>
      <c r="AO25" s="280">
        <v>1</v>
      </c>
      <c r="AP25" s="280">
        <v>0</v>
      </c>
      <c r="AQ25" s="280">
        <v>0</v>
      </c>
      <c r="AR25" s="280">
        <v>0</v>
      </c>
      <c r="AS25" s="277">
        <v>2</v>
      </c>
      <c r="AT25" s="282">
        <v>2</v>
      </c>
      <c r="AU25" s="276">
        <v>4</v>
      </c>
      <c r="AV25" s="280">
        <v>1</v>
      </c>
      <c r="AW25" s="277">
        <v>5</v>
      </c>
      <c r="AX25" s="279">
        <v>0</v>
      </c>
      <c r="AY25" s="280">
        <v>12</v>
      </c>
      <c r="AZ25" s="280">
        <v>9</v>
      </c>
      <c r="BA25" s="280">
        <v>7</v>
      </c>
      <c r="BB25" s="280">
        <v>7</v>
      </c>
      <c r="BC25" s="280">
        <v>5</v>
      </c>
      <c r="BD25" s="281">
        <v>40</v>
      </c>
      <c r="BE25" s="282">
        <v>45</v>
      </c>
      <c r="BF25" s="276">
        <v>0</v>
      </c>
      <c r="BG25" s="280">
        <v>0</v>
      </c>
      <c r="BH25" s="277">
        <v>0</v>
      </c>
      <c r="BI25" s="279">
        <v>0</v>
      </c>
      <c r="BJ25" s="280">
        <v>15</v>
      </c>
      <c r="BK25" s="280">
        <v>17</v>
      </c>
      <c r="BL25" s="280">
        <v>13</v>
      </c>
      <c r="BM25" s="280">
        <v>4</v>
      </c>
      <c r="BN25" s="280">
        <v>0</v>
      </c>
      <c r="BO25" s="277">
        <v>49</v>
      </c>
      <c r="BP25" s="282">
        <v>49</v>
      </c>
      <c r="BQ25" s="276">
        <v>0</v>
      </c>
      <c r="BR25" s="280">
        <v>0</v>
      </c>
      <c r="BS25" s="277">
        <v>0</v>
      </c>
      <c r="BT25" s="279">
        <v>0</v>
      </c>
      <c r="BU25" s="280">
        <v>4</v>
      </c>
      <c r="BV25" s="280">
        <v>3</v>
      </c>
      <c r="BW25" s="280">
        <v>3</v>
      </c>
      <c r="BX25" s="280">
        <v>1</v>
      </c>
      <c r="BY25" s="280">
        <v>2</v>
      </c>
      <c r="BZ25" s="277">
        <v>13</v>
      </c>
      <c r="CA25" s="282">
        <v>13</v>
      </c>
      <c r="CB25" s="276">
        <v>0</v>
      </c>
      <c r="CC25" s="280">
        <v>0</v>
      </c>
      <c r="CD25" s="277">
        <v>0</v>
      </c>
      <c r="CE25" s="279">
        <v>0</v>
      </c>
      <c r="CF25" s="280">
        <v>1</v>
      </c>
      <c r="CG25" s="280">
        <v>1</v>
      </c>
      <c r="CH25" s="280">
        <v>7</v>
      </c>
      <c r="CI25" s="280">
        <v>3</v>
      </c>
      <c r="CJ25" s="280">
        <v>0</v>
      </c>
      <c r="CK25" s="277">
        <v>12</v>
      </c>
      <c r="CL25" s="282">
        <v>12</v>
      </c>
      <c r="CM25" s="276">
        <v>0</v>
      </c>
      <c r="CN25" s="280">
        <v>0</v>
      </c>
      <c r="CO25" s="277">
        <v>0</v>
      </c>
      <c r="CP25" s="279">
        <v>0</v>
      </c>
      <c r="CQ25" s="280">
        <v>1</v>
      </c>
      <c r="CR25" s="280">
        <v>0</v>
      </c>
      <c r="CS25" s="280">
        <v>0</v>
      </c>
      <c r="CT25" s="280">
        <v>0</v>
      </c>
      <c r="CU25" s="280">
        <v>1</v>
      </c>
      <c r="CV25" s="277">
        <v>2</v>
      </c>
      <c r="CW25" s="282">
        <v>2</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2</v>
      </c>
      <c r="DU25" s="280">
        <v>7</v>
      </c>
      <c r="DV25" s="277">
        <v>9</v>
      </c>
      <c r="DW25" s="279">
        <v>0</v>
      </c>
      <c r="DX25" s="280">
        <v>7</v>
      </c>
      <c r="DY25" s="280">
        <v>24</v>
      </c>
      <c r="DZ25" s="280">
        <v>13</v>
      </c>
      <c r="EA25" s="280">
        <v>4</v>
      </c>
      <c r="EB25" s="280">
        <v>2</v>
      </c>
      <c r="EC25" s="277">
        <v>50</v>
      </c>
      <c r="ED25" s="282">
        <v>59</v>
      </c>
      <c r="EE25" s="276">
        <v>2</v>
      </c>
      <c r="EF25" s="280">
        <v>1</v>
      </c>
      <c r="EG25" s="277">
        <v>3</v>
      </c>
      <c r="EH25" s="279">
        <v>0</v>
      </c>
      <c r="EI25" s="280">
        <v>7</v>
      </c>
      <c r="EJ25" s="280">
        <v>2</v>
      </c>
      <c r="EK25" s="280">
        <v>2</v>
      </c>
      <c r="EL25" s="280">
        <v>2</v>
      </c>
      <c r="EM25" s="280">
        <v>2</v>
      </c>
      <c r="EN25" s="277">
        <v>15</v>
      </c>
      <c r="EO25" s="282">
        <v>18</v>
      </c>
      <c r="EP25" s="276">
        <v>6</v>
      </c>
      <c r="EQ25" s="280">
        <v>9</v>
      </c>
      <c r="ER25" s="277">
        <v>15</v>
      </c>
      <c r="ES25" s="279">
        <v>0</v>
      </c>
      <c r="ET25" s="280">
        <v>26</v>
      </c>
      <c r="EU25" s="280">
        <v>32</v>
      </c>
      <c r="EV25" s="280">
        <v>17</v>
      </c>
      <c r="EW25" s="280">
        <v>8</v>
      </c>
      <c r="EX25" s="280">
        <v>4</v>
      </c>
      <c r="EY25" s="277">
        <v>87</v>
      </c>
      <c r="EZ25" s="282">
        <v>102</v>
      </c>
    </row>
    <row r="26" spans="2:156" ht="19.5" customHeight="1" x14ac:dyDescent="0.2">
      <c r="B26" s="261" t="s">
        <v>24</v>
      </c>
      <c r="C26" s="276">
        <v>0</v>
      </c>
      <c r="D26" s="280">
        <v>0</v>
      </c>
      <c r="E26" s="384">
        <v>0</v>
      </c>
      <c r="F26" s="279">
        <v>0</v>
      </c>
      <c r="G26" s="280">
        <v>10</v>
      </c>
      <c r="H26" s="280">
        <v>6</v>
      </c>
      <c r="I26" s="280">
        <v>4</v>
      </c>
      <c r="J26" s="280">
        <v>1</v>
      </c>
      <c r="K26" s="280">
        <v>2</v>
      </c>
      <c r="L26" s="281">
        <v>23</v>
      </c>
      <c r="M26" s="282">
        <v>23</v>
      </c>
      <c r="N26" s="276">
        <v>0</v>
      </c>
      <c r="O26" s="280">
        <v>0</v>
      </c>
      <c r="P26" s="277">
        <v>0</v>
      </c>
      <c r="Q26" s="279">
        <v>0</v>
      </c>
      <c r="R26" s="280">
        <v>0</v>
      </c>
      <c r="S26" s="280">
        <v>0</v>
      </c>
      <c r="T26" s="280">
        <v>0</v>
      </c>
      <c r="U26" s="280">
        <v>2</v>
      </c>
      <c r="V26" s="280">
        <v>2</v>
      </c>
      <c r="W26" s="277">
        <v>4</v>
      </c>
      <c r="X26" s="282">
        <v>4</v>
      </c>
      <c r="Y26" s="276">
        <v>2</v>
      </c>
      <c r="Z26" s="280">
        <v>1</v>
      </c>
      <c r="AA26" s="277">
        <v>3</v>
      </c>
      <c r="AB26" s="279">
        <v>0</v>
      </c>
      <c r="AC26" s="280">
        <v>11</v>
      </c>
      <c r="AD26" s="280">
        <v>5</v>
      </c>
      <c r="AE26" s="280">
        <v>6</v>
      </c>
      <c r="AF26" s="280">
        <v>2</v>
      </c>
      <c r="AG26" s="280">
        <v>2</v>
      </c>
      <c r="AH26" s="277">
        <v>26</v>
      </c>
      <c r="AI26" s="282">
        <v>29</v>
      </c>
      <c r="AJ26" s="276">
        <v>0</v>
      </c>
      <c r="AK26" s="280">
        <v>0</v>
      </c>
      <c r="AL26" s="277">
        <v>0</v>
      </c>
      <c r="AM26" s="279">
        <v>0</v>
      </c>
      <c r="AN26" s="280">
        <v>2</v>
      </c>
      <c r="AO26" s="280">
        <v>2</v>
      </c>
      <c r="AP26" s="280">
        <v>0</v>
      </c>
      <c r="AQ26" s="280">
        <v>1</v>
      </c>
      <c r="AR26" s="280">
        <v>0</v>
      </c>
      <c r="AS26" s="277">
        <v>5</v>
      </c>
      <c r="AT26" s="282">
        <v>5</v>
      </c>
      <c r="AU26" s="276">
        <v>3</v>
      </c>
      <c r="AV26" s="280">
        <v>2</v>
      </c>
      <c r="AW26" s="277">
        <v>5</v>
      </c>
      <c r="AX26" s="279">
        <v>0</v>
      </c>
      <c r="AY26" s="280">
        <v>12</v>
      </c>
      <c r="AZ26" s="280">
        <v>7</v>
      </c>
      <c r="BA26" s="280">
        <v>11</v>
      </c>
      <c r="BB26" s="280">
        <v>5</v>
      </c>
      <c r="BC26" s="280">
        <v>6</v>
      </c>
      <c r="BD26" s="281">
        <v>41</v>
      </c>
      <c r="BE26" s="282">
        <v>46</v>
      </c>
      <c r="BF26" s="276">
        <v>0</v>
      </c>
      <c r="BG26" s="280">
        <v>0</v>
      </c>
      <c r="BH26" s="277">
        <v>0</v>
      </c>
      <c r="BI26" s="279">
        <v>0</v>
      </c>
      <c r="BJ26" s="280">
        <v>13</v>
      </c>
      <c r="BK26" s="280">
        <v>7</v>
      </c>
      <c r="BL26" s="280">
        <v>5</v>
      </c>
      <c r="BM26" s="280">
        <v>1</v>
      </c>
      <c r="BN26" s="280">
        <v>0</v>
      </c>
      <c r="BO26" s="277">
        <v>26</v>
      </c>
      <c r="BP26" s="282">
        <v>26</v>
      </c>
      <c r="BQ26" s="276">
        <v>3</v>
      </c>
      <c r="BR26" s="280">
        <v>2</v>
      </c>
      <c r="BS26" s="277">
        <v>5</v>
      </c>
      <c r="BT26" s="279">
        <v>0</v>
      </c>
      <c r="BU26" s="280">
        <v>1</v>
      </c>
      <c r="BV26" s="280">
        <v>5</v>
      </c>
      <c r="BW26" s="280">
        <v>2</v>
      </c>
      <c r="BX26" s="280">
        <v>1</v>
      </c>
      <c r="BY26" s="280">
        <v>0</v>
      </c>
      <c r="BZ26" s="277">
        <v>9</v>
      </c>
      <c r="CA26" s="282">
        <v>14</v>
      </c>
      <c r="CB26" s="276">
        <v>0</v>
      </c>
      <c r="CC26" s="280">
        <v>0</v>
      </c>
      <c r="CD26" s="277">
        <v>0</v>
      </c>
      <c r="CE26" s="279">
        <v>0</v>
      </c>
      <c r="CF26" s="280">
        <v>3</v>
      </c>
      <c r="CG26" s="280">
        <v>0</v>
      </c>
      <c r="CH26" s="280">
        <v>1</v>
      </c>
      <c r="CI26" s="280">
        <v>0</v>
      </c>
      <c r="CJ26" s="280">
        <v>1</v>
      </c>
      <c r="CK26" s="277">
        <v>5</v>
      </c>
      <c r="CL26" s="282">
        <v>5</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2</v>
      </c>
      <c r="DU26" s="280">
        <v>2</v>
      </c>
      <c r="DV26" s="277">
        <v>14</v>
      </c>
      <c r="DW26" s="279">
        <v>0</v>
      </c>
      <c r="DX26" s="280">
        <v>17</v>
      </c>
      <c r="DY26" s="280">
        <v>18</v>
      </c>
      <c r="DZ26" s="280">
        <v>13</v>
      </c>
      <c r="EA26" s="280">
        <v>6</v>
      </c>
      <c r="EB26" s="280">
        <v>3</v>
      </c>
      <c r="EC26" s="277">
        <v>57</v>
      </c>
      <c r="ED26" s="282">
        <v>71</v>
      </c>
      <c r="EE26" s="276">
        <v>3</v>
      </c>
      <c r="EF26" s="280">
        <v>1</v>
      </c>
      <c r="EG26" s="277">
        <v>4</v>
      </c>
      <c r="EH26" s="279">
        <v>0</v>
      </c>
      <c r="EI26" s="280">
        <v>5</v>
      </c>
      <c r="EJ26" s="280">
        <v>3</v>
      </c>
      <c r="EK26" s="280">
        <v>3</v>
      </c>
      <c r="EL26" s="280">
        <v>1</v>
      </c>
      <c r="EM26" s="280">
        <v>1</v>
      </c>
      <c r="EN26" s="277">
        <v>13</v>
      </c>
      <c r="EO26" s="282">
        <v>17</v>
      </c>
      <c r="EP26" s="276">
        <v>14</v>
      </c>
      <c r="EQ26" s="280">
        <v>3</v>
      </c>
      <c r="ER26" s="277">
        <v>17</v>
      </c>
      <c r="ES26" s="279">
        <v>0</v>
      </c>
      <c r="ET26" s="280">
        <v>35</v>
      </c>
      <c r="EU26" s="280">
        <v>22</v>
      </c>
      <c r="EV26" s="280">
        <v>17</v>
      </c>
      <c r="EW26" s="280">
        <v>7</v>
      </c>
      <c r="EX26" s="280">
        <v>4</v>
      </c>
      <c r="EY26" s="277">
        <v>85</v>
      </c>
      <c r="EZ26" s="282">
        <v>102</v>
      </c>
    </row>
    <row r="27" spans="2:156" ht="19.5" customHeight="1" x14ac:dyDescent="0.2">
      <c r="B27" s="261" t="s">
        <v>25</v>
      </c>
      <c r="C27" s="276">
        <v>0</v>
      </c>
      <c r="D27" s="280">
        <v>0</v>
      </c>
      <c r="E27" s="384">
        <v>0</v>
      </c>
      <c r="F27" s="279">
        <v>0</v>
      </c>
      <c r="G27" s="280">
        <v>4</v>
      </c>
      <c r="H27" s="280">
        <v>2</v>
      </c>
      <c r="I27" s="280">
        <v>2</v>
      </c>
      <c r="J27" s="280">
        <v>0</v>
      </c>
      <c r="K27" s="280">
        <v>0</v>
      </c>
      <c r="L27" s="281">
        <v>8</v>
      </c>
      <c r="M27" s="282">
        <v>8</v>
      </c>
      <c r="N27" s="276">
        <v>0</v>
      </c>
      <c r="O27" s="280">
        <v>0</v>
      </c>
      <c r="P27" s="277">
        <v>0</v>
      </c>
      <c r="Q27" s="279">
        <v>0</v>
      </c>
      <c r="R27" s="280">
        <v>0</v>
      </c>
      <c r="S27" s="280">
        <v>0</v>
      </c>
      <c r="T27" s="280">
        <v>2</v>
      </c>
      <c r="U27" s="280">
        <v>0</v>
      </c>
      <c r="V27" s="280">
        <v>1</v>
      </c>
      <c r="W27" s="277">
        <v>3</v>
      </c>
      <c r="X27" s="282">
        <v>3</v>
      </c>
      <c r="Y27" s="276">
        <v>1</v>
      </c>
      <c r="Z27" s="280">
        <v>0</v>
      </c>
      <c r="AA27" s="277">
        <v>1</v>
      </c>
      <c r="AB27" s="279">
        <v>0</v>
      </c>
      <c r="AC27" s="280">
        <v>2</v>
      </c>
      <c r="AD27" s="280">
        <v>2</v>
      </c>
      <c r="AE27" s="280">
        <v>4</v>
      </c>
      <c r="AF27" s="280">
        <v>3</v>
      </c>
      <c r="AG27" s="280">
        <v>1</v>
      </c>
      <c r="AH27" s="277">
        <v>12</v>
      </c>
      <c r="AI27" s="282">
        <v>13</v>
      </c>
      <c r="AJ27" s="276">
        <v>0</v>
      </c>
      <c r="AK27" s="280">
        <v>1</v>
      </c>
      <c r="AL27" s="277">
        <v>1</v>
      </c>
      <c r="AM27" s="279">
        <v>0</v>
      </c>
      <c r="AN27" s="280">
        <v>0</v>
      </c>
      <c r="AO27" s="280">
        <v>0</v>
      </c>
      <c r="AP27" s="280">
        <v>1</v>
      </c>
      <c r="AQ27" s="280">
        <v>0</v>
      </c>
      <c r="AR27" s="280">
        <v>1</v>
      </c>
      <c r="AS27" s="277">
        <v>2</v>
      </c>
      <c r="AT27" s="282">
        <v>3</v>
      </c>
      <c r="AU27" s="276">
        <v>0</v>
      </c>
      <c r="AV27" s="280">
        <v>1</v>
      </c>
      <c r="AW27" s="277">
        <v>1</v>
      </c>
      <c r="AX27" s="279">
        <v>0</v>
      </c>
      <c r="AY27" s="280">
        <v>7</v>
      </c>
      <c r="AZ27" s="280">
        <v>0</v>
      </c>
      <c r="BA27" s="280">
        <v>4</v>
      </c>
      <c r="BB27" s="280">
        <v>3</v>
      </c>
      <c r="BC27" s="280">
        <v>1</v>
      </c>
      <c r="BD27" s="281">
        <v>15</v>
      </c>
      <c r="BE27" s="282">
        <v>16</v>
      </c>
      <c r="BF27" s="276">
        <v>0</v>
      </c>
      <c r="BG27" s="280">
        <v>0</v>
      </c>
      <c r="BH27" s="277">
        <v>0</v>
      </c>
      <c r="BI27" s="279">
        <v>0</v>
      </c>
      <c r="BJ27" s="280">
        <v>8</v>
      </c>
      <c r="BK27" s="280">
        <v>2</v>
      </c>
      <c r="BL27" s="280">
        <v>3</v>
      </c>
      <c r="BM27" s="280">
        <v>2</v>
      </c>
      <c r="BN27" s="280">
        <v>0</v>
      </c>
      <c r="BO27" s="277">
        <v>15</v>
      </c>
      <c r="BP27" s="282">
        <v>15</v>
      </c>
      <c r="BQ27" s="276">
        <v>3</v>
      </c>
      <c r="BR27" s="280">
        <v>0</v>
      </c>
      <c r="BS27" s="277">
        <v>3</v>
      </c>
      <c r="BT27" s="279">
        <v>0</v>
      </c>
      <c r="BU27" s="280">
        <v>2</v>
      </c>
      <c r="BV27" s="280">
        <v>3</v>
      </c>
      <c r="BW27" s="280">
        <v>3</v>
      </c>
      <c r="BX27" s="280">
        <v>1</v>
      </c>
      <c r="BY27" s="280">
        <v>0</v>
      </c>
      <c r="BZ27" s="277">
        <v>9</v>
      </c>
      <c r="CA27" s="282">
        <v>12</v>
      </c>
      <c r="CB27" s="276">
        <v>0</v>
      </c>
      <c r="CC27" s="280">
        <v>0</v>
      </c>
      <c r="CD27" s="277">
        <v>0</v>
      </c>
      <c r="CE27" s="279">
        <v>0</v>
      </c>
      <c r="CF27" s="280">
        <v>2</v>
      </c>
      <c r="CG27" s="280">
        <v>0</v>
      </c>
      <c r="CH27" s="280">
        <v>1</v>
      </c>
      <c r="CI27" s="280">
        <v>2</v>
      </c>
      <c r="CJ27" s="280">
        <v>0</v>
      </c>
      <c r="CK27" s="277">
        <v>5</v>
      </c>
      <c r="CL27" s="282">
        <v>5</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2</v>
      </c>
      <c r="DU27" s="280">
        <v>4</v>
      </c>
      <c r="DV27" s="277">
        <v>6</v>
      </c>
      <c r="DW27" s="279">
        <v>0</v>
      </c>
      <c r="DX27" s="280">
        <v>10</v>
      </c>
      <c r="DY27" s="280">
        <v>3</v>
      </c>
      <c r="DZ27" s="280">
        <v>8</v>
      </c>
      <c r="EA27" s="280">
        <v>4</v>
      </c>
      <c r="EB27" s="280">
        <v>1</v>
      </c>
      <c r="EC27" s="277">
        <v>26</v>
      </c>
      <c r="ED27" s="282">
        <v>32</v>
      </c>
      <c r="EE27" s="276">
        <v>0</v>
      </c>
      <c r="EF27" s="280">
        <v>1</v>
      </c>
      <c r="EG27" s="277">
        <v>1</v>
      </c>
      <c r="EH27" s="279">
        <v>0</v>
      </c>
      <c r="EI27" s="280">
        <v>5</v>
      </c>
      <c r="EJ27" s="280">
        <v>0</v>
      </c>
      <c r="EK27" s="280">
        <v>1</v>
      </c>
      <c r="EL27" s="280">
        <v>3</v>
      </c>
      <c r="EM27" s="280">
        <v>0</v>
      </c>
      <c r="EN27" s="277">
        <v>9</v>
      </c>
      <c r="EO27" s="282">
        <v>10</v>
      </c>
      <c r="EP27" s="276">
        <v>5</v>
      </c>
      <c r="EQ27" s="280">
        <v>5</v>
      </c>
      <c r="ER27" s="277">
        <v>10</v>
      </c>
      <c r="ES27" s="279">
        <v>0</v>
      </c>
      <c r="ET27" s="280">
        <v>24</v>
      </c>
      <c r="EU27" s="280">
        <v>6</v>
      </c>
      <c r="EV27" s="280">
        <v>9</v>
      </c>
      <c r="EW27" s="280">
        <v>4</v>
      </c>
      <c r="EX27" s="280">
        <v>1</v>
      </c>
      <c r="EY27" s="277">
        <v>44</v>
      </c>
      <c r="EZ27" s="282">
        <v>54</v>
      </c>
    </row>
    <row r="28" spans="2:156" ht="19.5" customHeight="1" x14ac:dyDescent="0.2">
      <c r="B28" s="261" t="s">
        <v>26</v>
      </c>
      <c r="C28" s="276">
        <v>0</v>
      </c>
      <c r="D28" s="280">
        <v>0</v>
      </c>
      <c r="E28" s="384">
        <v>0</v>
      </c>
      <c r="F28" s="279">
        <v>0</v>
      </c>
      <c r="G28" s="280">
        <v>3</v>
      </c>
      <c r="H28" s="280">
        <v>8</v>
      </c>
      <c r="I28" s="280">
        <v>5</v>
      </c>
      <c r="J28" s="280">
        <v>0</v>
      </c>
      <c r="K28" s="280">
        <v>0</v>
      </c>
      <c r="L28" s="281">
        <v>16</v>
      </c>
      <c r="M28" s="282">
        <v>16</v>
      </c>
      <c r="N28" s="276">
        <v>0</v>
      </c>
      <c r="O28" s="280">
        <v>0</v>
      </c>
      <c r="P28" s="277">
        <v>0</v>
      </c>
      <c r="Q28" s="279">
        <v>0</v>
      </c>
      <c r="R28" s="280">
        <v>0</v>
      </c>
      <c r="S28" s="280">
        <v>0</v>
      </c>
      <c r="T28" s="280">
        <v>1</v>
      </c>
      <c r="U28" s="280">
        <v>0</v>
      </c>
      <c r="V28" s="280">
        <v>1</v>
      </c>
      <c r="W28" s="277">
        <v>2</v>
      </c>
      <c r="X28" s="282">
        <v>2</v>
      </c>
      <c r="Y28" s="276">
        <v>0</v>
      </c>
      <c r="Z28" s="280">
        <v>0</v>
      </c>
      <c r="AA28" s="277">
        <v>0</v>
      </c>
      <c r="AB28" s="279">
        <v>0</v>
      </c>
      <c r="AC28" s="280">
        <v>2</v>
      </c>
      <c r="AD28" s="280">
        <v>7</v>
      </c>
      <c r="AE28" s="280">
        <v>3</v>
      </c>
      <c r="AF28" s="280">
        <v>0</v>
      </c>
      <c r="AG28" s="280">
        <v>1</v>
      </c>
      <c r="AH28" s="277">
        <v>13</v>
      </c>
      <c r="AI28" s="282">
        <v>13</v>
      </c>
      <c r="AJ28" s="276">
        <v>0</v>
      </c>
      <c r="AK28" s="280">
        <v>0</v>
      </c>
      <c r="AL28" s="277">
        <v>0</v>
      </c>
      <c r="AM28" s="279">
        <v>0</v>
      </c>
      <c r="AN28" s="280">
        <v>0</v>
      </c>
      <c r="AO28" s="280">
        <v>0</v>
      </c>
      <c r="AP28" s="280">
        <v>0</v>
      </c>
      <c r="AQ28" s="280">
        <v>0</v>
      </c>
      <c r="AR28" s="280">
        <v>0</v>
      </c>
      <c r="AS28" s="277">
        <v>0</v>
      </c>
      <c r="AT28" s="282">
        <v>0</v>
      </c>
      <c r="AU28" s="276">
        <v>2</v>
      </c>
      <c r="AV28" s="280">
        <v>0</v>
      </c>
      <c r="AW28" s="277">
        <v>2</v>
      </c>
      <c r="AX28" s="279">
        <v>0</v>
      </c>
      <c r="AY28" s="280">
        <v>3</v>
      </c>
      <c r="AZ28" s="280">
        <v>8</v>
      </c>
      <c r="BA28" s="280">
        <v>7</v>
      </c>
      <c r="BB28" s="280">
        <v>2</v>
      </c>
      <c r="BC28" s="280">
        <v>2</v>
      </c>
      <c r="BD28" s="281">
        <v>22</v>
      </c>
      <c r="BE28" s="282">
        <v>24</v>
      </c>
      <c r="BF28" s="276">
        <v>0</v>
      </c>
      <c r="BG28" s="280">
        <v>0</v>
      </c>
      <c r="BH28" s="277">
        <v>0</v>
      </c>
      <c r="BI28" s="279">
        <v>0</v>
      </c>
      <c r="BJ28" s="280">
        <v>3</v>
      </c>
      <c r="BK28" s="280">
        <v>10</v>
      </c>
      <c r="BL28" s="280">
        <v>3</v>
      </c>
      <c r="BM28" s="280">
        <v>0</v>
      </c>
      <c r="BN28" s="280">
        <v>1</v>
      </c>
      <c r="BO28" s="277">
        <v>17</v>
      </c>
      <c r="BP28" s="282">
        <v>17</v>
      </c>
      <c r="BQ28" s="276">
        <v>1</v>
      </c>
      <c r="BR28" s="280">
        <v>0</v>
      </c>
      <c r="BS28" s="277">
        <v>1</v>
      </c>
      <c r="BT28" s="279">
        <v>0</v>
      </c>
      <c r="BU28" s="280">
        <v>1</v>
      </c>
      <c r="BV28" s="280">
        <v>3</v>
      </c>
      <c r="BW28" s="280">
        <v>1</v>
      </c>
      <c r="BX28" s="280">
        <v>0</v>
      </c>
      <c r="BY28" s="280">
        <v>0</v>
      </c>
      <c r="BZ28" s="277">
        <v>5</v>
      </c>
      <c r="CA28" s="282">
        <v>6</v>
      </c>
      <c r="CB28" s="276">
        <v>0</v>
      </c>
      <c r="CC28" s="280">
        <v>0</v>
      </c>
      <c r="CD28" s="277">
        <v>0</v>
      </c>
      <c r="CE28" s="279">
        <v>0</v>
      </c>
      <c r="CF28" s="280">
        <v>0</v>
      </c>
      <c r="CG28" s="280">
        <v>5</v>
      </c>
      <c r="CH28" s="280">
        <v>1</v>
      </c>
      <c r="CI28" s="280">
        <v>3</v>
      </c>
      <c r="CJ28" s="280">
        <v>0</v>
      </c>
      <c r="CK28" s="277">
        <v>9</v>
      </c>
      <c r="CL28" s="282">
        <v>9</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4</v>
      </c>
      <c r="DU28" s="280">
        <v>4</v>
      </c>
      <c r="DV28" s="277">
        <v>8</v>
      </c>
      <c r="DW28" s="279">
        <v>0</v>
      </c>
      <c r="DX28" s="280">
        <v>12</v>
      </c>
      <c r="DY28" s="280">
        <v>16</v>
      </c>
      <c r="DZ28" s="280">
        <v>11</v>
      </c>
      <c r="EA28" s="280">
        <v>4</v>
      </c>
      <c r="EB28" s="280">
        <v>1</v>
      </c>
      <c r="EC28" s="277">
        <v>44</v>
      </c>
      <c r="ED28" s="282">
        <v>52</v>
      </c>
      <c r="EE28" s="276">
        <v>0</v>
      </c>
      <c r="EF28" s="280">
        <v>0</v>
      </c>
      <c r="EG28" s="277">
        <v>0</v>
      </c>
      <c r="EH28" s="279">
        <v>0</v>
      </c>
      <c r="EI28" s="280">
        <v>3</v>
      </c>
      <c r="EJ28" s="280">
        <v>1</v>
      </c>
      <c r="EK28" s="280">
        <v>1</v>
      </c>
      <c r="EL28" s="280">
        <v>1</v>
      </c>
      <c r="EM28" s="280">
        <v>0</v>
      </c>
      <c r="EN28" s="277">
        <v>6</v>
      </c>
      <c r="EO28" s="282">
        <v>6</v>
      </c>
      <c r="EP28" s="276">
        <v>5</v>
      </c>
      <c r="EQ28" s="280">
        <v>4</v>
      </c>
      <c r="ER28" s="277">
        <v>9</v>
      </c>
      <c r="ES28" s="279">
        <v>0</v>
      </c>
      <c r="ET28" s="280">
        <v>15</v>
      </c>
      <c r="EU28" s="280">
        <v>23</v>
      </c>
      <c r="EV28" s="280">
        <v>10</v>
      </c>
      <c r="EW28" s="280">
        <v>4</v>
      </c>
      <c r="EX28" s="280">
        <v>2</v>
      </c>
      <c r="EY28" s="277">
        <v>54</v>
      </c>
      <c r="EZ28" s="282">
        <v>63</v>
      </c>
    </row>
    <row r="29" spans="2:156" ht="19.5" customHeight="1" x14ac:dyDescent="0.2">
      <c r="B29" s="261" t="s">
        <v>27</v>
      </c>
      <c r="C29" s="276">
        <v>0</v>
      </c>
      <c r="D29" s="280">
        <v>0</v>
      </c>
      <c r="E29" s="384">
        <v>0</v>
      </c>
      <c r="F29" s="279">
        <v>0</v>
      </c>
      <c r="G29" s="280">
        <v>2</v>
      </c>
      <c r="H29" s="280">
        <v>3</v>
      </c>
      <c r="I29" s="280">
        <v>4</v>
      </c>
      <c r="J29" s="280">
        <v>2</v>
      </c>
      <c r="K29" s="280">
        <v>0</v>
      </c>
      <c r="L29" s="281">
        <v>11</v>
      </c>
      <c r="M29" s="282">
        <v>11</v>
      </c>
      <c r="N29" s="276">
        <v>0</v>
      </c>
      <c r="O29" s="280">
        <v>0</v>
      </c>
      <c r="P29" s="277">
        <v>0</v>
      </c>
      <c r="Q29" s="279">
        <v>0</v>
      </c>
      <c r="R29" s="280">
        <v>0</v>
      </c>
      <c r="S29" s="280">
        <v>0</v>
      </c>
      <c r="T29" s="280">
        <v>0</v>
      </c>
      <c r="U29" s="280">
        <v>1</v>
      </c>
      <c r="V29" s="280">
        <v>1</v>
      </c>
      <c r="W29" s="277">
        <v>2</v>
      </c>
      <c r="X29" s="282">
        <v>2</v>
      </c>
      <c r="Y29" s="276">
        <v>1</v>
      </c>
      <c r="Z29" s="280">
        <v>2</v>
      </c>
      <c r="AA29" s="277">
        <v>3</v>
      </c>
      <c r="AB29" s="279">
        <v>0</v>
      </c>
      <c r="AC29" s="280">
        <v>5</v>
      </c>
      <c r="AD29" s="280">
        <v>2</v>
      </c>
      <c r="AE29" s="280">
        <v>5</v>
      </c>
      <c r="AF29" s="280">
        <v>3</v>
      </c>
      <c r="AG29" s="280">
        <v>3</v>
      </c>
      <c r="AH29" s="277">
        <v>18</v>
      </c>
      <c r="AI29" s="282">
        <v>21</v>
      </c>
      <c r="AJ29" s="276">
        <v>0</v>
      </c>
      <c r="AK29" s="280">
        <v>0</v>
      </c>
      <c r="AL29" s="277">
        <v>0</v>
      </c>
      <c r="AM29" s="279">
        <v>0</v>
      </c>
      <c r="AN29" s="280">
        <v>0</v>
      </c>
      <c r="AO29" s="280">
        <v>1</v>
      </c>
      <c r="AP29" s="280">
        <v>0</v>
      </c>
      <c r="AQ29" s="280">
        <v>0</v>
      </c>
      <c r="AR29" s="280">
        <v>0</v>
      </c>
      <c r="AS29" s="277">
        <v>1</v>
      </c>
      <c r="AT29" s="282">
        <v>1</v>
      </c>
      <c r="AU29" s="276">
        <v>0</v>
      </c>
      <c r="AV29" s="280">
        <v>1</v>
      </c>
      <c r="AW29" s="277">
        <v>1</v>
      </c>
      <c r="AX29" s="279">
        <v>0</v>
      </c>
      <c r="AY29" s="280">
        <v>2</v>
      </c>
      <c r="AZ29" s="280">
        <v>5</v>
      </c>
      <c r="BA29" s="280">
        <v>10</v>
      </c>
      <c r="BB29" s="280">
        <v>7</v>
      </c>
      <c r="BC29" s="280">
        <v>2</v>
      </c>
      <c r="BD29" s="281">
        <v>26</v>
      </c>
      <c r="BE29" s="282">
        <v>27</v>
      </c>
      <c r="BF29" s="276">
        <v>0</v>
      </c>
      <c r="BG29" s="280">
        <v>0</v>
      </c>
      <c r="BH29" s="277">
        <v>0</v>
      </c>
      <c r="BI29" s="279">
        <v>0</v>
      </c>
      <c r="BJ29" s="280">
        <v>5</v>
      </c>
      <c r="BK29" s="280">
        <v>4</v>
      </c>
      <c r="BL29" s="280">
        <v>5</v>
      </c>
      <c r="BM29" s="280">
        <v>2</v>
      </c>
      <c r="BN29" s="280">
        <v>2</v>
      </c>
      <c r="BO29" s="277">
        <v>18</v>
      </c>
      <c r="BP29" s="282">
        <v>18</v>
      </c>
      <c r="BQ29" s="276">
        <v>0</v>
      </c>
      <c r="BR29" s="280">
        <v>3</v>
      </c>
      <c r="BS29" s="277">
        <v>3</v>
      </c>
      <c r="BT29" s="279">
        <v>0</v>
      </c>
      <c r="BU29" s="280">
        <v>0</v>
      </c>
      <c r="BV29" s="280">
        <v>4</v>
      </c>
      <c r="BW29" s="280">
        <v>0</v>
      </c>
      <c r="BX29" s="280">
        <v>0</v>
      </c>
      <c r="BY29" s="280">
        <v>1</v>
      </c>
      <c r="BZ29" s="277">
        <v>5</v>
      </c>
      <c r="CA29" s="282">
        <v>8</v>
      </c>
      <c r="CB29" s="276">
        <v>0</v>
      </c>
      <c r="CC29" s="280">
        <v>0</v>
      </c>
      <c r="CD29" s="277">
        <v>0</v>
      </c>
      <c r="CE29" s="279">
        <v>0</v>
      </c>
      <c r="CF29" s="280">
        <v>1</v>
      </c>
      <c r="CG29" s="280">
        <v>0</v>
      </c>
      <c r="CH29" s="280">
        <v>1</v>
      </c>
      <c r="CI29" s="280">
        <v>0</v>
      </c>
      <c r="CJ29" s="280">
        <v>1</v>
      </c>
      <c r="CK29" s="277">
        <v>3</v>
      </c>
      <c r="CL29" s="282">
        <v>3</v>
      </c>
      <c r="CM29" s="276">
        <v>0</v>
      </c>
      <c r="CN29" s="280">
        <v>0</v>
      </c>
      <c r="CO29" s="277">
        <v>0</v>
      </c>
      <c r="CP29" s="279">
        <v>0</v>
      </c>
      <c r="CQ29" s="280">
        <v>1</v>
      </c>
      <c r="CR29" s="280">
        <v>0</v>
      </c>
      <c r="CS29" s="280">
        <v>0</v>
      </c>
      <c r="CT29" s="280">
        <v>0</v>
      </c>
      <c r="CU29" s="280">
        <v>0</v>
      </c>
      <c r="CV29" s="277">
        <v>1</v>
      </c>
      <c r="CW29" s="282">
        <v>1</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3</v>
      </c>
      <c r="DU29" s="280">
        <v>10</v>
      </c>
      <c r="DV29" s="277">
        <v>13</v>
      </c>
      <c r="DW29" s="279">
        <v>0</v>
      </c>
      <c r="DX29" s="280">
        <v>5</v>
      </c>
      <c r="DY29" s="280">
        <v>13</v>
      </c>
      <c r="DZ29" s="280">
        <v>10</v>
      </c>
      <c r="EA29" s="280">
        <v>5</v>
      </c>
      <c r="EB29" s="280">
        <v>4</v>
      </c>
      <c r="EC29" s="277">
        <v>37</v>
      </c>
      <c r="ED29" s="282">
        <v>50</v>
      </c>
      <c r="EE29" s="276">
        <v>0</v>
      </c>
      <c r="EF29" s="280">
        <v>1</v>
      </c>
      <c r="EG29" s="277">
        <v>1</v>
      </c>
      <c r="EH29" s="279">
        <v>0</v>
      </c>
      <c r="EI29" s="280">
        <v>2</v>
      </c>
      <c r="EJ29" s="280">
        <v>2</v>
      </c>
      <c r="EK29" s="280">
        <v>2</v>
      </c>
      <c r="EL29" s="280">
        <v>3</v>
      </c>
      <c r="EM29" s="280">
        <v>1</v>
      </c>
      <c r="EN29" s="277">
        <v>10</v>
      </c>
      <c r="EO29" s="282">
        <v>11</v>
      </c>
      <c r="EP29" s="276">
        <v>3</v>
      </c>
      <c r="EQ29" s="280">
        <v>15</v>
      </c>
      <c r="ER29" s="277">
        <v>18</v>
      </c>
      <c r="ES29" s="279">
        <v>0</v>
      </c>
      <c r="ET29" s="280">
        <v>14</v>
      </c>
      <c r="EU29" s="280">
        <v>15</v>
      </c>
      <c r="EV29" s="280">
        <v>11</v>
      </c>
      <c r="EW29" s="280">
        <v>5</v>
      </c>
      <c r="EX29" s="280">
        <v>4</v>
      </c>
      <c r="EY29" s="277">
        <v>49</v>
      </c>
      <c r="EZ29" s="282">
        <v>67</v>
      </c>
    </row>
    <row r="30" spans="2:156" ht="19.5" customHeight="1" x14ac:dyDescent="0.2">
      <c r="B30" s="261" t="s">
        <v>28</v>
      </c>
      <c r="C30" s="276">
        <v>0</v>
      </c>
      <c r="D30" s="280">
        <v>0</v>
      </c>
      <c r="E30" s="384">
        <v>0</v>
      </c>
      <c r="F30" s="279">
        <v>0</v>
      </c>
      <c r="G30" s="280">
        <v>0</v>
      </c>
      <c r="H30" s="280">
        <v>0</v>
      </c>
      <c r="I30" s="280">
        <v>0</v>
      </c>
      <c r="J30" s="280">
        <v>1</v>
      </c>
      <c r="K30" s="280">
        <v>0</v>
      </c>
      <c r="L30" s="281">
        <v>1</v>
      </c>
      <c r="M30" s="282">
        <v>1</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2</v>
      </c>
      <c r="AE30" s="280">
        <v>0</v>
      </c>
      <c r="AF30" s="280">
        <v>1</v>
      </c>
      <c r="AG30" s="280">
        <v>1</v>
      </c>
      <c r="AH30" s="277">
        <v>4</v>
      </c>
      <c r="AI30" s="282">
        <v>4</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1</v>
      </c>
      <c r="AZ30" s="280">
        <v>0</v>
      </c>
      <c r="BA30" s="280">
        <v>1</v>
      </c>
      <c r="BB30" s="280">
        <v>1</v>
      </c>
      <c r="BC30" s="280">
        <v>1</v>
      </c>
      <c r="BD30" s="281">
        <v>4</v>
      </c>
      <c r="BE30" s="282">
        <v>4</v>
      </c>
      <c r="BF30" s="276">
        <v>0</v>
      </c>
      <c r="BG30" s="280">
        <v>0</v>
      </c>
      <c r="BH30" s="277">
        <v>0</v>
      </c>
      <c r="BI30" s="279">
        <v>0</v>
      </c>
      <c r="BJ30" s="280">
        <v>2</v>
      </c>
      <c r="BK30" s="280">
        <v>1</v>
      </c>
      <c r="BL30" s="280">
        <v>0</v>
      </c>
      <c r="BM30" s="280">
        <v>0</v>
      </c>
      <c r="BN30" s="280">
        <v>1</v>
      </c>
      <c r="BO30" s="277">
        <v>4</v>
      </c>
      <c r="BP30" s="282">
        <v>4</v>
      </c>
      <c r="BQ30" s="276">
        <v>0</v>
      </c>
      <c r="BR30" s="280">
        <v>1</v>
      </c>
      <c r="BS30" s="277">
        <v>1</v>
      </c>
      <c r="BT30" s="279">
        <v>0</v>
      </c>
      <c r="BU30" s="280">
        <v>0</v>
      </c>
      <c r="BV30" s="280">
        <v>0</v>
      </c>
      <c r="BW30" s="280">
        <v>0</v>
      </c>
      <c r="BX30" s="280">
        <v>0</v>
      </c>
      <c r="BY30" s="280">
        <v>0</v>
      </c>
      <c r="BZ30" s="277">
        <v>0</v>
      </c>
      <c r="CA30" s="282">
        <v>1</v>
      </c>
      <c r="CB30" s="276">
        <v>0</v>
      </c>
      <c r="CC30" s="280">
        <v>0</v>
      </c>
      <c r="CD30" s="277">
        <v>0</v>
      </c>
      <c r="CE30" s="279">
        <v>0</v>
      </c>
      <c r="CF30" s="280">
        <v>0</v>
      </c>
      <c r="CG30" s="280">
        <v>0</v>
      </c>
      <c r="CH30" s="280">
        <v>0</v>
      </c>
      <c r="CI30" s="280">
        <v>0</v>
      </c>
      <c r="CJ30" s="280">
        <v>1</v>
      </c>
      <c r="CK30" s="277">
        <v>1</v>
      </c>
      <c r="CL30" s="282">
        <v>1</v>
      </c>
      <c r="CM30" s="276">
        <v>0</v>
      </c>
      <c r="CN30" s="280">
        <v>0</v>
      </c>
      <c r="CO30" s="277">
        <v>0</v>
      </c>
      <c r="CP30" s="279">
        <v>0</v>
      </c>
      <c r="CQ30" s="280">
        <v>0</v>
      </c>
      <c r="CR30" s="280">
        <v>0</v>
      </c>
      <c r="CS30" s="280">
        <v>0</v>
      </c>
      <c r="CT30" s="280">
        <v>0</v>
      </c>
      <c r="CU30" s="280">
        <v>1</v>
      </c>
      <c r="CV30" s="277">
        <v>1</v>
      </c>
      <c r="CW30" s="282">
        <v>1</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0</v>
      </c>
      <c r="DU30" s="280">
        <v>1</v>
      </c>
      <c r="DV30" s="277">
        <v>1</v>
      </c>
      <c r="DW30" s="279">
        <v>0</v>
      </c>
      <c r="DX30" s="280">
        <v>3</v>
      </c>
      <c r="DY30" s="280">
        <v>4</v>
      </c>
      <c r="DZ30" s="280">
        <v>0</v>
      </c>
      <c r="EA30" s="280">
        <v>1</v>
      </c>
      <c r="EB30" s="280">
        <v>1</v>
      </c>
      <c r="EC30" s="277">
        <v>9</v>
      </c>
      <c r="ED30" s="282">
        <v>10</v>
      </c>
      <c r="EE30" s="276">
        <v>0</v>
      </c>
      <c r="EF30" s="280">
        <v>0</v>
      </c>
      <c r="EG30" s="277">
        <v>0</v>
      </c>
      <c r="EH30" s="279">
        <v>0</v>
      </c>
      <c r="EI30" s="280">
        <v>1</v>
      </c>
      <c r="EJ30" s="280">
        <v>0</v>
      </c>
      <c r="EK30" s="280">
        <v>1</v>
      </c>
      <c r="EL30" s="280">
        <v>0</v>
      </c>
      <c r="EM30" s="280">
        <v>0</v>
      </c>
      <c r="EN30" s="277">
        <v>2</v>
      </c>
      <c r="EO30" s="282">
        <v>2</v>
      </c>
      <c r="EP30" s="276">
        <v>0</v>
      </c>
      <c r="EQ30" s="280">
        <v>1</v>
      </c>
      <c r="ER30" s="277">
        <v>1</v>
      </c>
      <c r="ES30" s="279">
        <v>0</v>
      </c>
      <c r="ET30" s="280">
        <v>8</v>
      </c>
      <c r="EU30" s="280">
        <v>6</v>
      </c>
      <c r="EV30" s="280">
        <v>0</v>
      </c>
      <c r="EW30" s="280">
        <v>1</v>
      </c>
      <c r="EX30" s="280">
        <v>2</v>
      </c>
      <c r="EY30" s="277">
        <v>17</v>
      </c>
      <c r="EZ30" s="282">
        <v>18</v>
      </c>
    </row>
    <row r="31" spans="2:156" ht="19.5" customHeight="1" x14ac:dyDescent="0.2">
      <c r="B31" s="261" t="s">
        <v>29</v>
      </c>
      <c r="C31" s="276">
        <v>0</v>
      </c>
      <c r="D31" s="280">
        <v>0</v>
      </c>
      <c r="E31" s="384">
        <v>0</v>
      </c>
      <c r="F31" s="279">
        <v>0</v>
      </c>
      <c r="G31" s="280">
        <v>0</v>
      </c>
      <c r="H31" s="280">
        <v>0</v>
      </c>
      <c r="I31" s="280">
        <v>0</v>
      </c>
      <c r="J31" s="280">
        <v>1</v>
      </c>
      <c r="K31" s="280">
        <v>0</v>
      </c>
      <c r="L31" s="281">
        <v>1</v>
      </c>
      <c r="M31" s="282">
        <v>1</v>
      </c>
      <c r="N31" s="276">
        <v>0</v>
      </c>
      <c r="O31" s="280">
        <v>0</v>
      </c>
      <c r="P31" s="277">
        <v>0</v>
      </c>
      <c r="Q31" s="279">
        <v>0</v>
      </c>
      <c r="R31" s="280">
        <v>0</v>
      </c>
      <c r="S31" s="280">
        <v>0</v>
      </c>
      <c r="T31" s="280">
        <v>0</v>
      </c>
      <c r="U31" s="280">
        <v>0</v>
      </c>
      <c r="V31" s="280">
        <v>1</v>
      </c>
      <c r="W31" s="277">
        <v>1</v>
      </c>
      <c r="X31" s="282">
        <v>1</v>
      </c>
      <c r="Y31" s="276">
        <v>0</v>
      </c>
      <c r="Z31" s="280">
        <v>1</v>
      </c>
      <c r="AA31" s="277">
        <v>1</v>
      </c>
      <c r="AB31" s="279">
        <v>0</v>
      </c>
      <c r="AC31" s="280">
        <v>0</v>
      </c>
      <c r="AD31" s="280">
        <v>0</v>
      </c>
      <c r="AE31" s="280">
        <v>0</v>
      </c>
      <c r="AF31" s="280">
        <v>0</v>
      </c>
      <c r="AG31" s="280">
        <v>1</v>
      </c>
      <c r="AH31" s="277">
        <v>1</v>
      </c>
      <c r="AI31" s="282">
        <v>2</v>
      </c>
      <c r="AJ31" s="276">
        <v>0</v>
      </c>
      <c r="AK31" s="280">
        <v>0</v>
      </c>
      <c r="AL31" s="277">
        <v>0</v>
      </c>
      <c r="AM31" s="279">
        <v>0</v>
      </c>
      <c r="AN31" s="280">
        <v>0</v>
      </c>
      <c r="AO31" s="280">
        <v>0</v>
      </c>
      <c r="AP31" s="280">
        <v>0</v>
      </c>
      <c r="AQ31" s="280">
        <v>1</v>
      </c>
      <c r="AR31" s="280">
        <v>0</v>
      </c>
      <c r="AS31" s="277">
        <v>1</v>
      </c>
      <c r="AT31" s="282">
        <v>1</v>
      </c>
      <c r="AU31" s="276">
        <v>0</v>
      </c>
      <c r="AV31" s="280">
        <v>0</v>
      </c>
      <c r="AW31" s="277">
        <v>0</v>
      </c>
      <c r="AX31" s="279">
        <v>0</v>
      </c>
      <c r="AY31" s="280">
        <v>0</v>
      </c>
      <c r="AZ31" s="280">
        <v>2</v>
      </c>
      <c r="BA31" s="280">
        <v>1</v>
      </c>
      <c r="BB31" s="280">
        <v>1</v>
      </c>
      <c r="BC31" s="280">
        <v>0</v>
      </c>
      <c r="BD31" s="281">
        <v>4</v>
      </c>
      <c r="BE31" s="282">
        <v>4</v>
      </c>
      <c r="BF31" s="276">
        <v>0</v>
      </c>
      <c r="BG31" s="280">
        <v>0</v>
      </c>
      <c r="BH31" s="277">
        <v>0</v>
      </c>
      <c r="BI31" s="279">
        <v>0</v>
      </c>
      <c r="BJ31" s="280">
        <v>3</v>
      </c>
      <c r="BK31" s="280">
        <v>4</v>
      </c>
      <c r="BL31" s="280">
        <v>2</v>
      </c>
      <c r="BM31" s="280">
        <v>1</v>
      </c>
      <c r="BN31" s="280">
        <v>1</v>
      </c>
      <c r="BO31" s="277">
        <v>11</v>
      </c>
      <c r="BP31" s="282">
        <v>11</v>
      </c>
      <c r="BQ31" s="276">
        <v>0</v>
      </c>
      <c r="BR31" s="280">
        <v>0</v>
      </c>
      <c r="BS31" s="277">
        <v>0</v>
      </c>
      <c r="BT31" s="279">
        <v>0</v>
      </c>
      <c r="BU31" s="280">
        <v>1</v>
      </c>
      <c r="BV31" s="280">
        <v>0</v>
      </c>
      <c r="BW31" s="280">
        <v>1</v>
      </c>
      <c r="BX31" s="280">
        <v>0</v>
      </c>
      <c r="BY31" s="280">
        <v>0</v>
      </c>
      <c r="BZ31" s="277">
        <v>2</v>
      </c>
      <c r="CA31" s="282">
        <v>2</v>
      </c>
      <c r="CB31" s="276">
        <v>0</v>
      </c>
      <c r="CC31" s="280">
        <v>0</v>
      </c>
      <c r="CD31" s="277">
        <v>0</v>
      </c>
      <c r="CE31" s="279">
        <v>0</v>
      </c>
      <c r="CF31" s="280">
        <v>0</v>
      </c>
      <c r="CG31" s="280">
        <v>0</v>
      </c>
      <c r="CH31" s="280">
        <v>0</v>
      </c>
      <c r="CI31" s="280">
        <v>0</v>
      </c>
      <c r="CJ31" s="280">
        <v>1</v>
      </c>
      <c r="CK31" s="277">
        <v>1</v>
      </c>
      <c r="CL31" s="282">
        <v>1</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1</v>
      </c>
      <c r="DU31" s="280">
        <v>0</v>
      </c>
      <c r="DV31" s="277">
        <v>1</v>
      </c>
      <c r="DW31" s="279">
        <v>0</v>
      </c>
      <c r="DX31" s="280">
        <v>2</v>
      </c>
      <c r="DY31" s="280">
        <v>3</v>
      </c>
      <c r="DZ31" s="280">
        <v>2</v>
      </c>
      <c r="EA31" s="280">
        <v>2</v>
      </c>
      <c r="EB31" s="280">
        <v>2</v>
      </c>
      <c r="EC31" s="277">
        <v>11</v>
      </c>
      <c r="ED31" s="282">
        <v>12</v>
      </c>
      <c r="EE31" s="276">
        <v>0</v>
      </c>
      <c r="EF31" s="280">
        <v>0</v>
      </c>
      <c r="EG31" s="277">
        <v>0</v>
      </c>
      <c r="EH31" s="279">
        <v>0</v>
      </c>
      <c r="EI31" s="280">
        <v>0</v>
      </c>
      <c r="EJ31" s="280">
        <v>2</v>
      </c>
      <c r="EK31" s="280">
        <v>0</v>
      </c>
      <c r="EL31" s="280">
        <v>1</v>
      </c>
      <c r="EM31" s="280">
        <v>1</v>
      </c>
      <c r="EN31" s="277">
        <v>4</v>
      </c>
      <c r="EO31" s="282">
        <v>4</v>
      </c>
      <c r="EP31" s="276">
        <v>1</v>
      </c>
      <c r="EQ31" s="280">
        <v>1</v>
      </c>
      <c r="ER31" s="277">
        <v>2</v>
      </c>
      <c r="ES31" s="279">
        <v>0</v>
      </c>
      <c r="ET31" s="280">
        <v>5</v>
      </c>
      <c r="EU31" s="280">
        <v>4</v>
      </c>
      <c r="EV31" s="280">
        <v>2</v>
      </c>
      <c r="EW31" s="280">
        <v>2</v>
      </c>
      <c r="EX31" s="280">
        <v>2</v>
      </c>
      <c r="EY31" s="277">
        <v>15</v>
      </c>
      <c r="EZ31" s="282">
        <v>17</v>
      </c>
    </row>
    <row r="32" spans="2:156" ht="19.5" customHeight="1" x14ac:dyDescent="0.2">
      <c r="B32" s="261" t="s">
        <v>30</v>
      </c>
      <c r="C32" s="276">
        <v>0</v>
      </c>
      <c r="D32" s="280">
        <v>0</v>
      </c>
      <c r="E32" s="384">
        <v>0</v>
      </c>
      <c r="F32" s="279">
        <v>0</v>
      </c>
      <c r="G32" s="280">
        <v>1</v>
      </c>
      <c r="H32" s="280">
        <v>2</v>
      </c>
      <c r="I32" s="280">
        <v>1</v>
      </c>
      <c r="J32" s="280">
        <v>1</v>
      </c>
      <c r="K32" s="280">
        <v>1</v>
      </c>
      <c r="L32" s="281">
        <v>6</v>
      </c>
      <c r="M32" s="282">
        <v>6</v>
      </c>
      <c r="N32" s="276">
        <v>0</v>
      </c>
      <c r="O32" s="280">
        <v>0</v>
      </c>
      <c r="P32" s="277">
        <v>0</v>
      </c>
      <c r="Q32" s="279">
        <v>0</v>
      </c>
      <c r="R32" s="280">
        <v>0</v>
      </c>
      <c r="S32" s="280">
        <v>0</v>
      </c>
      <c r="T32" s="280">
        <v>0</v>
      </c>
      <c r="U32" s="280">
        <v>1</v>
      </c>
      <c r="V32" s="280">
        <v>1</v>
      </c>
      <c r="W32" s="277">
        <v>2</v>
      </c>
      <c r="X32" s="282">
        <v>2</v>
      </c>
      <c r="Y32" s="276">
        <v>0</v>
      </c>
      <c r="Z32" s="280">
        <v>0</v>
      </c>
      <c r="AA32" s="277">
        <v>0</v>
      </c>
      <c r="AB32" s="279">
        <v>0</v>
      </c>
      <c r="AC32" s="280">
        <v>1</v>
      </c>
      <c r="AD32" s="280">
        <v>0</v>
      </c>
      <c r="AE32" s="280">
        <v>0</v>
      </c>
      <c r="AF32" s="280">
        <v>2</v>
      </c>
      <c r="AG32" s="280">
        <v>1</v>
      </c>
      <c r="AH32" s="277">
        <v>4</v>
      </c>
      <c r="AI32" s="282">
        <v>4</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1</v>
      </c>
      <c r="AZ32" s="280">
        <v>1</v>
      </c>
      <c r="BA32" s="280">
        <v>0</v>
      </c>
      <c r="BB32" s="280">
        <v>2</v>
      </c>
      <c r="BC32" s="280">
        <v>0</v>
      </c>
      <c r="BD32" s="281">
        <v>4</v>
      </c>
      <c r="BE32" s="282">
        <v>4</v>
      </c>
      <c r="BF32" s="276">
        <v>0</v>
      </c>
      <c r="BG32" s="280">
        <v>0</v>
      </c>
      <c r="BH32" s="277">
        <v>0</v>
      </c>
      <c r="BI32" s="279">
        <v>0</v>
      </c>
      <c r="BJ32" s="280">
        <v>1</v>
      </c>
      <c r="BK32" s="280">
        <v>0</v>
      </c>
      <c r="BL32" s="280">
        <v>0</v>
      </c>
      <c r="BM32" s="280">
        <v>2</v>
      </c>
      <c r="BN32" s="280">
        <v>0</v>
      </c>
      <c r="BO32" s="277">
        <v>3</v>
      </c>
      <c r="BP32" s="282">
        <v>3</v>
      </c>
      <c r="BQ32" s="276">
        <v>0</v>
      </c>
      <c r="BR32" s="280">
        <v>0</v>
      </c>
      <c r="BS32" s="277">
        <v>0</v>
      </c>
      <c r="BT32" s="279">
        <v>0</v>
      </c>
      <c r="BU32" s="280">
        <v>1</v>
      </c>
      <c r="BV32" s="280">
        <v>0</v>
      </c>
      <c r="BW32" s="280">
        <v>0</v>
      </c>
      <c r="BX32" s="280">
        <v>0</v>
      </c>
      <c r="BY32" s="280">
        <v>0</v>
      </c>
      <c r="BZ32" s="277">
        <v>1</v>
      </c>
      <c r="CA32" s="282">
        <v>1</v>
      </c>
      <c r="CB32" s="276">
        <v>0</v>
      </c>
      <c r="CC32" s="280">
        <v>0</v>
      </c>
      <c r="CD32" s="277">
        <v>0</v>
      </c>
      <c r="CE32" s="279">
        <v>0</v>
      </c>
      <c r="CF32" s="280">
        <v>1</v>
      </c>
      <c r="CG32" s="280">
        <v>1</v>
      </c>
      <c r="CH32" s="280">
        <v>0</v>
      </c>
      <c r="CI32" s="280">
        <v>1</v>
      </c>
      <c r="CJ32" s="280">
        <v>0</v>
      </c>
      <c r="CK32" s="277">
        <v>3</v>
      </c>
      <c r="CL32" s="282">
        <v>3</v>
      </c>
      <c r="CM32" s="276">
        <v>0</v>
      </c>
      <c r="CN32" s="280">
        <v>0</v>
      </c>
      <c r="CO32" s="277">
        <v>0</v>
      </c>
      <c r="CP32" s="279">
        <v>0</v>
      </c>
      <c r="CQ32" s="280">
        <v>0</v>
      </c>
      <c r="CR32" s="280">
        <v>0</v>
      </c>
      <c r="CS32" s="280">
        <v>0</v>
      </c>
      <c r="CT32" s="280">
        <v>0</v>
      </c>
      <c r="CU32" s="280">
        <v>1</v>
      </c>
      <c r="CV32" s="277">
        <v>1</v>
      </c>
      <c r="CW32" s="282">
        <v>1</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0</v>
      </c>
      <c r="DV32" s="277">
        <v>0</v>
      </c>
      <c r="DW32" s="279">
        <v>0</v>
      </c>
      <c r="DX32" s="280">
        <v>1</v>
      </c>
      <c r="DY32" s="280">
        <v>2</v>
      </c>
      <c r="DZ32" s="280">
        <v>1</v>
      </c>
      <c r="EA32" s="280">
        <v>4</v>
      </c>
      <c r="EB32" s="280">
        <v>1</v>
      </c>
      <c r="EC32" s="277">
        <v>9</v>
      </c>
      <c r="ED32" s="282">
        <v>9</v>
      </c>
      <c r="EE32" s="276">
        <v>0</v>
      </c>
      <c r="EF32" s="280">
        <v>0</v>
      </c>
      <c r="EG32" s="277">
        <v>0</v>
      </c>
      <c r="EH32" s="279">
        <v>0</v>
      </c>
      <c r="EI32" s="280">
        <v>1</v>
      </c>
      <c r="EJ32" s="280">
        <v>0</v>
      </c>
      <c r="EK32" s="280">
        <v>0</v>
      </c>
      <c r="EL32" s="280">
        <v>0</v>
      </c>
      <c r="EM32" s="280">
        <v>0</v>
      </c>
      <c r="EN32" s="277">
        <v>1</v>
      </c>
      <c r="EO32" s="282">
        <v>1</v>
      </c>
      <c r="EP32" s="276">
        <v>0</v>
      </c>
      <c r="EQ32" s="280">
        <v>0</v>
      </c>
      <c r="ER32" s="277">
        <v>0</v>
      </c>
      <c r="ES32" s="279">
        <v>0</v>
      </c>
      <c r="ET32" s="280">
        <v>5</v>
      </c>
      <c r="EU32" s="280">
        <v>3</v>
      </c>
      <c r="EV32" s="280">
        <v>1</v>
      </c>
      <c r="EW32" s="280">
        <v>4</v>
      </c>
      <c r="EX32" s="280">
        <v>1</v>
      </c>
      <c r="EY32" s="277">
        <v>14</v>
      </c>
      <c r="EZ32" s="282">
        <v>14</v>
      </c>
    </row>
    <row r="33" spans="2:156" ht="19.5" customHeight="1" x14ac:dyDescent="0.2">
      <c r="B33" s="261" t="s">
        <v>31</v>
      </c>
      <c r="C33" s="276">
        <v>0</v>
      </c>
      <c r="D33" s="280">
        <v>0</v>
      </c>
      <c r="E33" s="384">
        <v>0</v>
      </c>
      <c r="F33" s="279">
        <v>0</v>
      </c>
      <c r="G33" s="280">
        <v>3</v>
      </c>
      <c r="H33" s="280">
        <v>2</v>
      </c>
      <c r="I33" s="280">
        <v>0</v>
      </c>
      <c r="J33" s="280">
        <v>0</v>
      </c>
      <c r="K33" s="280">
        <v>0</v>
      </c>
      <c r="L33" s="281">
        <v>5</v>
      </c>
      <c r="M33" s="282">
        <v>5</v>
      </c>
      <c r="N33" s="276">
        <v>0</v>
      </c>
      <c r="O33" s="280">
        <v>0</v>
      </c>
      <c r="P33" s="277">
        <v>0</v>
      </c>
      <c r="Q33" s="279">
        <v>0</v>
      </c>
      <c r="R33" s="280">
        <v>0</v>
      </c>
      <c r="S33" s="280">
        <v>1</v>
      </c>
      <c r="T33" s="280">
        <v>1</v>
      </c>
      <c r="U33" s="280">
        <v>1</v>
      </c>
      <c r="V33" s="280">
        <v>0</v>
      </c>
      <c r="W33" s="277">
        <v>3</v>
      </c>
      <c r="X33" s="282">
        <v>3</v>
      </c>
      <c r="Y33" s="276">
        <v>1</v>
      </c>
      <c r="Z33" s="280">
        <v>0</v>
      </c>
      <c r="AA33" s="277">
        <v>1</v>
      </c>
      <c r="AB33" s="279">
        <v>0</v>
      </c>
      <c r="AC33" s="280">
        <v>1</v>
      </c>
      <c r="AD33" s="280">
        <v>1</v>
      </c>
      <c r="AE33" s="280">
        <v>2</v>
      </c>
      <c r="AF33" s="280">
        <v>2</v>
      </c>
      <c r="AG33" s="280">
        <v>0</v>
      </c>
      <c r="AH33" s="277">
        <v>6</v>
      </c>
      <c r="AI33" s="282">
        <v>7</v>
      </c>
      <c r="AJ33" s="276">
        <v>0</v>
      </c>
      <c r="AK33" s="280">
        <v>0</v>
      </c>
      <c r="AL33" s="277">
        <v>0</v>
      </c>
      <c r="AM33" s="279">
        <v>0</v>
      </c>
      <c r="AN33" s="280">
        <v>1</v>
      </c>
      <c r="AO33" s="280">
        <v>1</v>
      </c>
      <c r="AP33" s="280">
        <v>0</v>
      </c>
      <c r="AQ33" s="280">
        <v>1</v>
      </c>
      <c r="AR33" s="280">
        <v>0</v>
      </c>
      <c r="AS33" s="277">
        <v>3</v>
      </c>
      <c r="AT33" s="282">
        <v>3</v>
      </c>
      <c r="AU33" s="276">
        <v>0</v>
      </c>
      <c r="AV33" s="280">
        <v>0</v>
      </c>
      <c r="AW33" s="277">
        <v>0</v>
      </c>
      <c r="AX33" s="279">
        <v>0</v>
      </c>
      <c r="AY33" s="280">
        <v>0</v>
      </c>
      <c r="AZ33" s="280">
        <v>2</v>
      </c>
      <c r="BA33" s="280">
        <v>0</v>
      </c>
      <c r="BB33" s="280">
        <v>1</v>
      </c>
      <c r="BC33" s="280">
        <v>0</v>
      </c>
      <c r="BD33" s="281">
        <v>3</v>
      </c>
      <c r="BE33" s="282">
        <v>3</v>
      </c>
      <c r="BF33" s="276">
        <v>0</v>
      </c>
      <c r="BG33" s="280">
        <v>0</v>
      </c>
      <c r="BH33" s="277">
        <v>0</v>
      </c>
      <c r="BI33" s="279">
        <v>0</v>
      </c>
      <c r="BJ33" s="280">
        <v>4</v>
      </c>
      <c r="BK33" s="280">
        <v>3</v>
      </c>
      <c r="BL33" s="280">
        <v>0</v>
      </c>
      <c r="BM33" s="280">
        <v>0</v>
      </c>
      <c r="BN33" s="280">
        <v>0</v>
      </c>
      <c r="BO33" s="277">
        <v>7</v>
      </c>
      <c r="BP33" s="282">
        <v>7</v>
      </c>
      <c r="BQ33" s="276">
        <v>0</v>
      </c>
      <c r="BR33" s="280">
        <v>0</v>
      </c>
      <c r="BS33" s="277">
        <v>0</v>
      </c>
      <c r="BT33" s="279">
        <v>0</v>
      </c>
      <c r="BU33" s="280">
        <v>0</v>
      </c>
      <c r="BV33" s="280">
        <v>4</v>
      </c>
      <c r="BW33" s="280">
        <v>0</v>
      </c>
      <c r="BX33" s="280">
        <v>1</v>
      </c>
      <c r="BY33" s="280">
        <v>0</v>
      </c>
      <c r="BZ33" s="277">
        <v>5</v>
      </c>
      <c r="CA33" s="282">
        <v>5</v>
      </c>
      <c r="CB33" s="276">
        <v>0</v>
      </c>
      <c r="CC33" s="280">
        <v>0</v>
      </c>
      <c r="CD33" s="277">
        <v>0</v>
      </c>
      <c r="CE33" s="279">
        <v>0</v>
      </c>
      <c r="CF33" s="280">
        <v>0</v>
      </c>
      <c r="CG33" s="280">
        <v>1</v>
      </c>
      <c r="CH33" s="280">
        <v>0</v>
      </c>
      <c r="CI33" s="280">
        <v>0</v>
      </c>
      <c r="CJ33" s="280">
        <v>0</v>
      </c>
      <c r="CK33" s="277">
        <v>1</v>
      </c>
      <c r="CL33" s="282">
        <v>1</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3</v>
      </c>
      <c r="DU33" s="280">
        <v>2</v>
      </c>
      <c r="DV33" s="277">
        <v>5</v>
      </c>
      <c r="DW33" s="279">
        <v>0</v>
      </c>
      <c r="DX33" s="280">
        <v>4</v>
      </c>
      <c r="DY33" s="280">
        <v>10</v>
      </c>
      <c r="DZ33" s="280">
        <v>3</v>
      </c>
      <c r="EA33" s="280">
        <v>2</v>
      </c>
      <c r="EB33" s="280">
        <v>0</v>
      </c>
      <c r="EC33" s="277">
        <v>19</v>
      </c>
      <c r="ED33" s="282">
        <v>24</v>
      </c>
      <c r="EE33" s="276">
        <v>0</v>
      </c>
      <c r="EF33" s="280">
        <v>0</v>
      </c>
      <c r="EG33" s="277">
        <v>0</v>
      </c>
      <c r="EH33" s="279">
        <v>0</v>
      </c>
      <c r="EI33" s="280">
        <v>0</v>
      </c>
      <c r="EJ33" s="280">
        <v>0</v>
      </c>
      <c r="EK33" s="280">
        <v>0</v>
      </c>
      <c r="EL33" s="280">
        <v>0</v>
      </c>
      <c r="EM33" s="280">
        <v>0</v>
      </c>
      <c r="EN33" s="277">
        <v>0</v>
      </c>
      <c r="EO33" s="282">
        <v>0</v>
      </c>
      <c r="EP33" s="276">
        <v>4</v>
      </c>
      <c r="EQ33" s="280">
        <v>2</v>
      </c>
      <c r="ER33" s="277">
        <v>6</v>
      </c>
      <c r="ES33" s="279">
        <v>0</v>
      </c>
      <c r="ET33" s="280">
        <v>9</v>
      </c>
      <c r="EU33" s="280">
        <v>13</v>
      </c>
      <c r="EV33" s="280">
        <v>3</v>
      </c>
      <c r="EW33" s="280">
        <v>2</v>
      </c>
      <c r="EX33" s="280">
        <v>0</v>
      </c>
      <c r="EY33" s="277">
        <v>27</v>
      </c>
      <c r="EZ33" s="282">
        <v>33</v>
      </c>
    </row>
    <row r="34" spans="2:156" ht="19.5" customHeight="1" x14ac:dyDescent="0.2">
      <c r="B34" s="261" t="s">
        <v>32</v>
      </c>
      <c r="C34" s="276">
        <v>0</v>
      </c>
      <c r="D34" s="280">
        <v>0</v>
      </c>
      <c r="E34" s="384">
        <v>0</v>
      </c>
      <c r="F34" s="279">
        <v>0</v>
      </c>
      <c r="G34" s="280">
        <v>1</v>
      </c>
      <c r="H34" s="280">
        <v>2</v>
      </c>
      <c r="I34" s="280">
        <v>1</v>
      </c>
      <c r="J34" s="280">
        <v>1</v>
      </c>
      <c r="K34" s="280">
        <v>1</v>
      </c>
      <c r="L34" s="281">
        <v>6</v>
      </c>
      <c r="M34" s="282">
        <v>6</v>
      </c>
      <c r="N34" s="276">
        <v>0</v>
      </c>
      <c r="O34" s="280">
        <v>0</v>
      </c>
      <c r="P34" s="277">
        <v>0</v>
      </c>
      <c r="Q34" s="279">
        <v>0</v>
      </c>
      <c r="R34" s="280">
        <v>0</v>
      </c>
      <c r="S34" s="280">
        <v>0</v>
      </c>
      <c r="T34" s="280">
        <v>0</v>
      </c>
      <c r="U34" s="280">
        <v>0</v>
      </c>
      <c r="V34" s="280">
        <v>1</v>
      </c>
      <c r="W34" s="277">
        <v>1</v>
      </c>
      <c r="X34" s="282">
        <v>1</v>
      </c>
      <c r="Y34" s="276">
        <v>0</v>
      </c>
      <c r="Z34" s="280">
        <v>1</v>
      </c>
      <c r="AA34" s="277">
        <v>1</v>
      </c>
      <c r="AB34" s="279">
        <v>0</v>
      </c>
      <c r="AC34" s="280">
        <v>1</v>
      </c>
      <c r="AD34" s="280">
        <v>1</v>
      </c>
      <c r="AE34" s="280">
        <v>1</v>
      </c>
      <c r="AF34" s="280">
        <v>1</v>
      </c>
      <c r="AG34" s="280">
        <v>0</v>
      </c>
      <c r="AH34" s="277">
        <v>4</v>
      </c>
      <c r="AI34" s="282">
        <v>5</v>
      </c>
      <c r="AJ34" s="276">
        <v>0</v>
      </c>
      <c r="AK34" s="280">
        <v>0</v>
      </c>
      <c r="AL34" s="277">
        <v>0</v>
      </c>
      <c r="AM34" s="279">
        <v>0</v>
      </c>
      <c r="AN34" s="280">
        <v>0</v>
      </c>
      <c r="AO34" s="280">
        <v>1</v>
      </c>
      <c r="AP34" s="280">
        <v>0</v>
      </c>
      <c r="AQ34" s="280">
        <v>0</v>
      </c>
      <c r="AR34" s="280">
        <v>0</v>
      </c>
      <c r="AS34" s="277">
        <v>1</v>
      </c>
      <c r="AT34" s="282">
        <v>1</v>
      </c>
      <c r="AU34" s="276">
        <v>0</v>
      </c>
      <c r="AV34" s="280">
        <v>0</v>
      </c>
      <c r="AW34" s="277">
        <v>0</v>
      </c>
      <c r="AX34" s="279">
        <v>0</v>
      </c>
      <c r="AY34" s="280">
        <v>0</v>
      </c>
      <c r="AZ34" s="280">
        <v>1</v>
      </c>
      <c r="BA34" s="280">
        <v>4</v>
      </c>
      <c r="BB34" s="280">
        <v>3</v>
      </c>
      <c r="BC34" s="280">
        <v>0</v>
      </c>
      <c r="BD34" s="281">
        <v>8</v>
      </c>
      <c r="BE34" s="282">
        <v>8</v>
      </c>
      <c r="BF34" s="276">
        <v>0</v>
      </c>
      <c r="BG34" s="280">
        <v>0</v>
      </c>
      <c r="BH34" s="277">
        <v>0</v>
      </c>
      <c r="BI34" s="279">
        <v>0</v>
      </c>
      <c r="BJ34" s="280">
        <v>2</v>
      </c>
      <c r="BK34" s="280">
        <v>2</v>
      </c>
      <c r="BL34" s="280">
        <v>0</v>
      </c>
      <c r="BM34" s="280">
        <v>0</v>
      </c>
      <c r="BN34" s="280">
        <v>1</v>
      </c>
      <c r="BO34" s="277">
        <v>5</v>
      </c>
      <c r="BP34" s="282">
        <v>5</v>
      </c>
      <c r="BQ34" s="276">
        <v>0</v>
      </c>
      <c r="BR34" s="280">
        <v>0</v>
      </c>
      <c r="BS34" s="277">
        <v>0</v>
      </c>
      <c r="BT34" s="279">
        <v>0</v>
      </c>
      <c r="BU34" s="280">
        <v>2</v>
      </c>
      <c r="BV34" s="280">
        <v>1</v>
      </c>
      <c r="BW34" s="280">
        <v>0</v>
      </c>
      <c r="BX34" s="280">
        <v>0</v>
      </c>
      <c r="BY34" s="280">
        <v>1</v>
      </c>
      <c r="BZ34" s="277">
        <v>4</v>
      </c>
      <c r="CA34" s="282">
        <v>4</v>
      </c>
      <c r="CB34" s="276">
        <v>0</v>
      </c>
      <c r="CC34" s="280">
        <v>0</v>
      </c>
      <c r="CD34" s="277">
        <v>0</v>
      </c>
      <c r="CE34" s="279">
        <v>0</v>
      </c>
      <c r="CF34" s="280">
        <v>1</v>
      </c>
      <c r="CG34" s="280">
        <v>0</v>
      </c>
      <c r="CH34" s="280">
        <v>0</v>
      </c>
      <c r="CI34" s="280">
        <v>1</v>
      </c>
      <c r="CJ34" s="280">
        <v>1</v>
      </c>
      <c r="CK34" s="277">
        <v>3</v>
      </c>
      <c r="CL34" s="282">
        <v>3</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0</v>
      </c>
      <c r="DU34" s="280">
        <v>3</v>
      </c>
      <c r="DV34" s="277">
        <v>3</v>
      </c>
      <c r="DW34" s="279">
        <v>0</v>
      </c>
      <c r="DX34" s="280">
        <v>6</v>
      </c>
      <c r="DY34" s="280">
        <v>9</v>
      </c>
      <c r="DZ34" s="280">
        <v>1</v>
      </c>
      <c r="EA34" s="280">
        <v>2</v>
      </c>
      <c r="EB34" s="280">
        <v>2</v>
      </c>
      <c r="EC34" s="277">
        <v>20</v>
      </c>
      <c r="ED34" s="282">
        <v>23</v>
      </c>
      <c r="EE34" s="276">
        <v>0</v>
      </c>
      <c r="EF34" s="280">
        <v>0</v>
      </c>
      <c r="EG34" s="277">
        <v>0</v>
      </c>
      <c r="EH34" s="279">
        <v>0</v>
      </c>
      <c r="EI34" s="280">
        <v>0</v>
      </c>
      <c r="EJ34" s="280">
        <v>1</v>
      </c>
      <c r="EK34" s="280">
        <v>1</v>
      </c>
      <c r="EL34" s="280">
        <v>2</v>
      </c>
      <c r="EM34" s="280">
        <v>0</v>
      </c>
      <c r="EN34" s="277">
        <v>4</v>
      </c>
      <c r="EO34" s="282">
        <v>4</v>
      </c>
      <c r="EP34" s="276">
        <v>0</v>
      </c>
      <c r="EQ34" s="280">
        <v>3</v>
      </c>
      <c r="ER34" s="277">
        <v>3</v>
      </c>
      <c r="ES34" s="279">
        <v>0</v>
      </c>
      <c r="ET34" s="280">
        <v>9</v>
      </c>
      <c r="EU34" s="280">
        <v>10</v>
      </c>
      <c r="EV34" s="280">
        <v>1</v>
      </c>
      <c r="EW34" s="280">
        <v>2</v>
      </c>
      <c r="EX34" s="280">
        <v>2</v>
      </c>
      <c r="EY34" s="277">
        <v>24</v>
      </c>
      <c r="EZ34" s="282">
        <v>27</v>
      </c>
    </row>
    <row r="35" spans="2:156" ht="19.5" customHeight="1" x14ac:dyDescent="0.2">
      <c r="B35" s="261" t="s">
        <v>33</v>
      </c>
      <c r="C35" s="276">
        <v>0</v>
      </c>
      <c r="D35" s="280">
        <v>0</v>
      </c>
      <c r="E35" s="384">
        <v>0</v>
      </c>
      <c r="F35" s="279">
        <v>0</v>
      </c>
      <c r="G35" s="280">
        <v>2</v>
      </c>
      <c r="H35" s="280">
        <v>0</v>
      </c>
      <c r="I35" s="280">
        <v>0</v>
      </c>
      <c r="J35" s="280">
        <v>0</v>
      </c>
      <c r="K35" s="280">
        <v>0</v>
      </c>
      <c r="L35" s="281">
        <v>2</v>
      </c>
      <c r="M35" s="282">
        <v>2</v>
      </c>
      <c r="N35" s="276">
        <v>0</v>
      </c>
      <c r="O35" s="280">
        <v>0</v>
      </c>
      <c r="P35" s="277">
        <v>0</v>
      </c>
      <c r="Q35" s="279">
        <v>0</v>
      </c>
      <c r="R35" s="280">
        <v>0</v>
      </c>
      <c r="S35" s="280">
        <v>0</v>
      </c>
      <c r="T35" s="280">
        <v>0</v>
      </c>
      <c r="U35" s="280">
        <v>1</v>
      </c>
      <c r="V35" s="280">
        <v>0</v>
      </c>
      <c r="W35" s="277">
        <v>1</v>
      </c>
      <c r="X35" s="282">
        <v>1</v>
      </c>
      <c r="Y35" s="276">
        <v>0</v>
      </c>
      <c r="Z35" s="280">
        <v>0</v>
      </c>
      <c r="AA35" s="277">
        <v>0</v>
      </c>
      <c r="AB35" s="279">
        <v>0</v>
      </c>
      <c r="AC35" s="280">
        <v>1</v>
      </c>
      <c r="AD35" s="280">
        <v>1</v>
      </c>
      <c r="AE35" s="280">
        <v>0</v>
      </c>
      <c r="AF35" s="280">
        <v>0</v>
      </c>
      <c r="AG35" s="280">
        <v>1</v>
      </c>
      <c r="AH35" s="277">
        <v>3</v>
      </c>
      <c r="AI35" s="282">
        <v>3</v>
      </c>
      <c r="AJ35" s="276">
        <v>1</v>
      </c>
      <c r="AK35" s="280">
        <v>1</v>
      </c>
      <c r="AL35" s="277">
        <v>2</v>
      </c>
      <c r="AM35" s="279">
        <v>0</v>
      </c>
      <c r="AN35" s="280">
        <v>2</v>
      </c>
      <c r="AO35" s="280">
        <v>0</v>
      </c>
      <c r="AP35" s="280">
        <v>0</v>
      </c>
      <c r="AQ35" s="280">
        <v>1</v>
      </c>
      <c r="AR35" s="280">
        <v>1</v>
      </c>
      <c r="AS35" s="277">
        <v>4</v>
      </c>
      <c r="AT35" s="282">
        <v>6</v>
      </c>
      <c r="AU35" s="276">
        <v>0</v>
      </c>
      <c r="AV35" s="280">
        <v>0</v>
      </c>
      <c r="AW35" s="277">
        <v>0</v>
      </c>
      <c r="AX35" s="279">
        <v>0</v>
      </c>
      <c r="AY35" s="280">
        <v>1</v>
      </c>
      <c r="AZ35" s="280">
        <v>1</v>
      </c>
      <c r="BA35" s="280">
        <v>1</v>
      </c>
      <c r="BB35" s="280">
        <v>1</v>
      </c>
      <c r="BC35" s="280">
        <v>0</v>
      </c>
      <c r="BD35" s="281">
        <v>4</v>
      </c>
      <c r="BE35" s="282">
        <v>4</v>
      </c>
      <c r="BF35" s="276">
        <v>0</v>
      </c>
      <c r="BG35" s="280">
        <v>0</v>
      </c>
      <c r="BH35" s="277">
        <v>0</v>
      </c>
      <c r="BI35" s="279">
        <v>0</v>
      </c>
      <c r="BJ35" s="280">
        <v>1</v>
      </c>
      <c r="BK35" s="280">
        <v>0</v>
      </c>
      <c r="BL35" s="280">
        <v>0</v>
      </c>
      <c r="BM35" s="280">
        <v>0</v>
      </c>
      <c r="BN35" s="280">
        <v>0</v>
      </c>
      <c r="BO35" s="277">
        <v>1</v>
      </c>
      <c r="BP35" s="282">
        <v>1</v>
      </c>
      <c r="BQ35" s="276">
        <v>0</v>
      </c>
      <c r="BR35" s="280">
        <v>0</v>
      </c>
      <c r="BS35" s="277">
        <v>0</v>
      </c>
      <c r="BT35" s="279">
        <v>0</v>
      </c>
      <c r="BU35" s="280">
        <v>2</v>
      </c>
      <c r="BV35" s="280">
        <v>1</v>
      </c>
      <c r="BW35" s="280">
        <v>1</v>
      </c>
      <c r="BX35" s="280">
        <v>0</v>
      </c>
      <c r="BY35" s="280">
        <v>0</v>
      </c>
      <c r="BZ35" s="277">
        <v>4</v>
      </c>
      <c r="CA35" s="282">
        <v>4</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0</v>
      </c>
      <c r="DV35" s="277">
        <v>1</v>
      </c>
      <c r="DW35" s="279">
        <v>0</v>
      </c>
      <c r="DX35" s="280">
        <v>4</v>
      </c>
      <c r="DY35" s="280">
        <v>1</v>
      </c>
      <c r="DZ35" s="280">
        <v>2</v>
      </c>
      <c r="EA35" s="280">
        <v>1</v>
      </c>
      <c r="EB35" s="280">
        <v>0</v>
      </c>
      <c r="EC35" s="277">
        <v>8</v>
      </c>
      <c r="ED35" s="282">
        <v>9</v>
      </c>
      <c r="EE35" s="276">
        <v>0</v>
      </c>
      <c r="EF35" s="280">
        <v>0</v>
      </c>
      <c r="EG35" s="277">
        <v>0</v>
      </c>
      <c r="EH35" s="279">
        <v>0</v>
      </c>
      <c r="EI35" s="280">
        <v>0</v>
      </c>
      <c r="EJ35" s="280">
        <v>1</v>
      </c>
      <c r="EK35" s="280">
        <v>0</v>
      </c>
      <c r="EL35" s="280">
        <v>1</v>
      </c>
      <c r="EM35" s="280">
        <v>0</v>
      </c>
      <c r="EN35" s="277">
        <v>2</v>
      </c>
      <c r="EO35" s="282">
        <v>2</v>
      </c>
      <c r="EP35" s="276">
        <v>1</v>
      </c>
      <c r="EQ35" s="280">
        <v>1</v>
      </c>
      <c r="ER35" s="277">
        <v>2</v>
      </c>
      <c r="ES35" s="279">
        <v>0</v>
      </c>
      <c r="ET35" s="280">
        <v>6</v>
      </c>
      <c r="EU35" s="280">
        <v>2</v>
      </c>
      <c r="EV35" s="280">
        <v>1</v>
      </c>
      <c r="EW35" s="280">
        <v>1</v>
      </c>
      <c r="EX35" s="280">
        <v>1</v>
      </c>
      <c r="EY35" s="277">
        <v>11</v>
      </c>
      <c r="EZ35" s="282">
        <v>13</v>
      </c>
    </row>
    <row r="36" spans="2:156" ht="19.5" customHeight="1" x14ac:dyDescent="0.2">
      <c r="B36" s="261" t="s">
        <v>34</v>
      </c>
      <c r="C36" s="276">
        <v>0</v>
      </c>
      <c r="D36" s="280">
        <v>0</v>
      </c>
      <c r="E36" s="384">
        <v>0</v>
      </c>
      <c r="F36" s="279">
        <v>0</v>
      </c>
      <c r="G36" s="280">
        <v>1</v>
      </c>
      <c r="H36" s="280">
        <v>0</v>
      </c>
      <c r="I36" s="280">
        <v>0</v>
      </c>
      <c r="J36" s="280">
        <v>0</v>
      </c>
      <c r="K36" s="280">
        <v>0</v>
      </c>
      <c r="L36" s="281">
        <v>1</v>
      </c>
      <c r="M36" s="282">
        <v>1</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1</v>
      </c>
      <c r="AE36" s="280">
        <v>0</v>
      </c>
      <c r="AF36" s="280">
        <v>0</v>
      </c>
      <c r="AG36" s="280">
        <v>0</v>
      </c>
      <c r="AH36" s="277">
        <v>1</v>
      </c>
      <c r="AI36" s="282">
        <v>1</v>
      </c>
      <c r="AJ36" s="276">
        <v>0</v>
      </c>
      <c r="AK36" s="280">
        <v>0</v>
      </c>
      <c r="AL36" s="277">
        <v>0</v>
      </c>
      <c r="AM36" s="279">
        <v>0</v>
      </c>
      <c r="AN36" s="280">
        <v>0</v>
      </c>
      <c r="AO36" s="280">
        <v>1</v>
      </c>
      <c r="AP36" s="280">
        <v>1</v>
      </c>
      <c r="AQ36" s="280">
        <v>0</v>
      </c>
      <c r="AR36" s="280">
        <v>0</v>
      </c>
      <c r="AS36" s="277">
        <v>2</v>
      </c>
      <c r="AT36" s="282">
        <v>2</v>
      </c>
      <c r="AU36" s="276">
        <v>0</v>
      </c>
      <c r="AV36" s="280">
        <v>0</v>
      </c>
      <c r="AW36" s="277">
        <v>0</v>
      </c>
      <c r="AX36" s="279">
        <v>0</v>
      </c>
      <c r="AY36" s="280">
        <v>1</v>
      </c>
      <c r="AZ36" s="280">
        <v>1</v>
      </c>
      <c r="BA36" s="280">
        <v>2</v>
      </c>
      <c r="BB36" s="280">
        <v>0</v>
      </c>
      <c r="BC36" s="280">
        <v>1</v>
      </c>
      <c r="BD36" s="281">
        <v>5</v>
      </c>
      <c r="BE36" s="282">
        <v>5</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1</v>
      </c>
      <c r="BV36" s="280">
        <v>1</v>
      </c>
      <c r="BW36" s="280">
        <v>0</v>
      </c>
      <c r="BX36" s="280">
        <v>0</v>
      </c>
      <c r="BY36" s="280">
        <v>0</v>
      </c>
      <c r="BZ36" s="277">
        <v>2</v>
      </c>
      <c r="CA36" s="282">
        <v>2</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2</v>
      </c>
      <c r="DY36" s="280">
        <v>1</v>
      </c>
      <c r="DZ36" s="280">
        <v>3</v>
      </c>
      <c r="EA36" s="280">
        <v>0</v>
      </c>
      <c r="EB36" s="280">
        <v>0</v>
      </c>
      <c r="EC36" s="277">
        <v>6</v>
      </c>
      <c r="ED36" s="282">
        <v>6</v>
      </c>
      <c r="EE36" s="276">
        <v>0</v>
      </c>
      <c r="EF36" s="280">
        <v>0</v>
      </c>
      <c r="EG36" s="277">
        <v>0</v>
      </c>
      <c r="EH36" s="279">
        <v>0</v>
      </c>
      <c r="EI36" s="280">
        <v>0</v>
      </c>
      <c r="EJ36" s="280">
        <v>1</v>
      </c>
      <c r="EK36" s="280">
        <v>2</v>
      </c>
      <c r="EL36" s="280">
        <v>0</v>
      </c>
      <c r="EM36" s="280">
        <v>1</v>
      </c>
      <c r="EN36" s="277">
        <v>4</v>
      </c>
      <c r="EO36" s="282">
        <v>4</v>
      </c>
      <c r="EP36" s="276">
        <v>0</v>
      </c>
      <c r="EQ36" s="280">
        <v>0</v>
      </c>
      <c r="ER36" s="277">
        <v>0</v>
      </c>
      <c r="ES36" s="279">
        <v>0</v>
      </c>
      <c r="ET36" s="280">
        <v>3</v>
      </c>
      <c r="EU36" s="280">
        <v>2</v>
      </c>
      <c r="EV36" s="280">
        <v>2</v>
      </c>
      <c r="EW36" s="280">
        <v>0</v>
      </c>
      <c r="EX36" s="280">
        <v>0</v>
      </c>
      <c r="EY36" s="277">
        <v>7</v>
      </c>
      <c r="EZ36" s="282">
        <v>7</v>
      </c>
    </row>
    <row r="37" spans="2:156" ht="19.5" customHeight="1" x14ac:dyDescent="0.2">
      <c r="B37" s="261" t="s">
        <v>35</v>
      </c>
      <c r="C37" s="276">
        <v>0</v>
      </c>
      <c r="D37" s="280">
        <v>0</v>
      </c>
      <c r="E37" s="384">
        <v>0</v>
      </c>
      <c r="F37" s="279">
        <v>0</v>
      </c>
      <c r="G37" s="280">
        <v>4</v>
      </c>
      <c r="H37" s="280">
        <v>1</v>
      </c>
      <c r="I37" s="280">
        <v>1</v>
      </c>
      <c r="J37" s="280">
        <v>1</v>
      </c>
      <c r="K37" s="280">
        <v>1</v>
      </c>
      <c r="L37" s="281">
        <v>8</v>
      </c>
      <c r="M37" s="282">
        <v>8</v>
      </c>
      <c r="N37" s="276">
        <v>0</v>
      </c>
      <c r="O37" s="280">
        <v>0</v>
      </c>
      <c r="P37" s="277">
        <v>0</v>
      </c>
      <c r="Q37" s="279">
        <v>0</v>
      </c>
      <c r="R37" s="280">
        <v>0</v>
      </c>
      <c r="S37" s="280">
        <v>0</v>
      </c>
      <c r="T37" s="280">
        <v>0</v>
      </c>
      <c r="U37" s="280">
        <v>1</v>
      </c>
      <c r="V37" s="280">
        <v>1</v>
      </c>
      <c r="W37" s="277">
        <v>2</v>
      </c>
      <c r="X37" s="282">
        <v>2</v>
      </c>
      <c r="Y37" s="276">
        <v>0</v>
      </c>
      <c r="Z37" s="280">
        <v>0</v>
      </c>
      <c r="AA37" s="277">
        <v>0</v>
      </c>
      <c r="AB37" s="279">
        <v>0</v>
      </c>
      <c r="AC37" s="280">
        <v>1</v>
      </c>
      <c r="AD37" s="280">
        <v>1</v>
      </c>
      <c r="AE37" s="280">
        <v>0</v>
      </c>
      <c r="AF37" s="280">
        <v>0</v>
      </c>
      <c r="AG37" s="280">
        <v>0</v>
      </c>
      <c r="AH37" s="277">
        <v>2</v>
      </c>
      <c r="AI37" s="282">
        <v>2</v>
      </c>
      <c r="AJ37" s="276">
        <v>0</v>
      </c>
      <c r="AK37" s="280">
        <v>0</v>
      </c>
      <c r="AL37" s="277">
        <v>0</v>
      </c>
      <c r="AM37" s="279">
        <v>0</v>
      </c>
      <c r="AN37" s="280">
        <v>1</v>
      </c>
      <c r="AO37" s="280">
        <v>1</v>
      </c>
      <c r="AP37" s="280">
        <v>1</v>
      </c>
      <c r="AQ37" s="280">
        <v>1</v>
      </c>
      <c r="AR37" s="280">
        <v>0</v>
      </c>
      <c r="AS37" s="277">
        <v>4</v>
      </c>
      <c r="AT37" s="282">
        <v>4</v>
      </c>
      <c r="AU37" s="276">
        <v>3</v>
      </c>
      <c r="AV37" s="280">
        <v>2</v>
      </c>
      <c r="AW37" s="277">
        <v>5</v>
      </c>
      <c r="AX37" s="279">
        <v>0</v>
      </c>
      <c r="AY37" s="280">
        <v>7</v>
      </c>
      <c r="AZ37" s="280">
        <v>6</v>
      </c>
      <c r="BA37" s="280">
        <v>3</v>
      </c>
      <c r="BB37" s="280">
        <v>5</v>
      </c>
      <c r="BC37" s="280">
        <v>2</v>
      </c>
      <c r="BD37" s="281">
        <v>23</v>
      </c>
      <c r="BE37" s="282">
        <v>28</v>
      </c>
      <c r="BF37" s="276">
        <v>0</v>
      </c>
      <c r="BG37" s="280">
        <v>0</v>
      </c>
      <c r="BH37" s="277">
        <v>0</v>
      </c>
      <c r="BI37" s="279">
        <v>0</v>
      </c>
      <c r="BJ37" s="280">
        <v>4</v>
      </c>
      <c r="BK37" s="280">
        <v>4</v>
      </c>
      <c r="BL37" s="280">
        <v>1</v>
      </c>
      <c r="BM37" s="280">
        <v>0</v>
      </c>
      <c r="BN37" s="280">
        <v>0</v>
      </c>
      <c r="BO37" s="277">
        <v>9</v>
      </c>
      <c r="BP37" s="282">
        <v>9</v>
      </c>
      <c r="BQ37" s="276">
        <v>0</v>
      </c>
      <c r="BR37" s="280">
        <v>0</v>
      </c>
      <c r="BS37" s="277">
        <v>0</v>
      </c>
      <c r="BT37" s="279">
        <v>0</v>
      </c>
      <c r="BU37" s="280">
        <v>1</v>
      </c>
      <c r="BV37" s="280">
        <v>0</v>
      </c>
      <c r="BW37" s="280">
        <v>0</v>
      </c>
      <c r="BX37" s="280">
        <v>1</v>
      </c>
      <c r="BY37" s="280">
        <v>0</v>
      </c>
      <c r="BZ37" s="277">
        <v>2</v>
      </c>
      <c r="CA37" s="282">
        <v>2</v>
      </c>
      <c r="CB37" s="276">
        <v>0</v>
      </c>
      <c r="CC37" s="280">
        <v>1</v>
      </c>
      <c r="CD37" s="277">
        <v>1</v>
      </c>
      <c r="CE37" s="279">
        <v>0</v>
      </c>
      <c r="CF37" s="280">
        <v>0</v>
      </c>
      <c r="CG37" s="280">
        <v>0</v>
      </c>
      <c r="CH37" s="280">
        <v>0</v>
      </c>
      <c r="CI37" s="280">
        <v>0</v>
      </c>
      <c r="CJ37" s="280">
        <v>0</v>
      </c>
      <c r="CK37" s="277">
        <v>0</v>
      </c>
      <c r="CL37" s="282">
        <v>1</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3</v>
      </c>
      <c r="DU37" s="280">
        <v>2</v>
      </c>
      <c r="DV37" s="277">
        <v>5</v>
      </c>
      <c r="DW37" s="279">
        <v>0</v>
      </c>
      <c r="DX37" s="280">
        <v>7</v>
      </c>
      <c r="DY37" s="280">
        <v>8</v>
      </c>
      <c r="DZ37" s="280">
        <v>3</v>
      </c>
      <c r="EA37" s="280">
        <v>3</v>
      </c>
      <c r="EB37" s="280">
        <v>1</v>
      </c>
      <c r="EC37" s="277">
        <v>22</v>
      </c>
      <c r="ED37" s="282">
        <v>27</v>
      </c>
      <c r="EE37" s="276">
        <v>3</v>
      </c>
      <c r="EF37" s="280">
        <v>1</v>
      </c>
      <c r="EG37" s="277">
        <v>4</v>
      </c>
      <c r="EH37" s="279">
        <v>0</v>
      </c>
      <c r="EI37" s="280">
        <v>4</v>
      </c>
      <c r="EJ37" s="280">
        <v>2</v>
      </c>
      <c r="EK37" s="280">
        <v>1</v>
      </c>
      <c r="EL37" s="280">
        <v>2</v>
      </c>
      <c r="EM37" s="280">
        <v>1</v>
      </c>
      <c r="EN37" s="277">
        <v>10</v>
      </c>
      <c r="EO37" s="282">
        <v>14</v>
      </c>
      <c r="EP37" s="276">
        <v>3</v>
      </c>
      <c r="EQ37" s="280">
        <v>3</v>
      </c>
      <c r="ER37" s="277">
        <v>6</v>
      </c>
      <c r="ES37" s="279">
        <v>0</v>
      </c>
      <c r="ET37" s="280">
        <v>11</v>
      </c>
      <c r="EU37" s="280">
        <v>7</v>
      </c>
      <c r="EV37" s="280">
        <v>3</v>
      </c>
      <c r="EW37" s="280">
        <v>3</v>
      </c>
      <c r="EX37" s="280">
        <v>1</v>
      </c>
      <c r="EY37" s="277">
        <v>25</v>
      </c>
      <c r="EZ37" s="282">
        <v>31</v>
      </c>
    </row>
    <row r="38" spans="2:156" ht="19.5" customHeight="1" x14ac:dyDescent="0.2">
      <c r="B38" s="261" t="s">
        <v>36</v>
      </c>
      <c r="C38" s="276">
        <v>0</v>
      </c>
      <c r="D38" s="280">
        <v>0</v>
      </c>
      <c r="E38" s="384">
        <v>0</v>
      </c>
      <c r="F38" s="279">
        <v>0</v>
      </c>
      <c r="G38" s="280">
        <v>2</v>
      </c>
      <c r="H38" s="280">
        <v>2</v>
      </c>
      <c r="I38" s="280">
        <v>1</v>
      </c>
      <c r="J38" s="280">
        <v>0</v>
      </c>
      <c r="K38" s="280">
        <v>0</v>
      </c>
      <c r="L38" s="281">
        <v>5</v>
      </c>
      <c r="M38" s="282">
        <v>5</v>
      </c>
      <c r="N38" s="276">
        <v>0</v>
      </c>
      <c r="O38" s="280">
        <v>0</v>
      </c>
      <c r="P38" s="277">
        <v>0</v>
      </c>
      <c r="Q38" s="279">
        <v>0</v>
      </c>
      <c r="R38" s="280">
        <v>0</v>
      </c>
      <c r="S38" s="280">
        <v>0</v>
      </c>
      <c r="T38" s="280">
        <v>0</v>
      </c>
      <c r="U38" s="280">
        <v>0</v>
      </c>
      <c r="V38" s="280">
        <v>0</v>
      </c>
      <c r="W38" s="277">
        <v>0</v>
      </c>
      <c r="X38" s="282">
        <v>0</v>
      </c>
      <c r="Y38" s="276">
        <v>1</v>
      </c>
      <c r="Z38" s="280">
        <v>0</v>
      </c>
      <c r="AA38" s="277">
        <v>1</v>
      </c>
      <c r="AB38" s="279">
        <v>0</v>
      </c>
      <c r="AC38" s="280">
        <v>3</v>
      </c>
      <c r="AD38" s="280">
        <v>0</v>
      </c>
      <c r="AE38" s="280">
        <v>1</v>
      </c>
      <c r="AF38" s="280">
        <v>0</v>
      </c>
      <c r="AG38" s="280">
        <v>0</v>
      </c>
      <c r="AH38" s="277">
        <v>4</v>
      </c>
      <c r="AI38" s="282">
        <v>5</v>
      </c>
      <c r="AJ38" s="276">
        <v>0</v>
      </c>
      <c r="AK38" s="280">
        <v>0</v>
      </c>
      <c r="AL38" s="277">
        <v>0</v>
      </c>
      <c r="AM38" s="279">
        <v>0</v>
      </c>
      <c r="AN38" s="280">
        <v>0</v>
      </c>
      <c r="AO38" s="280">
        <v>1</v>
      </c>
      <c r="AP38" s="280">
        <v>1</v>
      </c>
      <c r="AQ38" s="280">
        <v>0</v>
      </c>
      <c r="AR38" s="280">
        <v>0</v>
      </c>
      <c r="AS38" s="277">
        <v>2</v>
      </c>
      <c r="AT38" s="282">
        <v>2</v>
      </c>
      <c r="AU38" s="276">
        <v>1</v>
      </c>
      <c r="AV38" s="280">
        <v>0</v>
      </c>
      <c r="AW38" s="277">
        <v>1</v>
      </c>
      <c r="AX38" s="279">
        <v>0</v>
      </c>
      <c r="AY38" s="280">
        <v>2</v>
      </c>
      <c r="AZ38" s="280">
        <v>2</v>
      </c>
      <c r="BA38" s="280">
        <v>4</v>
      </c>
      <c r="BB38" s="280">
        <v>1</v>
      </c>
      <c r="BC38" s="280">
        <v>3</v>
      </c>
      <c r="BD38" s="281">
        <v>12</v>
      </c>
      <c r="BE38" s="282">
        <v>13</v>
      </c>
      <c r="BF38" s="276">
        <v>0</v>
      </c>
      <c r="BG38" s="280">
        <v>0</v>
      </c>
      <c r="BH38" s="277">
        <v>0</v>
      </c>
      <c r="BI38" s="279">
        <v>0</v>
      </c>
      <c r="BJ38" s="280">
        <v>2</v>
      </c>
      <c r="BK38" s="280">
        <v>2</v>
      </c>
      <c r="BL38" s="280">
        <v>1</v>
      </c>
      <c r="BM38" s="280">
        <v>0</v>
      </c>
      <c r="BN38" s="280">
        <v>0</v>
      </c>
      <c r="BO38" s="277">
        <v>5</v>
      </c>
      <c r="BP38" s="282">
        <v>5</v>
      </c>
      <c r="BQ38" s="276">
        <v>0</v>
      </c>
      <c r="BR38" s="280">
        <v>1</v>
      </c>
      <c r="BS38" s="277">
        <v>1</v>
      </c>
      <c r="BT38" s="279">
        <v>0</v>
      </c>
      <c r="BU38" s="280">
        <v>0</v>
      </c>
      <c r="BV38" s="280">
        <v>2</v>
      </c>
      <c r="BW38" s="280">
        <v>0</v>
      </c>
      <c r="BX38" s="280">
        <v>0</v>
      </c>
      <c r="BY38" s="280">
        <v>0</v>
      </c>
      <c r="BZ38" s="277">
        <v>2</v>
      </c>
      <c r="CA38" s="282">
        <v>3</v>
      </c>
      <c r="CB38" s="276">
        <v>0</v>
      </c>
      <c r="CC38" s="280">
        <v>0</v>
      </c>
      <c r="CD38" s="277">
        <v>0</v>
      </c>
      <c r="CE38" s="279">
        <v>0</v>
      </c>
      <c r="CF38" s="280">
        <v>0</v>
      </c>
      <c r="CG38" s="280">
        <v>0</v>
      </c>
      <c r="CH38" s="280">
        <v>1</v>
      </c>
      <c r="CI38" s="280">
        <v>0</v>
      </c>
      <c r="CJ38" s="280">
        <v>0</v>
      </c>
      <c r="CK38" s="277">
        <v>1</v>
      </c>
      <c r="CL38" s="282">
        <v>1</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2</v>
      </c>
      <c r="DV38" s="277">
        <v>2</v>
      </c>
      <c r="DW38" s="279">
        <v>0</v>
      </c>
      <c r="DX38" s="280">
        <v>7</v>
      </c>
      <c r="DY38" s="280">
        <v>6</v>
      </c>
      <c r="DZ38" s="280">
        <v>3</v>
      </c>
      <c r="EA38" s="280">
        <v>0</v>
      </c>
      <c r="EB38" s="280">
        <v>1</v>
      </c>
      <c r="EC38" s="277">
        <v>17</v>
      </c>
      <c r="ED38" s="282">
        <v>19</v>
      </c>
      <c r="EE38" s="276">
        <v>0</v>
      </c>
      <c r="EF38" s="280">
        <v>0</v>
      </c>
      <c r="EG38" s="277">
        <v>0</v>
      </c>
      <c r="EH38" s="279">
        <v>0</v>
      </c>
      <c r="EI38" s="280">
        <v>1</v>
      </c>
      <c r="EJ38" s="280">
        <v>1</v>
      </c>
      <c r="EK38" s="280">
        <v>1</v>
      </c>
      <c r="EL38" s="280">
        <v>1</v>
      </c>
      <c r="EM38" s="280">
        <v>2</v>
      </c>
      <c r="EN38" s="277">
        <v>6</v>
      </c>
      <c r="EO38" s="282">
        <v>6</v>
      </c>
      <c r="EP38" s="276">
        <v>1</v>
      </c>
      <c r="EQ38" s="280">
        <v>4</v>
      </c>
      <c r="ER38" s="277">
        <v>5</v>
      </c>
      <c r="ES38" s="279">
        <v>0</v>
      </c>
      <c r="ET38" s="280">
        <v>11</v>
      </c>
      <c r="EU38" s="280">
        <v>10</v>
      </c>
      <c r="EV38" s="280">
        <v>3</v>
      </c>
      <c r="EW38" s="280">
        <v>0</v>
      </c>
      <c r="EX38" s="280">
        <v>1</v>
      </c>
      <c r="EY38" s="277">
        <v>25</v>
      </c>
      <c r="EZ38" s="282">
        <v>30</v>
      </c>
    </row>
    <row r="39" spans="2:156" ht="19.5"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1</v>
      </c>
      <c r="AP39" s="287">
        <v>0</v>
      </c>
      <c r="AQ39" s="287">
        <v>0</v>
      </c>
      <c r="AR39" s="287">
        <v>0</v>
      </c>
      <c r="AS39" s="284">
        <v>1</v>
      </c>
      <c r="AT39" s="289">
        <v>1</v>
      </c>
      <c r="AU39" s="283">
        <v>0</v>
      </c>
      <c r="AV39" s="287">
        <v>0</v>
      </c>
      <c r="AW39" s="284">
        <v>0</v>
      </c>
      <c r="AX39" s="286">
        <v>0</v>
      </c>
      <c r="AY39" s="287">
        <v>0</v>
      </c>
      <c r="AZ39" s="287">
        <v>0</v>
      </c>
      <c r="BA39" s="287">
        <v>0</v>
      </c>
      <c r="BB39" s="287">
        <v>0</v>
      </c>
      <c r="BC39" s="287">
        <v>1</v>
      </c>
      <c r="BD39" s="288">
        <v>1</v>
      </c>
      <c r="BE39" s="289">
        <v>1</v>
      </c>
      <c r="BF39" s="283">
        <v>0</v>
      </c>
      <c r="BG39" s="287">
        <v>0</v>
      </c>
      <c r="BH39" s="284">
        <v>0</v>
      </c>
      <c r="BI39" s="286">
        <v>0</v>
      </c>
      <c r="BJ39" s="287">
        <v>0</v>
      </c>
      <c r="BK39" s="287">
        <v>2</v>
      </c>
      <c r="BL39" s="287">
        <v>0</v>
      </c>
      <c r="BM39" s="287">
        <v>0</v>
      </c>
      <c r="BN39" s="287">
        <v>0</v>
      </c>
      <c r="BO39" s="284">
        <v>2</v>
      </c>
      <c r="BP39" s="289">
        <v>2</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2</v>
      </c>
      <c r="DZ39" s="287">
        <v>0</v>
      </c>
      <c r="EA39" s="287">
        <v>0</v>
      </c>
      <c r="EB39" s="287">
        <v>0</v>
      </c>
      <c r="EC39" s="284">
        <v>2</v>
      </c>
      <c r="ED39" s="289">
        <v>2</v>
      </c>
      <c r="EE39" s="283">
        <v>0</v>
      </c>
      <c r="EF39" s="287">
        <v>0</v>
      </c>
      <c r="EG39" s="284">
        <v>0</v>
      </c>
      <c r="EH39" s="286">
        <v>0</v>
      </c>
      <c r="EI39" s="287">
        <v>0</v>
      </c>
      <c r="EJ39" s="287">
        <v>0</v>
      </c>
      <c r="EK39" s="287">
        <v>0</v>
      </c>
      <c r="EL39" s="287">
        <v>0</v>
      </c>
      <c r="EM39" s="287">
        <v>1</v>
      </c>
      <c r="EN39" s="284">
        <v>1</v>
      </c>
      <c r="EO39" s="289">
        <v>1</v>
      </c>
      <c r="EP39" s="283">
        <v>0</v>
      </c>
      <c r="EQ39" s="287">
        <v>0</v>
      </c>
      <c r="ER39" s="284">
        <v>0</v>
      </c>
      <c r="ES39" s="286">
        <v>0</v>
      </c>
      <c r="ET39" s="287">
        <v>0</v>
      </c>
      <c r="EU39" s="287">
        <v>2</v>
      </c>
      <c r="EV39" s="287">
        <v>0</v>
      </c>
      <c r="EW39" s="287">
        <v>0</v>
      </c>
      <c r="EX39" s="287">
        <v>0</v>
      </c>
      <c r="EY39" s="284">
        <v>2</v>
      </c>
      <c r="EZ39" s="289">
        <v>2</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6">
        <f>第１表!F2</f>
        <v>4</v>
      </c>
      <c r="J1" s="526"/>
      <c r="K1" s="248">
        <f>第１表!G2</f>
        <v>10</v>
      </c>
      <c r="L1" s="531">
        <f>IF(K1&lt;3,K1+12-2,K1-2)</f>
        <v>8</v>
      </c>
      <c r="M1" s="531"/>
    </row>
    <row r="2" spans="2:156" ht="24" customHeight="1" thickBot="1" x14ac:dyDescent="0.25">
      <c r="B2" s="290" t="s">
        <v>154</v>
      </c>
      <c r="G2" s="247"/>
      <c r="H2" s="248"/>
      <c r="J2" s="349"/>
      <c r="K2" s="349"/>
    </row>
    <row r="3" spans="2:156" ht="23.25" customHeight="1" thickBot="1" x14ac:dyDescent="0.25">
      <c r="B3" s="539"/>
      <c r="C3" s="542" t="s">
        <v>70</v>
      </c>
      <c r="D3" s="543"/>
      <c r="E3" s="543"/>
      <c r="F3" s="543"/>
      <c r="G3" s="543"/>
      <c r="H3" s="543"/>
      <c r="I3" s="543"/>
      <c r="J3" s="543"/>
      <c r="K3" s="543"/>
      <c r="L3" s="543"/>
      <c r="M3" s="544"/>
      <c r="N3" s="542" t="s">
        <v>71</v>
      </c>
      <c r="O3" s="543"/>
      <c r="P3" s="543"/>
      <c r="Q3" s="543"/>
      <c r="R3" s="543"/>
      <c r="S3" s="543"/>
      <c r="T3" s="543"/>
      <c r="U3" s="543"/>
      <c r="V3" s="543"/>
      <c r="W3" s="543"/>
      <c r="X3" s="544"/>
      <c r="Y3" s="542" t="s">
        <v>72</v>
      </c>
      <c r="Z3" s="543"/>
      <c r="AA3" s="543"/>
      <c r="AB3" s="543"/>
      <c r="AC3" s="543"/>
      <c r="AD3" s="543"/>
      <c r="AE3" s="543"/>
      <c r="AF3" s="543"/>
      <c r="AG3" s="543"/>
      <c r="AH3" s="543"/>
      <c r="AI3" s="544"/>
      <c r="AJ3" s="542" t="s">
        <v>73</v>
      </c>
      <c r="AK3" s="543"/>
      <c r="AL3" s="543"/>
      <c r="AM3" s="543"/>
      <c r="AN3" s="543"/>
      <c r="AO3" s="543"/>
      <c r="AP3" s="543"/>
      <c r="AQ3" s="543"/>
      <c r="AR3" s="543"/>
      <c r="AS3" s="543"/>
      <c r="AT3" s="544"/>
      <c r="AU3" s="542" t="s">
        <v>74</v>
      </c>
      <c r="AV3" s="543"/>
      <c r="AW3" s="543"/>
      <c r="AX3" s="543"/>
      <c r="AY3" s="543"/>
      <c r="AZ3" s="543"/>
      <c r="BA3" s="543"/>
      <c r="BB3" s="543"/>
      <c r="BC3" s="543"/>
      <c r="BD3" s="543"/>
      <c r="BE3" s="544"/>
      <c r="BF3" s="542" t="s">
        <v>75</v>
      </c>
      <c r="BG3" s="543"/>
      <c r="BH3" s="543"/>
      <c r="BI3" s="543"/>
      <c r="BJ3" s="543"/>
      <c r="BK3" s="543"/>
      <c r="BL3" s="543"/>
      <c r="BM3" s="543"/>
      <c r="BN3" s="543"/>
      <c r="BO3" s="543"/>
      <c r="BP3" s="544"/>
      <c r="BQ3" s="542" t="s">
        <v>76</v>
      </c>
      <c r="BR3" s="543"/>
      <c r="BS3" s="543"/>
      <c r="BT3" s="543"/>
      <c r="BU3" s="543"/>
      <c r="BV3" s="543"/>
      <c r="BW3" s="543"/>
      <c r="BX3" s="543"/>
      <c r="BY3" s="543"/>
      <c r="BZ3" s="543"/>
      <c r="CA3" s="544"/>
      <c r="CB3" s="542" t="s">
        <v>77</v>
      </c>
      <c r="CC3" s="543"/>
      <c r="CD3" s="543"/>
      <c r="CE3" s="543"/>
      <c r="CF3" s="543"/>
      <c r="CG3" s="543"/>
      <c r="CH3" s="543"/>
      <c r="CI3" s="543"/>
      <c r="CJ3" s="543"/>
      <c r="CK3" s="543"/>
      <c r="CL3" s="544"/>
      <c r="CM3" s="542" t="s">
        <v>78</v>
      </c>
      <c r="CN3" s="543"/>
      <c r="CO3" s="543"/>
      <c r="CP3" s="543"/>
      <c r="CQ3" s="543"/>
      <c r="CR3" s="543"/>
      <c r="CS3" s="543"/>
      <c r="CT3" s="543"/>
      <c r="CU3" s="543"/>
      <c r="CV3" s="543"/>
      <c r="CW3" s="544"/>
      <c r="CX3" s="542" t="s">
        <v>79</v>
      </c>
      <c r="CY3" s="543"/>
      <c r="CZ3" s="543"/>
      <c r="DA3" s="543"/>
      <c r="DB3" s="543"/>
      <c r="DC3" s="543"/>
      <c r="DD3" s="543"/>
      <c r="DE3" s="543"/>
      <c r="DF3" s="543"/>
      <c r="DG3" s="543"/>
      <c r="DH3" s="544"/>
      <c r="DI3" s="542" t="s">
        <v>152</v>
      </c>
      <c r="DJ3" s="543"/>
      <c r="DK3" s="543"/>
      <c r="DL3" s="543"/>
      <c r="DM3" s="543"/>
      <c r="DN3" s="543"/>
      <c r="DO3" s="543"/>
      <c r="DP3" s="543"/>
      <c r="DQ3" s="543"/>
      <c r="DR3" s="543"/>
      <c r="DS3" s="544"/>
      <c r="DT3" s="542" t="s">
        <v>80</v>
      </c>
      <c r="DU3" s="543"/>
      <c r="DV3" s="543"/>
      <c r="DW3" s="543"/>
      <c r="DX3" s="543"/>
      <c r="DY3" s="543"/>
      <c r="DZ3" s="543"/>
      <c r="EA3" s="543"/>
      <c r="EB3" s="543"/>
      <c r="EC3" s="543"/>
      <c r="ED3" s="544"/>
      <c r="EE3" s="542" t="s">
        <v>68</v>
      </c>
      <c r="EF3" s="543"/>
      <c r="EG3" s="543"/>
      <c r="EH3" s="543"/>
      <c r="EI3" s="543"/>
      <c r="EJ3" s="543"/>
      <c r="EK3" s="543"/>
      <c r="EL3" s="543"/>
      <c r="EM3" s="543"/>
      <c r="EN3" s="543"/>
      <c r="EO3" s="544"/>
      <c r="EP3" s="545" t="s">
        <v>69</v>
      </c>
      <c r="EQ3" s="546"/>
      <c r="ER3" s="546"/>
      <c r="ES3" s="546"/>
      <c r="ET3" s="546"/>
      <c r="EU3" s="546"/>
      <c r="EV3" s="546"/>
      <c r="EW3" s="546"/>
      <c r="EX3" s="546"/>
      <c r="EY3" s="546"/>
      <c r="EZ3" s="547"/>
    </row>
    <row r="4" spans="2:156" ht="22.5" customHeight="1" x14ac:dyDescent="0.2">
      <c r="B4" s="540"/>
      <c r="C4" s="534" t="s">
        <v>61</v>
      </c>
      <c r="D4" s="535"/>
      <c r="E4" s="536"/>
      <c r="F4" s="537" t="s">
        <v>62</v>
      </c>
      <c r="G4" s="535"/>
      <c r="H4" s="535"/>
      <c r="I4" s="535"/>
      <c r="J4" s="535"/>
      <c r="K4" s="535"/>
      <c r="L4" s="538"/>
      <c r="M4" s="532" t="s">
        <v>52</v>
      </c>
      <c r="N4" s="534" t="s">
        <v>61</v>
      </c>
      <c r="O4" s="535"/>
      <c r="P4" s="536"/>
      <c r="Q4" s="537" t="s">
        <v>62</v>
      </c>
      <c r="R4" s="535"/>
      <c r="S4" s="535"/>
      <c r="T4" s="535"/>
      <c r="U4" s="535"/>
      <c r="V4" s="535"/>
      <c r="W4" s="536"/>
      <c r="X4" s="532" t="s">
        <v>52</v>
      </c>
      <c r="Y4" s="534" t="s">
        <v>61</v>
      </c>
      <c r="Z4" s="535"/>
      <c r="AA4" s="536"/>
      <c r="AB4" s="537" t="s">
        <v>62</v>
      </c>
      <c r="AC4" s="535"/>
      <c r="AD4" s="535"/>
      <c r="AE4" s="535"/>
      <c r="AF4" s="535"/>
      <c r="AG4" s="535"/>
      <c r="AH4" s="536"/>
      <c r="AI4" s="532" t="s">
        <v>52</v>
      </c>
      <c r="AJ4" s="534" t="s">
        <v>61</v>
      </c>
      <c r="AK4" s="535"/>
      <c r="AL4" s="536"/>
      <c r="AM4" s="537" t="s">
        <v>62</v>
      </c>
      <c r="AN4" s="535"/>
      <c r="AO4" s="535"/>
      <c r="AP4" s="535"/>
      <c r="AQ4" s="535"/>
      <c r="AR4" s="535"/>
      <c r="AS4" s="536"/>
      <c r="AT4" s="532" t="s">
        <v>52</v>
      </c>
      <c r="AU4" s="534" t="s">
        <v>61</v>
      </c>
      <c r="AV4" s="535"/>
      <c r="AW4" s="536"/>
      <c r="AX4" s="537" t="s">
        <v>62</v>
      </c>
      <c r="AY4" s="535"/>
      <c r="AZ4" s="535"/>
      <c r="BA4" s="535"/>
      <c r="BB4" s="535"/>
      <c r="BC4" s="535"/>
      <c r="BD4" s="538"/>
      <c r="BE4" s="532" t="s">
        <v>52</v>
      </c>
      <c r="BF4" s="534" t="s">
        <v>61</v>
      </c>
      <c r="BG4" s="535"/>
      <c r="BH4" s="536"/>
      <c r="BI4" s="537" t="s">
        <v>62</v>
      </c>
      <c r="BJ4" s="535"/>
      <c r="BK4" s="535"/>
      <c r="BL4" s="535"/>
      <c r="BM4" s="535"/>
      <c r="BN4" s="535"/>
      <c r="BO4" s="536"/>
      <c r="BP4" s="532" t="s">
        <v>52</v>
      </c>
      <c r="BQ4" s="534" t="s">
        <v>61</v>
      </c>
      <c r="BR4" s="535"/>
      <c r="BS4" s="536"/>
      <c r="BT4" s="537" t="s">
        <v>62</v>
      </c>
      <c r="BU4" s="535"/>
      <c r="BV4" s="535"/>
      <c r="BW4" s="535"/>
      <c r="BX4" s="535"/>
      <c r="BY4" s="535"/>
      <c r="BZ4" s="536"/>
      <c r="CA4" s="532" t="s">
        <v>52</v>
      </c>
      <c r="CB4" s="534" t="s">
        <v>61</v>
      </c>
      <c r="CC4" s="535"/>
      <c r="CD4" s="536"/>
      <c r="CE4" s="537" t="s">
        <v>62</v>
      </c>
      <c r="CF4" s="535"/>
      <c r="CG4" s="535"/>
      <c r="CH4" s="535"/>
      <c r="CI4" s="535"/>
      <c r="CJ4" s="535"/>
      <c r="CK4" s="536"/>
      <c r="CL4" s="532" t="s">
        <v>52</v>
      </c>
      <c r="CM4" s="534" t="s">
        <v>61</v>
      </c>
      <c r="CN4" s="535"/>
      <c r="CO4" s="536"/>
      <c r="CP4" s="537" t="s">
        <v>62</v>
      </c>
      <c r="CQ4" s="535"/>
      <c r="CR4" s="535"/>
      <c r="CS4" s="535"/>
      <c r="CT4" s="535"/>
      <c r="CU4" s="535"/>
      <c r="CV4" s="536"/>
      <c r="CW4" s="532" t="s">
        <v>52</v>
      </c>
      <c r="CX4" s="534" t="s">
        <v>61</v>
      </c>
      <c r="CY4" s="535"/>
      <c r="CZ4" s="536"/>
      <c r="DA4" s="537" t="s">
        <v>62</v>
      </c>
      <c r="DB4" s="535"/>
      <c r="DC4" s="535"/>
      <c r="DD4" s="535"/>
      <c r="DE4" s="535"/>
      <c r="DF4" s="535"/>
      <c r="DG4" s="536"/>
      <c r="DH4" s="532" t="s">
        <v>52</v>
      </c>
      <c r="DI4" s="534" t="s">
        <v>61</v>
      </c>
      <c r="DJ4" s="535"/>
      <c r="DK4" s="536"/>
      <c r="DL4" s="537" t="s">
        <v>62</v>
      </c>
      <c r="DM4" s="535"/>
      <c r="DN4" s="535"/>
      <c r="DO4" s="535"/>
      <c r="DP4" s="535"/>
      <c r="DQ4" s="535"/>
      <c r="DR4" s="536"/>
      <c r="DS4" s="532" t="s">
        <v>52</v>
      </c>
      <c r="DT4" s="534" t="s">
        <v>61</v>
      </c>
      <c r="DU4" s="535"/>
      <c r="DV4" s="536"/>
      <c r="DW4" s="537" t="s">
        <v>62</v>
      </c>
      <c r="DX4" s="535"/>
      <c r="DY4" s="535"/>
      <c r="DZ4" s="535"/>
      <c r="EA4" s="535"/>
      <c r="EB4" s="535"/>
      <c r="EC4" s="536"/>
      <c r="ED4" s="532" t="s">
        <v>52</v>
      </c>
      <c r="EE4" s="534" t="s">
        <v>61</v>
      </c>
      <c r="EF4" s="535"/>
      <c r="EG4" s="536"/>
      <c r="EH4" s="537" t="s">
        <v>62</v>
      </c>
      <c r="EI4" s="535"/>
      <c r="EJ4" s="535"/>
      <c r="EK4" s="535"/>
      <c r="EL4" s="535"/>
      <c r="EM4" s="535"/>
      <c r="EN4" s="536"/>
      <c r="EO4" s="532" t="s">
        <v>52</v>
      </c>
      <c r="EP4" s="534" t="s">
        <v>61</v>
      </c>
      <c r="EQ4" s="535"/>
      <c r="ER4" s="536"/>
      <c r="ES4" s="537" t="s">
        <v>62</v>
      </c>
      <c r="ET4" s="535"/>
      <c r="EU4" s="535"/>
      <c r="EV4" s="535"/>
      <c r="EW4" s="535"/>
      <c r="EX4" s="535"/>
      <c r="EY4" s="536"/>
      <c r="EZ4" s="532" t="s">
        <v>52</v>
      </c>
    </row>
    <row r="5" spans="2:156" ht="34.5" customHeight="1" thickBot="1" x14ac:dyDescent="0.25">
      <c r="B5" s="541"/>
      <c r="C5" s="350" t="s">
        <v>43</v>
      </c>
      <c r="D5" s="259" t="s">
        <v>162</v>
      </c>
      <c r="E5" s="382" t="s">
        <v>45</v>
      </c>
      <c r="F5" s="267" t="s">
        <v>83</v>
      </c>
      <c r="G5" s="259" t="s">
        <v>47</v>
      </c>
      <c r="H5" s="259" t="s">
        <v>48</v>
      </c>
      <c r="I5" s="259" t="s">
        <v>49</v>
      </c>
      <c r="J5" s="259" t="s">
        <v>50</v>
      </c>
      <c r="K5" s="259" t="s">
        <v>51</v>
      </c>
      <c r="L5" s="268" t="s">
        <v>45</v>
      </c>
      <c r="M5" s="533"/>
      <c r="N5" s="350" t="s">
        <v>43</v>
      </c>
      <c r="O5" s="259" t="s">
        <v>44</v>
      </c>
      <c r="P5" s="265" t="s">
        <v>45</v>
      </c>
      <c r="Q5" s="267" t="s">
        <v>83</v>
      </c>
      <c r="R5" s="259" t="s">
        <v>47</v>
      </c>
      <c r="S5" s="259" t="s">
        <v>48</v>
      </c>
      <c r="T5" s="259" t="s">
        <v>49</v>
      </c>
      <c r="U5" s="259" t="s">
        <v>50</v>
      </c>
      <c r="V5" s="259" t="s">
        <v>51</v>
      </c>
      <c r="W5" s="265" t="s">
        <v>45</v>
      </c>
      <c r="X5" s="533"/>
      <c r="Y5" s="350" t="s">
        <v>43</v>
      </c>
      <c r="Z5" s="259" t="s">
        <v>44</v>
      </c>
      <c r="AA5" s="265" t="s">
        <v>45</v>
      </c>
      <c r="AB5" s="267" t="s">
        <v>83</v>
      </c>
      <c r="AC5" s="259" t="s">
        <v>47</v>
      </c>
      <c r="AD5" s="259" t="s">
        <v>48</v>
      </c>
      <c r="AE5" s="259" t="s">
        <v>49</v>
      </c>
      <c r="AF5" s="259" t="s">
        <v>50</v>
      </c>
      <c r="AG5" s="259" t="s">
        <v>51</v>
      </c>
      <c r="AH5" s="265" t="s">
        <v>45</v>
      </c>
      <c r="AI5" s="533"/>
      <c r="AJ5" s="350" t="s">
        <v>43</v>
      </c>
      <c r="AK5" s="259" t="s">
        <v>44</v>
      </c>
      <c r="AL5" s="265" t="s">
        <v>45</v>
      </c>
      <c r="AM5" s="267" t="s">
        <v>83</v>
      </c>
      <c r="AN5" s="259" t="s">
        <v>47</v>
      </c>
      <c r="AO5" s="259" t="s">
        <v>48</v>
      </c>
      <c r="AP5" s="259" t="s">
        <v>49</v>
      </c>
      <c r="AQ5" s="259" t="s">
        <v>50</v>
      </c>
      <c r="AR5" s="259" t="s">
        <v>51</v>
      </c>
      <c r="AS5" s="265" t="s">
        <v>45</v>
      </c>
      <c r="AT5" s="533"/>
      <c r="AU5" s="350" t="s">
        <v>43</v>
      </c>
      <c r="AV5" s="259" t="s">
        <v>44</v>
      </c>
      <c r="AW5" s="265" t="s">
        <v>45</v>
      </c>
      <c r="AX5" s="267" t="s">
        <v>83</v>
      </c>
      <c r="AY5" s="259" t="s">
        <v>47</v>
      </c>
      <c r="AZ5" s="259" t="s">
        <v>48</v>
      </c>
      <c r="BA5" s="259" t="s">
        <v>49</v>
      </c>
      <c r="BB5" s="259" t="s">
        <v>50</v>
      </c>
      <c r="BC5" s="259" t="s">
        <v>51</v>
      </c>
      <c r="BD5" s="268" t="s">
        <v>45</v>
      </c>
      <c r="BE5" s="533"/>
      <c r="BF5" s="350" t="s">
        <v>43</v>
      </c>
      <c r="BG5" s="259" t="s">
        <v>44</v>
      </c>
      <c r="BH5" s="265" t="s">
        <v>45</v>
      </c>
      <c r="BI5" s="267" t="s">
        <v>83</v>
      </c>
      <c r="BJ5" s="259" t="s">
        <v>47</v>
      </c>
      <c r="BK5" s="259" t="s">
        <v>48</v>
      </c>
      <c r="BL5" s="259" t="s">
        <v>49</v>
      </c>
      <c r="BM5" s="259" t="s">
        <v>50</v>
      </c>
      <c r="BN5" s="259" t="s">
        <v>51</v>
      </c>
      <c r="BO5" s="265" t="s">
        <v>45</v>
      </c>
      <c r="BP5" s="533"/>
      <c r="BQ5" s="350" t="s">
        <v>43</v>
      </c>
      <c r="BR5" s="259" t="s">
        <v>44</v>
      </c>
      <c r="BS5" s="265" t="s">
        <v>45</v>
      </c>
      <c r="BT5" s="267" t="s">
        <v>83</v>
      </c>
      <c r="BU5" s="259" t="s">
        <v>47</v>
      </c>
      <c r="BV5" s="259" t="s">
        <v>48</v>
      </c>
      <c r="BW5" s="259" t="s">
        <v>49</v>
      </c>
      <c r="BX5" s="259" t="s">
        <v>50</v>
      </c>
      <c r="BY5" s="259" t="s">
        <v>51</v>
      </c>
      <c r="BZ5" s="265" t="s">
        <v>45</v>
      </c>
      <c r="CA5" s="533"/>
      <c r="CB5" s="350" t="s">
        <v>43</v>
      </c>
      <c r="CC5" s="259" t="s">
        <v>44</v>
      </c>
      <c r="CD5" s="265" t="s">
        <v>45</v>
      </c>
      <c r="CE5" s="267" t="s">
        <v>83</v>
      </c>
      <c r="CF5" s="259" t="s">
        <v>47</v>
      </c>
      <c r="CG5" s="259" t="s">
        <v>48</v>
      </c>
      <c r="CH5" s="259" t="s">
        <v>49</v>
      </c>
      <c r="CI5" s="259" t="s">
        <v>50</v>
      </c>
      <c r="CJ5" s="259" t="s">
        <v>51</v>
      </c>
      <c r="CK5" s="265" t="s">
        <v>45</v>
      </c>
      <c r="CL5" s="533"/>
      <c r="CM5" s="350" t="s">
        <v>43</v>
      </c>
      <c r="CN5" s="259" t="s">
        <v>44</v>
      </c>
      <c r="CO5" s="265" t="s">
        <v>45</v>
      </c>
      <c r="CP5" s="267" t="s">
        <v>83</v>
      </c>
      <c r="CQ5" s="259" t="s">
        <v>47</v>
      </c>
      <c r="CR5" s="259" t="s">
        <v>48</v>
      </c>
      <c r="CS5" s="259" t="s">
        <v>49</v>
      </c>
      <c r="CT5" s="259" t="s">
        <v>50</v>
      </c>
      <c r="CU5" s="259" t="s">
        <v>51</v>
      </c>
      <c r="CV5" s="265" t="s">
        <v>45</v>
      </c>
      <c r="CW5" s="533"/>
      <c r="CX5" s="350" t="s">
        <v>43</v>
      </c>
      <c r="CY5" s="259" t="s">
        <v>44</v>
      </c>
      <c r="CZ5" s="265" t="s">
        <v>45</v>
      </c>
      <c r="DA5" s="267" t="s">
        <v>83</v>
      </c>
      <c r="DB5" s="259" t="s">
        <v>47</v>
      </c>
      <c r="DC5" s="259" t="s">
        <v>48</v>
      </c>
      <c r="DD5" s="259" t="s">
        <v>49</v>
      </c>
      <c r="DE5" s="259" t="s">
        <v>50</v>
      </c>
      <c r="DF5" s="259" t="s">
        <v>51</v>
      </c>
      <c r="DG5" s="265" t="s">
        <v>45</v>
      </c>
      <c r="DH5" s="533"/>
      <c r="DI5" s="350" t="s">
        <v>43</v>
      </c>
      <c r="DJ5" s="259" t="s">
        <v>44</v>
      </c>
      <c r="DK5" s="265" t="s">
        <v>45</v>
      </c>
      <c r="DL5" s="267" t="s">
        <v>83</v>
      </c>
      <c r="DM5" s="259" t="s">
        <v>47</v>
      </c>
      <c r="DN5" s="259" t="s">
        <v>48</v>
      </c>
      <c r="DO5" s="259" t="s">
        <v>49</v>
      </c>
      <c r="DP5" s="259" t="s">
        <v>50</v>
      </c>
      <c r="DQ5" s="259" t="s">
        <v>51</v>
      </c>
      <c r="DR5" s="265" t="s">
        <v>45</v>
      </c>
      <c r="DS5" s="533"/>
      <c r="DT5" s="350" t="s">
        <v>43</v>
      </c>
      <c r="DU5" s="259" t="s">
        <v>44</v>
      </c>
      <c r="DV5" s="265" t="s">
        <v>45</v>
      </c>
      <c r="DW5" s="267" t="s">
        <v>83</v>
      </c>
      <c r="DX5" s="259" t="s">
        <v>47</v>
      </c>
      <c r="DY5" s="259" t="s">
        <v>48</v>
      </c>
      <c r="DZ5" s="259" t="s">
        <v>49</v>
      </c>
      <c r="EA5" s="259" t="s">
        <v>50</v>
      </c>
      <c r="EB5" s="259" t="s">
        <v>51</v>
      </c>
      <c r="EC5" s="265" t="s">
        <v>45</v>
      </c>
      <c r="ED5" s="533"/>
      <c r="EE5" s="350" t="s">
        <v>43</v>
      </c>
      <c r="EF5" s="259" t="s">
        <v>44</v>
      </c>
      <c r="EG5" s="265" t="s">
        <v>45</v>
      </c>
      <c r="EH5" s="267" t="s">
        <v>83</v>
      </c>
      <c r="EI5" s="259" t="s">
        <v>47</v>
      </c>
      <c r="EJ5" s="259" t="s">
        <v>48</v>
      </c>
      <c r="EK5" s="259" t="s">
        <v>49</v>
      </c>
      <c r="EL5" s="259" t="s">
        <v>50</v>
      </c>
      <c r="EM5" s="259" t="s">
        <v>51</v>
      </c>
      <c r="EN5" s="265" t="s">
        <v>45</v>
      </c>
      <c r="EO5" s="533"/>
      <c r="EP5" s="350" t="s">
        <v>43</v>
      </c>
      <c r="EQ5" s="259" t="s">
        <v>44</v>
      </c>
      <c r="ER5" s="265" t="s">
        <v>45</v>
      </c>
      <c r="ES5" s="267" t="s">
        <v>83</v>
      </c>
      <c r="ET5" s="259" t="s">
        <v>47</v>
      </c>
      <c r="EU5" s="259" t="s">
        <v>48</v>
      </c>
      <c r="EV5" s="259" t="s">
        <v>49</v>
      </c>
      <c r="EW5" s="259" t="s">
        <v>50</v>
      </c>
      <c r="EX5" s="259" t="s">
        <v>51</v>
      </c>
      <c r="EY5" s="265" t="s">
        <v>45</v>
      </c>
      <c r="EZ5" s="533"/>
    </row>
    <row r="6" spans="2:156" ht="19.5" customHeight="1" x14ac:dyDescent="0.2">
      <c r="B6" s="260" t="s">
        <v>4</v>
      </c>
      <c r="C6" s="269">
        <v>0</v>
      </c>
      <c r="D6" s="273">
        <v>0</v>
      </c>
      <c r="E6" s="383">
        <v>0</v>
      </c>
      <c r="F6" s="272">
        <v>0</v>
      </c>
      <c r="G6" s="273">
        <v>1100</v>
      </c>
      <c r="H6" s="273">
        <v>1216</v>
      </c>
      <c r="I6" s="273">
        <v>646</v>
      </c>
      <c r="J6" s="273">
        <v>516</v>
      </c>
      <c r="K6" s="273">
        <v>425</v>
      </c>
      <c r="L6" s="274">
        <v>3903</v>
      </c>
      <c r="M6" s="275">
        <v>3903</v>
      </c>
      <c r="N6" s="269">
        <v>1</v>
      </c>
      <c r="O6" s="273">
        <v>2</v>
      </c>
      <c r="P6" s="270">
        <v>3</v>
      </c>
      <c r="Q6" s="272">
        <v>0</v>
      </c>
      <c r="R6" s="273">
        <v>9</v>
      </c>
      <c r="S6" s="273">
        <v>39</v>
      </c>
      <c r="T6" s="273">
        <v>54</v>
      </c>
      <c r="U6" s="273">
        <v>121</v>
      </c>
      <c r="V6" s="273">
        <v>227</v>
      </c>
      <c r="W6" s="270">
        <v>450</v>
      </c>
      <c r="X6" s="275">
        <v>453</v>
      </c>
      <c r="Y6" s="269">
        <v>188</v>
      </c>
      <c r="Z6" s="273">
        <v>387</v>
      </c>
      <c r="AA6" s="270">
        <v>575</v>
      </c>
      <c r="AB6" s="272">
        <v>0</v>
      </c>
      <c r="AC6" s="273">
        <v>842</v>
      </c>
      <c r="AD6" s="273">
        <v>1151</v>
      </c>
      <c r="AE6" s="273">
        <v>649</v>
      </c>
      <c r="AF6" s="273">
        <v>552</v>
      </c>
      <c r="AG6" s="273">
        <v>425</v>
      </c>
      <c r="AH6" s="270">
        <v>3619</v>
      </c>
      <c r="AI6" s="275">
        <v>4194</v>
      </c>
      <c r="AJ6" s="269">
        <v>21</v>
      </c>
      <c r="AK6" s="273">
        <v>49</v>
      </c>
      <c r="AL6" s="270">
        <v>70</v>
      </c>
      <c r="AM6" s="272">
        <v>0</v>
      </c>
      <c r="AN6" s="273">
        <v>103</v>
      </c>
      <c r="AO6" s="273">
        <v>138</v>
      </c>
      <c r="AP6" s="273">
        <v>101</v>
      </c>
      <c r="AQ6" s="273">
        <v>98</v>
      </c>
      <c r="AR6" s="273">
        <v>46</v>
      </c>
      <c r="AS6" s="270">
        <v>486</v>
      </c>
      <c r="AT6" s="275">
        <v>556</v>
      </c>
      <c r="AU6" s="269">
        <v>306</v>
      </c>
      <c r="AV6" s="273">
        <v>307</v>
      </c>
      <c r="AW6" s="270">
        <v>613</v>
      </c>
      <c r="AX6" s="272">
        <v>0</v>
      </c>
      <c r="AY6" s="273">
        <v>1233</v>
      </c>
      <c r="AZ6" s="273">
        <v>1498</v>
      </c>
      <c r="BA6" s="273">
        <v>1292</v>
      </c>
      <c r="BB6" s="273">
        <v>1336</v>
      </c>
      <c r="BC6" s="273">
        <v>999</v>
      </c>
      <c r="BD6" s="274">
        <v>6358</v>
      </c>
      <c r="BE6" s="275">
        <v>6971</v>
      </c>
      <c r="BF6" s="269">
        <v>0</v>
      </c>
      <c r="BG6" s="273">
        <v>0</v>
      </c>
      <c r="BH6" s="270">
        <v>0</v>
      </c>
      <c r="BI6" s="272">
        <v>0</v>
      </c>
      <c r="BJ6" s="273">
        <v>1241</v>
      </c>
      <c r="BK6" s="273">
        <v>1037</v>
      </c>
      <c r="BL6" s="273">
        <v>538</v>
      </c>
      <c r="BM6" s="273">
        <v>325</v>
      </c>
      <c r="BN6" s="273">
        <v>146</v>
      </c>
      <c r="BO6" s="270">
        <v>3287</v>
      </c>
      <c r="BP6" s="275">
        <v>3287</v>
      </c>
      <c r="BQ6" s="269">
        <v>106</v>
      </c>
      <c r="BR6" s="273">
        <v>142</v>
      </c>
      <c r="BS6" s="270">
        <v>248</v>
      </c>
      <c r="BT6" s="272">
        <v>0</v>
      </c>
      <c r="BU6" s="273">
        <v>309</v>
      </c>
      <c r="BV6" s="273">
        <v>431</v>
      </c>
      <c r="BW6" s="273">
        <v>258</v>
      </c>
      <c r="BX6" s="273">
        <v>172</v>
      </c>
      <c r="BY6" s="273">
        <v>66</v>
      </c>
      <c r="BZ6" s="270">
        <v>1236</v>
      </c>
      <c r="CA6" s="275">
        <v>1484</v>
      </c>
      <c r="CB6" s="269">
        <v>5</v>
      </c>
      <c r="CC6" s="273">
        <v>18</v>
      </c>
      <c r="CD6" s="270">
        <v>23</v>
      </c>
      <c r="CE6" s="272">
        <v>0</v>
      </c>
      <c r="CF6" s="273">
        <v>133</v>
      </c>
      <c r="CG6" s="273">
        <v>183</v>
      </c>
      <c r="CH6" s="273">
        <v>222</v>
      </c>
      <c r="CI6" s="273">
        <v>177</v>
      </c>
      <c r="CJ6" s="273">
        <v>88</v>
      </c>
      <c r="CK6" s="270">
        <v>803</v>
      </c>
      <c r="CL6" s="275">
        <v>826</v>
      </c>
      <c r="CM6" s="269">
        <v>1</v>
      </c>
      <c r="CN6" s="273">
        <v>4</v>
      </c>
      <c r="CO6" s="270">
        <v>5</v>
      </c>
      <c r="CP6" s="272">
        <v>0</v>
      </c>
      <c r="CQ6" s="273">
        <v>15</v>
      </c>
      <c r="CR6" s="273">
        <v>34</v>
      </c>
      <c r="CS6" s="273">
        <v>37</v>
      </c>
      <c r="CT6" s="273">
        <v>27</v>
      </c>
      <c r="CU6" s="273">
        <v>18</v>
      </c>
      <c r="CV6" s="270">
        <v>131</v>
      </c>
      <c r="CW6" s="275">
        <v>136</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554</v>
      </c>
      <c r="DU6" s="273">
        <v>1126</v>
      </c>
      <c r="DV6" s="270">
        <v>1680</v>
      </c>
      <c r="DW6" s="272">
        <v>0</v>
      </c>
      <c r="DX6" s="273">
        <v>1538</v>
      </c>
      <c r="DY6" s="273">
        <v>2638</v>
      </c>
      <c r="DZ6" s="273">
        <v>1573</v>
      </c>
      <c r="EA6" s="273">
        <v>1169</v>
      </c>
      <c r="EB6" s="273">
        <v>752</v>
      </c>
      <c r="EC6" s="270">
        <v>7670</v>
      </c>
      <c r="ED6" s="275">
        <v>9350</v>
      </c>
      <c r="EE6" s="269">
        <v>212</v>
      </c>
      <c r="EF6" s="273">
        <v>155</v>
      </c>
      <c r="EG6" s="270">
        <v>367</v>
      </c>
      <c r="EH6" s="272">
        <v>0</v>
      </c>
      <c r="EI6" s="273">
        <v>622</v>
      </c>
      <c r="EJ6" s="273">
        <v>616</v>
      </c>
      <c r="EK6" s="273">
        <v>545</v>
      </c>
      <c r="EL6" s="273">
        <v>608</v>
      </c>
      <c r="EM6" s="273">
        <v>359</v>
      </c>
      <c r="EN6" s="270">
        <v>2750</v>
      </c>
      <c r="EO6" s="275">
        <v>3117</v>
      </c>
      <c r="EP6" s="269">
        <v>839</v>
      </c>
      <c r="EQ6" s="273">
        <v>1514</v>
      </c>
      <c r="ER6" s="270">
        <v>2353</v>
      </c>
      <c r="ES6" s="272">
        <v>0</v>
      </c>
      <c r="ET6" s="273">
        <v>3644</v>
      </c>
      <c r="EU6" s="273">
        <v>3796</v>
      </c>
      <c r="EV6" s="273">
        <v>1951</v>
      </c>
      <c r="EW6" s="273">
        <v>1318</v>
      </c>
      <c r="EX6" s="273">
        <v>831</v>
      </c>
      <c r="EY6" s="270">
        <v>11540</v>
      </c>
      <c r="EZ6" s="275">
        <v>13893</v>
      </c>
    </row>
    <row r="7" spans="2:156" ht="19.5" customHeight="1" x14ac:dyDescent="0.2">
      <c r="B7" s="261" t="s">
        <v>5</v>
      </c>
      <c r="C7" s="276">
        <v>0</v>
      </c>
      <c r="D7" s="280">
        <v>0</v>
      </c>
      <c r="E7" s="384">
        <v>0</v>
      </c>
      <c r="F7" s="279">
        <v>0</v>
      </c>
      <c r="G7" s="280">
        <v>435</v>
      </c>
      <c r="H7" s="280">
        <v>666</v>
      </c>
      <c r="I7" s="280">
        <v>296</v>
      </c>
      <c r="J7" s="280">
        <v>223</v>
      </c>
      <c r="K7" s="280">
        <v>166</v>
      </c>
      <c r="L7" s="281">
        <v>1786</v>
      </c>
      <c r="M7" s="282">
        <v>1786</v>
      </c>
      <c r="N7" s="276">
        <v>1</v>
      </c>
      <c r="O7" s="280">
        <v>1</v>
      </c>
      <c r="P7" s="277">
        <v>2</v>
      </c>
      <c r="Q7" s="279">
        <v>0</v>
      </c>
      <c r="R7" s="280">
        <v>2</v>
      </c>
      <c r="S7" s="280">
        <v>20</v>
      </c>
      <c r="T7" s="280">
        <v>22</v>
      </c>
      <c r="U7" s="280">
        <v>53</v>
      </c>
      <c r="V7" s="280">
        <v>92</v>
      </c>
      <c r="W7" s="277">
        <v>189</v>
      </c>
      <c r="X7" s="282">
        <v>191</v>
      </c>
      <c r="Y7" s="276">
        <v>92</v>
      </c>
      <c r="Z7" s="280">
        <v>197</v>
      </c>
      <c r="AA7" s="277">
        <v>289</v>
      </c>
      <c r="AB7" s="279">
        <v>0</v>
      </c>
      <c r="AC7" s="280">
        <v>316</v>
      </c>
      <c r="AD7" s="280">
        <v>655</v>
      </c>
      <c r="AE7" s="280">
        <v>309</v>
      </c>
      <c r="AF7" s="280">
        <v>263</v>
      </c>
      <c r="AG7" s="280">
        <v>190</v>
      </c>
      <c r="AH7" s="277">
        <v>1733</v>
      </c>
      <c r="AI7" s="282">
        <v>2022</v>
      </c>
      <c r="AJ7" s="276">
        <v>10</v>
      </c>
      <c r="AK7" s="280">
        <v>33</v>
      </c>
      <c r="AL7" s="277">
        <v>43</v>
      </c>
      <c r="AM7" s="279">
        <v>0</v>
      </c>
      <c r="AN7" s="280">
        <v>31</v>
      </c>
      <c r="AO7" s="280">
        <v>68</v>
      </c>
      <c r="AP7" s="280">
        <v>41</v>
      </c>
      <c r="AQ7" s="280">
        <v>44</v>
      </c>
      <c r="AR7" s="280">
        <v>19</v>
      </c>
      <c r="AS7" s="277">
        <v>203</v>
      </c>
      <c r="AT7" s="282">
        <v>246</v>
      </c>
      <c r="AU7" s="276">
        <v>138</v>
      </c>
      <c r="AV7" s="280">
        <v>168</v>
      </c>
      <c r="AW7" s="277">
        <v>306</v>
      </c>
      <c r="AX7" s="279">
        <v>0</v>
      </c>
      <c r="AY7" s="280">
        <v>492</v>
      </c>
      <c r="AZ7" s="280">
        <v>723</v>
      </c>
      <c r="BA7" s="280">
        <v>576</v>
      </c>
      <c r="BB7" s="280">
        <v>567</v>
      </c>
      <c r="BC7" s="280">
        <v>413</v>
      </c>
      <c r="BD7" s="281">
        <v>2771</v>
      </c>
      <c r="BE7" s="282">
        <v>3077</v>
      </c>
      <c r="BF7" s="276">
        <v>0</v>
      </c>
      <c r="BG7" s="280">
        <v>0</v>
      </c>
      <c r="BH7" s="277">
        <v>0</v>
      </c>
      <c r="BI7" s="279">
        <v>0</v>
      </c>
      <c r="BJ7" s="280">
        <v>421</v>
      </c>
      <c r="BK7" s="280">
        <v>438</v>
      </c>
      <c r="BL7" s="280">
        <v>225</v>
      </c>
      <c r="BM7" s="280">
        <v>121</v>
      </c>
      <c r="BN7" s="280">
        <v>63</v>
      </c>
      <c r="BO7" s="277">
        <v>1268</v>
      </c>
      <c r="BP7" s="282">
        <v>1268</v>
      </c>
      <c r="BQ7" s="276">
        <v>47</v>
      </c>
      <c r="BR7" s="280">
        <v>66</v>
      </c>
      <c r="BS7" s="277">
        <v>113</v>
      </c>
      <c r="BT7" s="279">
        <v>0</v>
      </c>
      <c r="BU7" s="280">
        <v>102</v>
      </c>
      <c r="BV7" s="280">
        <v>220</v>
      </c>
      <c r="BW7" s="280">
        <v>129</v>
      </c>
      <c r="BX7" s="280">
        <v>76</v>
      </c>
      <c r="BY7" s="280">
        <v>35</v>
      </c>
      <c r="BZ7" s="277">
        <v>562</v>
      </c>
      <c r="CA7" s="282">
        <v>675</v>
      </c>
      <c r="CB7" s="276">
        <v>1</v>
      </c>
      <c r="CC7" s="280">
        <v>8</v>
      </c>
      <c r="CD7" s="277">
        <v>9</v>
      </c>
      <c r="CE7" s="279">
        <v>0</v>
      </c>
      <c r="CF7" s="280">
        <v>48</v>
      </c>
      <c r="CG7" s="280">
        <v>81</v>
      </c>
      <c r="CH7" s="280">
        <v>76</v>
      </c>
      <c r="CI7" s="280">
        <v>74</v>
      </c>
      <c r="CJ7" s="280">
        <v>41</v>
      </c>
      <c r="CK7" s="277">
        <v>320</v>
      </c>
      <c r="CL7" s="282">
        <v>329</v>
      </c>
      <c r="CM7" s="276">
        <v>0</v>
      </c>
      <c r="CN7" s="280">
        <v>4</v>
      </c>
      <c r="CO7" s="277">
        <v>4</v>
      </c>
      <c r="CP7" s="279">
        <v>0</v>
      </c>
      <c r="CQ7" s="280">
        <v>7</v>
      </c>
      <c r="CR7" s="280">
        <v>19</v>
      </c>
      <c r="CS7" s="280">
        <v>19</v>
      </c>
      <c r="CT7" s="280">
        <v>19</v>
      </c>
      <c r="CU7" s="280">
        <v>12</v>
      </c>
      <c r="CV7" s="277">
        <v>76</v>
      </c>
      <c r="CW7" s="282">
        <v>80</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12</v>
      </c>
      <c r="DU7" s="280">
        <v>515</v>
      </c>
      <c r="DV7" s="277">
        <v>727</v>
      </c>
      <c r="DW7" s="279">
        <v>0</v>
      </c>
      <c r="DX7" s="280">
        <v>475</v>
      </c>
      <c r="DY7" s="280">
        <v>1300</v>
      </c>
      <c r="DZ7" s="280">
        <v>669</v>
      </c>
      <c r="EA7" s="280">
        <v>504</v>
      </c>
      <c r="EB7" s="280">
        <v>314</v>
      </c>
      <c r="EC7" s="277">
        <v>3262</v>
      </c>
      <c r="ED7" s="282">
        <v>3989</v>
      </c>
      <c r="EE7" s="276">
        <v>91</v>
      </c>
      <c r="EF7" s="280">
        <v>78</v>
      </c>
      <c r="EG7" s="277">
        <v>169</v>
      </c>
      <c r="EH7" s="279">
        <v>0</v>
      </c>
      <c r="EI7" s="280">
        <v>257</v>
      </c>
      <c r="EJ7" s="280">
        <v>312</v>
      </c>
      <c r="EK7" s="280">
        <v>264</v>
      </c>
      <c r="EL7" s="280">
        <v>268</v>
      </c>
      <c r="EM7" s="280">
        <v>158</v>
      </c>
      <c r="EN7" s="277">
        <v>1259</v>
      </c>
      <c r="EO7" s="282">
        <v>1428</v>
      </c>
      <c r="EP7" s="276">
        <v>352</v>
      </c>
      <c r="EQ7" s="280">
        <v>725</v>
      </c>
      <c r="ER7" s="277">
        <v>1077</v>
      </c>
      <c r="ES7" s="279">
        <v>0</v>
      </c>
      <c r="ET7" s="280">
        <v>1296</v>
      </c>
      <c r="EU7" s="280">
        <v>1872</v>
      </c>
      <c r="EV7" s="280">
        <v>840</v>
      </c>
      <c r="EW7" s="280">
        <v>572</v>
      </c>
      <c r="EX7" s="280">
        <v>353</v>
      </c>
      <c r="EY7" s="277">
        <v>4933</v>
      </c>
      <c r="EZ7" s="282">
        <v>6010</v>
      </c>
    </row>
    <row r="8" spans="2:156" ht="19.5" customHeight="1" x14ac:dyDescent="0.2">
      <c r="B8" s="261" t="s">
        <v>6</v>
      </c>
      <c r="C8" s="276">
        <v>0</v>
      </c>
      <c r="D8" s="280">
        <v>0</v>
      </c>
      <c r="E8" s="384">
        <v>0</v>
      </c>
      <c r="F8" s="279">
        <v>0</v>
      </c>
      <c r="G8" s="280">
        <v>219</v>
      </c>
      <c r="H8" s="280">
        <v>155</v>
      </c>
      <c r="I8" s="280">
        <v>96</v>
      </c>
      <c r="J8" s="280">
        <v>98</v>
      </c>
      <c r="K8" s="280">
        <v>79</v>
      </c>
      <c r="L8" s="281">
        <v>647</v>
      </c>
      <c r="M8" s="282">
        <v>647</v>
      </c>
      <c r="N8" s="276">
        <v>0</v>
      </c>
      <c r="O8" s="280">
        <v>1</v>
      </c>
      <c r="P8" s="277">
        <v>1</v>
      </c>
      <c r="Q8" s="279">
        <v>0</v>
      </c>
      <c r="R8" s="280">
        <v>1</v>
      </c>
      <c r="S8" s="280">
        <v>5</v>
      </c>
      <c r="T8" s="280">
        <v>6</v>
      </c>
      <c r="U8" s="280">
        <v>19</v>
      </c>
      <c r="V8" s="280">
        <v>38</v>
      </c>
      <c r="W8" s="277">
        <v>69</v>
      </c>
      <c r="X8" s="282">
        <v>70</v>
      </c>
      <c r="Y8" s="276">
        <v>31</v>
      </c>
      <c r="Z8" s="280">
        <v>64</v>
      </c>
      <c r="AA8" s="277">
        <v>95</v>
      </c>
      <c r="AB8" s="279">
        <v>0</v>
      </c>
      <c r="AC8" s="280">
        <v>196</v>
      </c>
      <c r="AD8" s="280">
        <v>150</v>
      </c>
      <c r="AE8" s="280">
        <v>107</v>
      </c>
      <c r="AF8" s="280">
        <v>96</v>
      </c>
      <c r="AG8" s="280">
        <v>68</v>
      </c>
      <c r="AH8" s="277">
        <v>617</v>
      </c>
      <c r="AI8" s="282">
        <v>712</v>
      </c>
      <c r="AJ8" s="276">
        <v>1</v>
      </c>
      <c r="AK8" s="280">
        <v>1</v>
      </c>
      <c r="AL8" s="277">
        <v>2</v>
      </c>
      <c r="AM8" s="279">
        <v>0</v>
      </c>
      <c r="AN8" s="280">
        <v>23</v>
      </c>
      <c r="AO8" s="280">
        <v>16</v>
      </c>
      <c r="AP8" s="280">
        <v>17</v>
      </c>
      <c r="AQ8" s="280">
        <v>12</v>
      </c>
      <c r="AR8" s="280">
        <v>5</v>
      </c>
      <c r="AS8" s="277">
        <v>73</v>
      </c>
      <c r="AT8" s="282">
        <v>75</v>
      </c>
      <c r="AU8" s="276">
        <v>47</v>
      </c>
      <c r="AV8" s="280">
        <v>47</v>
      </c>
      <c r="AW8" s="277">
        <v>94</v>
      </c>
      <c r="AX8" s="279">
        <v>0</v>
      </c>
      <c r="AY8" s="280">
        <v>252</v>
      </c>
      <c r="AZ8" s="280">
        <v>252</v>
      </c>
      <c r="BA8" s="280">
        <v>240</v>
      </c>
      <c r="BB8" s="280">
        <v>250</v>
      </c>
      <c r="BC8" s="280">
        <v>195</v>
      </c>
      <c r="BD8" s="281">
        <v>1189</v>
      </c>
      <c r="BE8" s="282">
        <v>1283</v>
      </c>
      <c r="BF8" s="276">
        <v>0</v>
      </c>
      <c r="BG8" s="280">
        <v>0</v>
      </c>
      <c r="BH8" s="277">
        <v>0</v>
      </c>
      <c r="BI8" s="279">
        <v>0</v>
      </c>
      <c r="BJ8" s="280">
        <v>246</v>
      </c>
      <c r="BK8" s="280">
        <v>156</v>
      </c>
      <c r="BL8" s="280">
        <v>74</v>
      </c>
      <c r="BM8" s="280">
        <v>57</v>
      </c>
      <c r="BN8" s="280">
        <v>25</v>
      </c>
      <c r="BO8" s="277">
        <v>558</v>
      </c>
      <c r="BP8" s="282">
        <v>558</v>
      </c>
      <c r="BQ8" s="276">
        <v>10</v>
      </c>
      <c r="BR8" s="280">
        <v>12</v>
      </c>
      <c r="BS8" s="277">
        <v>22</v>
      </c>
      <c r="BT8" s="279">
        <v>0</v>
      </c>
      <c r="BU8" s="280">
        <v>45</v>
      </c>
      <c r="BV8" s="280">
        <v>56</v>
      </c>
      <c r="BW8" s="280">
        <v>29</v>
      </c>
      <c r="BX8" s="280">
        <v>33</v>
      </c>
      <c r="BY8" s="280">
        <v>8</v>
      </c>
      <c r="BZ8" s="277">
        <v>171</v>
      </c>
      <c r="CA8" s="282">
        <v>193</v>
      </c>
      <c r="CB8" s="276">
        <v>0</v>
      </c>
      <c r="CC8" s="280">
        <v>0</v>
      </c>
      <c r="CD8" s="277">
        <v>0</v>
      </c>
      <c r="CE8" s="279">
        <v>0</v>
      </c>
      <c r="CF8" s="280">
        <v>21</v>
      </c>
      <c r="CG8" s="280">
        <v>19</v>
      </c>
      <c r="CH8" s="280">
        <v>34</v>
      </c>
      <c r="CI8" s="280">
        <v>21</v>
      </c>
      <c r="CJ8" s="280">
        <v>11</v>
      </c>
      <c r="CK8" s="277">
        <v>106</v>
      </c>
      <c r="CL8" s="282">
        <v>106</v>
      </c>
      <c r="CM8" s="276">
        <v>0</v>
      </c>
      <c r="CN8" s="280">
        <v>0</v>
      </c>
      <c r="CO8" s="277">
        <v>0</v>
      </c>
      <c r="CP8" s="279">
        <v>0</v>
      </c>
      <c r="CQ8" s="280">
        <v>2</v>
      </c>
      <c r="CR8" s="280">
        <v>5</v>
      </c>
      <c r="CS8" s="280">
        <v>6</v>
      </c>
      <c r="CT8" s="280">
        <v>2</v>
      </c>
      <c r="CU8" s="280">
        <v>2</v>
      </c>
      <c r="CV8" s="277">
        <v>17</v>
      </c>
      <c r="CW8" s="282">
        <v>17</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92</v>
      </c>
      <c r="DU8" s="280">
        <v>158</v>
      </c>
      <c r="DV8" s="277">
        <v>250</v>
      </c>
      <c r="DW8" s="279">
        <v>0</v>
      </c>
      <c r="DX8" s="280">
        <v>340</v>
      </c>
      <c r="DY8" s="280">
        <v>372</v>
      </c>
      <c r="DZ8" s="280">
        <v>264</v>
      </c>
      <c r="EA8" s="280">
        <v>201</v>
      </c>
      <c r="EB8" s="280">
        <v>125</v>
      </c>
      <c r="EC8" s="277">
        <v>1302</v>
      </c>
      <c r="ED8" s="282">
        <v>1552</v>
      </c>
      <c r="EE8" s="276">
        <v>33</v>
      </c>
      <c r="EF8" s="280">
        <v>20</v>
      </c>
      <c r="EG8" s="277">
        <v>53</v>
      </c>
      <c r="EH8" s="279">
        <v>0</v>
      </c>
      <c r="EI8" s="280">
        <v>113</v>
      </c>
      <c r="EJ8" s="280">
        <v>89</v>
      </c>
      <c r="EK8" s="280">
        <v>95</v>
      </c>
      <c r="EL8" s="280">
        <v>109</v>
      </c>
      <c r="EM8" s="280">
        <v>66</v>
      </c>
      <c r="EN8" s="277">
        <v>472</v>
      </c>
      <c r="EO8" s="282">
        <v>525</v>
      </c>
      <c r="EP8" s="276">
        <v>127</v>
      </c>
      <c r="EQ8" s="280">
        <v>207</v>
      </c>
      <c r="ER8" s="277">
        <v>334</v>
      </c>
      <c r="ES8" s="279">
        <v>0</v>
      </c>
      <c r="ET8" s="280">
        <v>735</v>
      </c>
      <c r="EU8" s="280">
        <v>528</v>
      </c>
      <c r="EV8" s="280">
        <v>317</v>
      </c>
      <c r="EW8" s="280">
        <v>227</v>
      </c>
      <c r="EX8" s="280">
        <v>144</v>
      </c>
      <c r="EY8" s="277">
        <v>1951</v>
      </c>
      <c r="EZ8" s="282">
        <v>2285</v>
      </c>
    </row>
    <row r="9" spans="2:156" ht="19.5" customHeight="1" x14ac:dyDescent="0.2">
      <c r="B9" s="261" t="s">
        <v>14</v>
      </c>
      <c r="C9" s="276">
        <v>0</v>
      </c>
      <c r="D9" s="280">
        <v>0</v>
      </c>
      <c r="E9" s="384">
        <v>0</v>
      </c>
      <c r="F9" s="279">
        <v>0</v>
      </c>
      <c r="G9" s="280">
        <v>46</v>
      </c>
      <c r="H9" s="280">
        <v>61</v>
      </c>
      <c r="I9" s="280">
        <v>47</v>
      </c>
      <c r="J9" s="280">
        <v>30</v>
      </c>
      <c r="K9" s="280">
        <v>28</v>
      </c>
      <c r="L9" s="281">
        <v>212</v>
      </c>
      <c r="M9" s="282">
        <v>212</v>
      </c>
      <c r="N9" s="276">
        <v>0</v>
      </c>
      <c r="O9" s="280">
        <v>0</v>
      </c>
      <c r="P9" s="277">
        <v>0</v>
      </c>
      <c r="Q9" s="279">
        <v>0</v>
      </c>
      <c r="R9" s="280">
        <v>0</v>
      </c>
      <c r="S9" s="280">
        <v>0</v>
      </c>
      <c r="T9" s="280">
        <v>4</v>
      </c>
      <c r="U9" s="280">
        <v>10</v>
      </c>
      <c r="V9" s="280">
        <v>21</v>
      </c>
      <c r="W9" s="277">
        <v>35</v>
      </c>
      <c r="X9" s="282">
        <v>35</v>
      </c>
      <c r="Y9" s="276">
        <v>4</v>
      </c>
      <c r="Z9" s="280">
        <v>29</v>
      </c>
      <c r="AA9" s="277">
        <v>33</v>
      </c>
      <c r="AB9" s="279">
        <v>0</v>
      </c>
      <c r="AC9" s="280">
        <v>31</v>
      </c>
      <c r="AD9" s="280">
        <v>58</v>
      </c>
      <c r="AE9" s="280">
        <v>34</v>
      </c>
      <c r="AF9" s="280">
        <v>35</v>
      </c>
      <c r="AG9" s="280">
        <v>32</v>
      </c>
      <c r="AH9" s="277">
        <v>190</v>
      </c>
      <c r="AI9" s="282">
        <v>223</v>
      </c>
      <c r="AJ9" s="276">
        <v>1</v>
      </c>
      <c r="AK9" s="280">
        <v>2</v>
      </c>
      <c r="AL9" s="277">
        <v>3</v>
      </c>
      <c r="AM9" s="279">
        <v>0</v>
      </c>
      <c r="AN9" s="280">
        <v>1</v>
      </c>
      <c r="AO9" s="280">
        <v>4</v>
      </c>
      <c r="AP9" s="280">
        <v>6</v>
      </c>
      <c r="AQ9" s="280">
        <v>3</v>
      </c>
      <c r="AR9" s="280">
        <v>1</v>
      </c>
      <c r="AS9" s="277">
        <v>15</v>
      </c>
      <c r="AT9" s="282">
        <v>18</v>
      </c>
      <c r="AU9" s="276">
        <v>15</v>
      </c>
      <c r="AV9" s="280">
        <v>19</v>
      </c>
      <c r="AW9" s="277">
        <v>34</v>
      </c>
      <c r="AX9" s="279">
        <v>0</v>
      </c>
      <c r="AY9" s="280">
        <v>69</v>
      </c>
      <c r="AZ9" s="280">
        <v>88</v>
      </c>
      <c r="BA9" s="280">
        <v>81</v>
      </c>
      <c r="BB9" s="280">
        <v>72</v>
      </c>
      <c r="BC9" s="280">
        <v>73</v>
      </c>
      <c r="BD9" s="281">
        <v>383</v>
      </c>
      <c r="BE9" s="282">
        <v>417</v>
      </c>
      <c r="BF9" s="276">
        <v>0</v>
      </c>
      <c r="BG9" s="280">
        <v>0</v>
      </c>
      <c r="BH9" s="277">
        <v>0</v>
      </c>
      <c r="BI9" s="279">
        <v>0</v>
      </c>
      <c r="BJ9" s="280">
        <v>86</v>
      </c>
      <c r="BK9" s="280">
        <v>68</v>
      </c>
      <c r="BL9" s="280">
        <v>53</v>
      </c>
      <c r="BM9" s="280">
        <v>25</v>
      </c>
      <c r="BN9" s="280">
        <v>13</v>
      </c>
      <c r="BO9" s="277">
        <v>245</v>
      </c>
      <c r="BP9" s="282">
        <v>245</v>
      </c>
      <c r="BQ9" s="276">
        <v>3</v>
      </c>
      <c r="BR9" s="280">
        <v>6</v>
      </c>
      <c r="BS9" s="277">
        <v>9</v>
      </c>
      <c r="BT9" s="279">
        <v>0</v>
      </c>
      <c r="BU9" s="280">
        <v>12</v>
      </c>
      <c r="BV9" s="280">
        <v>15</v>
      </c>
      <c r="BW9" s="280">
        <v>9</v>
      </c>
      <c r="BX9" s="280">
        <v>8</v>
      </c>
      <c r="BY9" s="280">
        <v>2</v>
      </c>
      <c r="BZ9" s="277">
        <v>46</v>
      </c>
      <c r="CA9" s="282">
        <v>55</v>
      </c>
      <c r="CB9" s="276">
        <v>0</v>
      </c>
      <c r="CC9" s="280">
        <v>0</v>
      </c>
      <c r="CD9" s="277">
        <v>0</v>
      </c>
      <c r="CE9" s="279">
        <v>0</v>
      </c>
      <c r="CF9" s="280">
        <v>10</v>
      </c>
      <c r="CG9" s="280">
        <v>16</v>
      </c>
      <c r="CH9" s="280">
        <v>16</v>
      </c>
      <c r="CI9" s="280">
        <v>18</v>
      </c>
      <c r="CJ9" s="280">
        <v>10</v>
      </c>
      <c r="CK9" s="277">
        <v>70</v>
      </c>
      <c r="CL9" s="282">
        <v>70</v>
      </c>
      <c r="CM9" s="276">
        <v>0</v>
      </c>
      <c r="CN9" s="280">
        <v>0</v>
      </c>
      <c r="CO9" s="277">
        <v>0</v>
      </c>
      <c r="CP9" s="279">
        <v>0</v>
      </c>
      <c r="CQ9" s="280">
        <v>0</v>
      </c>
      <c r="CR9" s="280">
        <v>1</v>
      </c>
      <c r="CS9" s="280">
        <v>0</v>
      </c>
      <c r="CT9" s="280">
        <v>0</v>
      </c>
      <c r="CU9" s="280">
        <v>0</v>
      </c>
      <c r="CV9" s="277">
        <v>1</v>
      </c>
      <c r="CW9" s="282">
        <v>1</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26</v>
      </c>
      <c r="DU9" s="280">
        <v>90</v>
      </c>
      <c r="DV9" s="277">
        <v>116</v>
      </c>
      <c r="DW9" s="279">
        <v>0</v>
      </c>
      <c r="DX9" s="280">
        <v>76</v>
      </c>
      <c r="DY9" s="280">
        <v>164</v>
      </c>
      <c r="DZ9" s="280">
        <v>114</v>
      </c>
      <c r="EA9" s="280">
        <v>79</v>
      </c>
      <c r="EB9" s="280">
        <v>54</v>
      </c>
      <c r="EC9" s="277">
        <v>487</v>
      </c>
      <c r="ED9" s="282">
        <v>603</v>
      </c>
      <c r="EE9" s="276">
        <v>12</v>
      </c>
      <c r="EF9" s="280">
        <v>10</v>
      </c>
      <c r="EG9" s="277">
        <v>22</v>
      </c>
      <c r="EH9" s="279">
        <v>0</v>
      </c>
      <c r="EI9" s="280">
        <v>32</v>
      </c>
      <c r="EJ9" s="280">
        <v>33</v>
      </c>
      <c r="EK9" s="280">
        <v>25</v>
      </c>
      <c r="EL9" s="280">
        <v>25</v>
      </c>
      <c r="EM9" s="280">
        <v>19</v>
      </c>
      <c r="EN9" s="277">
        <v>134</v>
      </c>
      <c r="EO9" s="282">
        <v>156</v>
      </c>
      <c r="EP9" s="276">
        <v>34</v>
      </c>
      <c r="EQ9" s="280">
        <v>111</v>
      </c>
      <c r="ER9" s="277">
        <v>145</v>
      </c>
      <c r="ES9" s="279">
        <v>0</v>
      </c>
      <c r="ET9" s="280">
        <v>195</v>
      </c>
      <c r="EU9" s="280">
        <v>243</v>
      </c>
      <c r="EV9" s="280">
        <v>140</v>
      </c>
      <c r="EW9" s="280">
        <v>90</v>
      </c>
      <c r="EX9" s="280">
        <v>64</v>
      </c>
      <c r="EY9" s="277">
        <v>732</v>
      </c>
      <c r="EZ9" s="282">
        <v>877</v>
      </c>
    </row>
    <row r="10" spans="2:156" ht="19.5" customHeight="1" x14ac:dyDescent="0.2">
      <c r="B10" s="261" t="s">
        <v>7</v>
      </c>
      <c r="C10" s="276">
        <v>0</v>
      </c>
      <c r="D10" s="280">
        <v>0</v>
      </c>
      <c r="E10" s="384">
        <v>0</v>
      </c>
      <c r="F10" s="279">
        <v>0</v>
      </c>
      <c r="G10" s="280">
        <v>52</v>
      </c>
      <c r="H10" s="280">
        <v>47</v>
      </c>
      <c r="I10" s="280">
        <v>23</v>
      </c>
      <c r="J10" s="280">
        <v>11</v>
      </c>
      <c r="K10" s="280">
        <v>14</v>
      </c>
      <c r="L10" s="281">
        <v>147</v>
      </c>
      <c r="M10" s="282">
        <v>147</v>
      </c>
      <c r="N10" s="276">
        <v>0</v>
      </c>
      <c r="O10" s="280">
        <v>0</v>
      </c>
      <c r="P10" s="277">
        <v>0</v>
      </c>
      <c r="Q10" s="279">
        <v>0</v>
      </c>
      <c r="R10" s="280">
        <v>1</v>
      </c>
      <c r="S10" s="280">
        <v>5</v>
      </c>
      <c r="T10" s="280">
        <v>3</v>
      </c>
      <c r="U10" s="280">
        <v>2</v>
      </c>
      <c r="V10" s="280">
        <v>8</v>
      </c>
      <c r="W10" s="277">
        <v>19</v>
      </c>
      <c r="X10" s="282">
        <v>19</v>
      </c>
      <c r="Y10" s="276">
        <v>0</v>
      </c>
      <c r="Z10" s="280">
        <v>1</v>
      </c>
      <c r="AA10" s="277">
        <v>1</v>
      </c>
      <c r="AB10" s="279">
        <v>0</v>
      </c>
      <c r="AC10" s="280">
        <v>31</v>
      </c>
      <c r="AD10" s="280">
        <v>30</v>
      </c>
      <c r="AE10" s="280">
        <v>21</v>
      </c>
      <c r="AF10" s="280">
        <v>11</v>
      </c>
      <c r="AG10" s="280">
        <v>13</v>
      </c>
      <c r="AH10" s="277">
        <v>106</v>
      </c>
      <c r="AI10" s="282">
        <v>107</v>
      </c>
      <c r="AJ10" s="276">
        <v>1</v>
      </c>
      <c r="AK10" s="280">
        <v>0</v>
      </c>
      <c r="AL10" s="277">
        <v>1</v>
      </c>
      <c r="AM10" s="279">
        <v>0</v>
      </c>
      <c r="AN10" s="280">
        <v>3</v>
      </c>
      <c r="AO10" s="280">
        <v>5</v>
      </c>
      <c r="AP10" s="280">
        <v>3</v>
      </c>
      <c r="AQ10" s="280">
        <v>2</v>
      </c>
      <c r="AR10" s="280">
        <v>1</v>
      </c>
      <c r="AS10" s="277">
        <v>14</v>
      </c>
      <c r="AT10" s="282">
        <v>15</v>
      </c>
      <c r="AU10" s="276">
        <v>10</v>
      </c>
      <c r="AV10" s="280">
        <v>5</v>
      </c>
      <c r="AW10" s="277">
        <v>15</v>
      </c>
      <c r="AX10" s="279">
        <v>0</v>
      </c>
      <c r="AY10" s="280">
        <v>56</v>
      </c>
      <c r="AZ10" s="280">
        <v>50</v>
      </c>
      <c r="BA10" s="280">
        <v>46</v>
      </c>
      <c r="BB10" s="280">
        <v>32</v>
      </c>
      <c r="BC10" s="280">
        <v>28</v>
      </c>
      <c r="BD10" s="281">
        <v>212</v>
      </c>
      <c r="BE10" s="282">
        <v>227</v>
      </c>
      <c r="BF10" s="276">
        <v>0</v>
      </c>
      <c r="BG10" s="280">
        <v>0</v>
      </c>
      <c r="BH10" s="277">
        <v>0</v>
      </c>
      <c r="BI10" s="279">
        <v>0</v>
      </c>
      <c r="BJ10" s="280">
        <v>70</v>
      </c>
      <c r="BK10" s="280">
        <v>36</v>
      </c>
      <c r="BL10" s="280">
        <v>20</v>
      </c>
      <c r="BM10" s="280">
        <v>4</v>
      </c>
      <c r="BN10" s="280">
        <v>5</v>
      </c>
      <c r="BO10" s="277">
        <v>135</v>
      </c>
      <c r="BP10" s="282">
        <v>135</v>
      </c>
      <c r="BQ10" s="276">
        <v>4</v>
      </c>
      <c r="BR10" s="280">
        <v>2</v>
      </c>
      <c r="BS10" s="277">
        <v>6</v>
      </c>
      <c r="BT10" s="279">
        <v>0</v>
      </c>
      <c r="BU10" s="280">
        <v>21</v>
      </c>
      <c r="BV10" s="280">
        <v>9</v>
      </c>
      <c r="BW10" s="280">
        <v>10</v>
      </c>
      <c r="BX10" s="280">
        <v>2</v>
      </c>
      <c r="BY10" s="280">
        <v>2</v>
      </c>
      <c r="BZ10" s="277">
        <v>44</v>
      </c>
      <c r="CA10" s="282">
        <v>50</v>
      </c>
      <c r="CB10" s="276">
        <v>0</v>
      </c>
      <c r="CC10" s="280">
        <v>0</v>
      </c>
      <c r="CD10" s="277">
        <v>0</v>
      </c>
      <c r="CE10" s="279">
        <v>0</v>
      </c>
      <c r="CF10" s="280">
        <v>7</v>
      </c>
      <c r="CG10" s="280">
        <v>7</v>
      </c>
      <c r="CH10" s="280">
        <v>8</v>
      </c>
      <c r="CI10" s="280">
        <v>6</v>
      </c>
      <c r="CJ10" s="280">
        <v>0</v>
      </c>
      <c r="CK10" s="277">
        <v>28</v>
      </c>
      <c r="CL10" s="282">
        <v>28</v>
      </c>
      <c r="CM10" s="276">
        <v>0</v>
      </c>
      <c r="CN10" s="280">
        <v>0</v>
      </c>
      <c r="CO10" s="277">
        <v>0</v>
      </c>
      <c r="CP10" s="279">
        <v>0</v>
      </c>
      <c r="CQ10" s="280">
        <v>1</v>
      </c>
      <c r="CR10" s="280">
        <v>2</v>
      </c>
      <c r="CS10" s="280">
        <v>1</v>
      </c>
      <c r="CT10" s="280">
        <v>0</v>
      </c>
      <c r="CU10" s="280">
        <v>0</v>
      </c>
      <c r="CV10" s="277">
        <v>4</v>
      </c>
      <c r="CW10" s="282">
        <v>4</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17</v>
      </c>
      <c r="DU10" s="280">
        <v>22</v>
      </c>
      <c r="DV10" s="277">
        <v>39</v>
      </c>
      <c r="DW10" s="279">
        <v>0</v>
      </c>
      <c r="DX10" s="280">
        <v>77</v>
      </c>
      <c r="DY10" s="280">
        <v>102</v>
      </c>
      <c r="DZ10" s="280">
        <v>61</v>
      </c>
      <c r="EA10" s="280">
        <v>25</v>
      </c>
      <c r="EB10" s="280">
        <v>25</v>
      </c>
      <c r="EC10" s="277">
        <v>290</v>
      </c>
      <c r="ED10" s="282">
        <v>329</v>
      </c>
      <c r="EE10" s="276">
        <v>8</v>
      </c>
      <c r="EF10" s="280">
        <v>5</v>
      </c>
      <c r="EG10" s="277">
        <v>13</v>
      </c>
      <c r="EH10" s="279">
        <v>0</v>
      </c>
      <c r="EI10" s="280">
        <v>25</v>
      </c>
      <c r="EJ10" s="280">
        <v>20</v>
      </c>
      <c r="EK10" s="280">
        <v>22</v>
      </c>
      <c r="EL10" s="280">
        <v>20</v>
      </c>
      <c r="EM10" s="280">
        <v>7</v>
      </c>
      <c r="EN10" s="277">
        <v>94</v>
      </c>
      <c r="EO10" s="282">
        <v>107</v>
      </c>
      <c r="EP10" s="276">
        <v>20</v>
      </c>
      <c r="EQ10" s="280">
        <v>24</v>
      </c>
      <c r="ER10" s="277">
        <v>44</v>
      </c>
      <c r="ES10" s="279">
        <v>0</v>
      </c>
      <c r="ET10" s="280">
        <v>175</v>
      </c>
      <c r="EU10" s="280">
        <v>136</v>
      </c>
      <c r="EV10" s="280">
        <v>72</v>
      </c>
      <c r="EW10" s="280">
        <v>29</v>
      </c>
      <c r="EX10" s="280">
        <v>27</v>
      </c>
      <c r="EY10" s="277">
        <v>439</v>
      </c>
      <c r="EZ10" s="282">
        <v>483</v>
      </c>
    </row>
    <row r="11" spans="2:156" ht="19.5" customHeight="1" x14ac:dyDescent="0.2">
      <c r="B11" s="261" t="s">
        <v>8</v>
      </c>
      <c r="C11" s="276">
        <v>0</v>
      </c>
      <c r="D11" s="280">
        <v>0</v>
      </c>
      <c r="E11" s="384">
        <v>0</v>
      </c>
      <c r="F11" s="279">
        <v>0</v>
      </c>
      <c r="G11" s="280">
        <v>25</v>
      </c>
      <c r="H11" s="280">
        <v>27</v>
      </c>
      <c r="I11" s="280">
        <v>11</v>
      </c>
      <c r="J11" s="280">
        <v>9</v>
      </c>
      <c r="K11" s="280">
        <v>9</v>
      </c>
      <c r="L11" s="281">
        <v>81</v>
      </c>
      <c r="M11" s="282">
        <v>81</v>
      </c>
      <c r="N11" s="276">
        <v>0</v>
      </c>
      <c r="O11" s="280">
        <v>0</v>
      </c>
      <c r="P11" s="277">
        <v>0</v>
      </c>
      <c r="Q11" s="279">
        <v>0</v>
      </c>
      <c r="R11" s="280">
        <v>0</v>
      </c>
      <c r="S11" s="280">
        <v>0</v>
      </c>
      <c r="T11" s="280">
        <v>3</v>
      </c>
      <c r="U11" s="280">
        <v>5</v>
      </c>
      <c r="V11" s="280">
        <v>4</v>
      </c>
      <c r="W11" s="277">
        <v>12</v>
      </c>
      <c r="X11" s="282">
        <v>12</v>
      </c>
      <c r="Y11" s="276">
        <v>4</v>
      </c>
      <c r="Z11" s="280">
        <v>0</v>
      </c>
      <c r="AA11" s="277">
        <v>4</v>
      </c>
      <c r="AB11" s="279">
        <v>0</v>
      </c>
      <c r="AC11" s="280">
        <v>19</v>
      </c>
      <c r="AD11" s="280">
        <v>20</v>
      </c>
      <c r="AE11" s="280">
        <v>10</v>
      </c>
      <c r="AF11" s="280">
        <v>14</v>
      </c>
      <c r="AG11" s="280">
        <v>7</v>
      </c>
      <c r="AH11" s="277">
        <v>70</v>
      </c>
      <c r="AI11" s="282">
        <v>74</v>
      </c>
      <c r="AJ11" s="276">
        <v>1</v>
      </c>
      <c r="AK11" s="280">
        <v>2</v>
      </c>
      <c r="AL11" s="277">
        <v>3</v>
      </c>
      <c r="AM11" s="279">
        <v>0</v>
      </c>
      <c r="AN11" s="280">
        <v>2</v>
      </c>
      <c r="AO11" s="280">
        <v>4</v>
      </c>
      <c r="AP11" s="280">
        <v>2</v>
      </c>
      <c r="AQ11" s="280">
        <v>8</v>
      </c>
      <c r="AR11" s="280">
        <v>2</v>
      </c>
      <c r="AS11" s="277">
        <v>18</v>
      </c>
      <c r="AT11" s="282">
        <v>21</v>
      </c>
      <c r="AU11" s="276">
        <v>6</v>
      </c>
      <c r="AV11" s="280">
        <v>3</v>
      </c>
      <c r="AW11" s="277">
        <v>9</v>
      </c>
      <c r="AX11" s="279">
        <v>0</v>
      </c>
      <c r="AY11" s="280">
        <v>11</v>
      </c>
      <c r="AZ11" s="280">
        <v>22</v>
      </c>
      <c r="BA11" s="280">
        <v>11</v>
      </c>
      <c r="BB11" s="280">
        <v>27</v>
      </c>
      <c r="BC11" s="280">
        <v>20</v>
      </c>
      <c r="BD11" s="281">
        <v>91</v>
      </c>
      <c r="BE11" s="282">
        <v>100</v>
      </c>
      <c r="BF11" s="276">
        <v>0</v>
      </c>
      <c r="BG11" s="280">
        <v>0</v>
      </c>
      <c r="BH11" s="277">
        <v>0</v>
      </c>
      <c r="BI11" s="279">
        <v>0</v>
      </c>
      <c r="BJ11" s="280">
        <v>28</v>
      </c>
      <c r="BK11" s="280">
        <v>24</v>
      </c>
      <c r="BL11" s="280">
        <v>5</v>
      </c>
      <c r="BM11" s="280">
        <v>11</v>
      </c>
      <c r="BN11" s="280">
        <v>3</v>
      </c>
      <c r="BO11" s="277">
        <v>71</v>
      </c>
      <c r="BP11" s="282">
        <v>71</v>
      </c>
      <c r="BQ11" s="276">
        <v>1</v>
      </c>
      <c r="BR11" s="280">
        <v>4</v>
      </c>
      <c r="BS11" s="277">
        <v>5</v>
      </c>
      <c r="BT11" s="279">
        <v>0</v>
      </c>
      <c r="BU11" s="280">
        <v>9</v>
      </c>
      <c r="BV11" s="280">
        <v>13</v>
      </c>
      <c r="BW11" s="280">
        <v>4</v>
      </c>
      <c r="BX11" s="280">
        <v>4</v>
      </c>
      <c r="BY11" s="280">
        <v>1</v>
      </c>
      <c r="BZ11" s="277">
        <v>31</v>
      </c>
      <c r="CA11" s="282">
        <v>36</v>
      </c>
      <c r="CB11" s="276">
        <v>1</v>
      </c>
      <c r="CC11" s="280">
        <v>0</v>
      </c>
      <c r="CD11" s="277">
        <v>1</v>
      </c>
      <c r="CE11" s="279">
        <v>0</v>
      </c>
      <c r="CF11" s="280">
        <v>2</v>
      </c>
      <c r="CG11" s="280">
        <v>7</v>
      </c>
      <c r="CH11" s="280">
        <v>6</v>
      </c>
      <c r="CI11" s="280">
        <v>6</v>
      </c>
      <c r="CJ11" s="280">
        <v>0</v>
      </c>
      <c r="CK11" s="277">
        <v>21</v>
      </c>
      <c r="CL11" s="282">
        <v>22</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8</v>
      </c>
      <c r="DU11" s="280">
        <v>13</v>
      </c>
      <c r="DV11" s="277">
        <v>21</v>
      </c>
      <c r="DW11" s="279">
        <v>0</v>
      </c>
      <c r="DX11" s="280">
        <v>44</v>
      </c>
      <c r="DY11" s="280">
        <v>59</v>
      </c>
      <c r="DZ11" s="280">
        <v>26</v>
      </c>
      <c r="EA11" s="280">
        <v>32</v>
      </c>
      <c r="EB11" s="280">
        <v>15</v>
      </c>
      <c r="EC11" s="277">
        <v>176</v>
      </c>
      <c r="ED11" s="282">
        <v>197</v>
      </c>
      <c r="EE11" s="276">
        <v>6</v>
      </c>
      <c r="EF11" s="280">
        <v>1</v>
      </c>
      <c r="EG11" s="277">
        <v>7</v>
      </c>
      <c r="EH11" s="279">
        <v>0</v>
      </c>
      <c r="EI11" s="280">
        <v>7</v>
      </c>
      <c r="EJ11" s="280">
        <v>12</v>
      </c>
      <c r="EK11" s="280">
        <v>6</v>
      </c>
      <c r="EL11" s="280">
        <v>8</v>
      </c>
      <c r="EM11" s="280">
        <v>10</v>
      </c>
      <c r="EN11" s="277">
        <v>43</v>
      </c>
      <c r="EO11" s="282">
        <v>50</v>
      </c>
      <c r="EP11" s="276">
        <v>16</v>
      </c>
      <c r="EQ11" s="280">
        <v>16</v>
      </c>
      <c r="ER11" s="277">
        <v>32</v>
      </c>
      <c r="ES11" s="279">
        <v>0</v>
      </c>
      <c r="ET11" s="280">
        <v>96</v>
      </c>
      <c r="EU11" s="280">
        <v>86</v>
      </c>
      <c r="EV11" s="280">
        <v>34</v>
      </c>
      <c r="EW11" s="280">
        <v>32</v>
      </c>
      <c r="EX11" s="280">
        <v>15</v>
      </c>
      <c r="EY11" s="277">
        <v>263</v>
      </c>
      <c r="EZ11" s="282">
        <v>295</v>
      </c>
    </row>
    <row r="12" spans="2:156" ht="19.5" customHeight="1" x14ac:dyDescent="0.2">
      <c r="B12" s="261" t="s">
        <v>9</v>
      </c>
      <c r="C12" s="276">
        <v>0</v>
      </c>
      <c r="D12" s="280">
        <v>0</v>
      </c>
      <c r="E12" s="384">
        <v>0</v>
      </c>
      <c r="F12" s="279">
        <v>0</v>
      </c>
      <c r="G12" s="280">
        <v>57</v>
      </c>
      <c r="H12" s="280">
        <v>42</v>
      </c>
      <c r="I12" s="280">
        <v>30</v>
      </c>
      <c r="J12" s="280">
        <v>33</v>
      </c>
      <c r="K12" s="280">
        <v>26</v>
      </c>
      <c r="L12" s="281">
        <v>188</v>
      </c>
      <c r="M12" s="282">
        <v>188</v>
      </c>
      <c r="N12" s="276">
        <v>0</v>
      </c>
      <c r="O12" s="280">
        <v>0</v>
      </c>
      <c r="P12" s="277">
        <v>0</v>
      </c>
      <c r="Q12" s="279">
        <v>0</v>
      </c>
      <c r="R12" s="280">
        <v>2</v>
      </c>
      <c r="S12" s="280">
        <v>0</v>
      </c>
      <c r="T12" s="280">
        <v>2</v>
      </c>
      <c r="U12" s="280">
        <v>7</v>
      </c>
      <c r="V12" s="280">
        <v>13</v>
      </c>
      <c r="W12" s="277">
        <v>24</v>
      </c>
      <c r="X12" s="282">
        <v>24</v>
      </c>
      <c r="Y12" s="276">
        <v>7</v>
      </c>
      <c r="Z12" s="280">
        <v>12</v>
      </c>
      <c r="AA12" s="277">
        <v>19</v>
      </c>
      <c r="AB12" s="279">
        <v>0</v>
      </c>
      <c r="AC12" s="280">
        <v>53</v>
      </c>
      <c r="AD12" s="280">
        <v>31</v>
      </c>
      <c r="AE12" s="280">
        <v>21</v>
      </c>
      <c r="AF12" s="280">
        <v>22</v>
      </c>
      <c r="AG12" s="280">
        <v>18</v>
      </c>
      <c r="AH12" s="277">
        <v>145</v>
      </c>
      <c r="AI12" s="282">
        <v>164</v>
      </c>
      <c r="AJ12" s="276">
        <v>0</v>
      </c>
      <c r="AK12" s="280">
        <v>2</v>
      </c>
      <c r="AL12" s="277">
        <v>2</v>
      </c>
      <c r="AM12" s="279">
        <v>0</v>
      </c>
      <c r="AN12" s="280">
        <v>6</v>
      </c>
      <c r="AO12" s="280">
        <v>8</v>
      </c>
      <c r="AP12" s="280">
        <v>5</v>
      </c>
      <c r="AQ12" s="280">
        <v>10</v>
      </c>
      <c r="AR12" s="280">
        <v>6</v>
      </c>
      <c r="AS12" s="277">
        <v>35</v>
      </c>
      <c r="AT12" s="282">
        <v>37</v>
      </c>
      <c r="AU12" s="276">
        <v>10</v>
      </c>
      <c r="AV12" s="280">
        <v>4</v>
      </c>
      <c r="AW12" s="277">
        <v>14</v>
      </c>
      <c r="AX12" s="279">
        <v>0</v>
      </c>
      <c r="AY12" s="280">
        <v>68</v>
      </c>
      <c r="AZ12" s="280">
        <v>62</v>
      </c>
      <c r="BA12" s="280">
        <v>57</v>
      </c>
      <c r="BB12" s="280">
        <v>69</v>
      </c>
      <c r="BC12" s="280">
        <v>39</v>
      </c>
      <c r="BD12" s="281">
        <v>295</v>
      </c>
      <c r="BE12" s="282">
        <v>309</v>
      </c>
      <c r="BF12" s="276">
        <v>0</v>
      </c>
      <c r="BG12" s="280">
        <v>0</v>
      </c>
      <c r="BH12" s="277">
        <v>0</v>
      </c>
      <c r="BI12" s="279">
        <v>0</v>
      </c>
      <c r="BJ12" s="280">
        <v>48</v>
      </c>
      <c r="BK12" s="280">
        <v>32</v>
      </c>
      <c r="BL12" s="280">
        <v>28</v>
      </c>
      <c r="BM12" s="280">
        <v>13</v>
      </c>
      <c r="BN12" s="280">
        <v>3</v>
      </c>
      <c r="BO12" s="277">
        <v>124</v>
      </c>
      <c r="BP12" s="282">
        <v>124</v>
      </c>
      <c r="BQ12" s="276">
        <v>4</v>
      </c>
      <c r="BR12" s="280">
        <v>6</v>
      </c>
      <c r="BS12" s="277">
        <v>10</v>
      </c>
      <c r="BT12" s="279">
        <v>0</v>
      </c>
      <c r="BU12" s="280">
        <v>13</v>
      </c>
      <c r="BV12" s="280">
        <v>13</v>
      </c>
      <c r="BW12" s="280">
        <v>10</v>
      </c>
      <c r="BX12" s="280">
        <v>8</v>
      </c>
      <c r="BY12" s="280">
        <v>0</v>
      </c>
      <c r="BZ12" s="277">
        <v>44</v>
      </c>
      <c r="CA12" s="282">
        <v>54</v>
      </c>
      <c r="CB12" s="276">
        <v>1</v>
      </c>
      <c r="CC12" s="280">
        <v>1</v>
      </c>
      <c r="CD12" s="277">
        <v>2</v>
      </c>
      <c r="CE12" s="279">
        <v>0</v>
      </c>
      <c r="CF12" s="280">
        <v>3</v>
      </c>
      <c r="CG12" s="280">
        <v>12</v>
      </c>
      <c r="CH12" s="280">
        <v>12</v>
      </c>
      <c r="CI12" s="280">
        <v>7</v>
      </c>
      <c r="CJ12" s="280">
        <v>2</v>
      </c>
      <c r="CK12" s="277">
        <v>36</v>
      </c>
      <c r="CL12" s="282">
        <v>38</v>
      </c>
      <c r="CM12" s="276">
        <v>1</v>
      </c>
      <c r="CN12" s="280">
        <v>0</v>
      </c>
      <c r="CO12" s="277">
        <v>1</v>
      </c>
      <c r="CP12" s="279">
        <v>0</v>
      </c>
      <c r="CQ12" s="280">
        <v>0</v>
      </c>
      <c r="CR12" s="280">
        <v>0</v>
      </c>
      <c r="CS12" s="280">
        <v>2</v>
      </c>
      <c r="CT12" s="280">
        <v>1</v>
      </c>
      <c r="CU12" s="280">
        <v>1</v>
      </c>
      <c r="CV12" s="277">
        <v>4</v>
      </c>
      <c r="CW12" s="282">
        <v>5</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7</v>
      </c>
      <c r="DU12" s="280">
        <v>34</v>
      </c>
      <c r="DV12" s="277">
        <v>61</v>
      </c>
      <c r="DW12" s="279">
        <v>0</v>
      </c>
      <c r="DX12" s="280">
        <v>96</v>
      </c>
      <c r="DY12" s="280">
        <v>92</v>
      </c>
      <c r="DZ12" s="280">
        <v>65</v>
      </c>
      <c r="EA12" s="280">
        <v>55</v>
      </c>
      <c r="EB12" s="280">
        <v>35</v>
      </c>
      <c r="EC12" s="277">
        <v>343</v>
      </c>
      <c r="ED12" s="282">
        <v>404</v>
      </c>
      <c r="EE12" s="276">
        <v>9</v>
      </c>
      <c r="EF12" s="280">
        <v>6</v>
      </c>
      <c r="EG12" s="277">
        <v>15</v>
      </c>
      <c r="EH12" s="279">
        <v>0</v>
      </c>
      <c r="EI12" s="280">
        <v>34</v>
      </c>
      <c r="EJ12" s="280">
        <v>23</v>
      </c>
      <c r="EK12" s="280">
        <v>17</v>
      </c>
      <c r="EL12" s="280">
        <v>30</v>
      </c>
      <c r="EM12" s="280">
        <v>14</v>
      </c>
      <c r="EN12" s="277">
        <v>118</v>
      </c>
      <c r="EO12" s="282">
        <v>133</v>
      </c>
      <c r="EP12" s="276">
        <v>35</v>
      </c>
      <c r="EQ12" s="280">
        <v>44</v>
      </c>
      <c r="ER12" s="277">
        <v>79</v>
      </c>
      <c r="ES12" s="279">
        <v>0</v>
      </c>
      <c r="ET12" s="280">
        <v>183</v>
      </c>
      <c r="EU12" s="280">
        <v>123</v>
      </c>
      <c r="EV12" s="280">
        <v>82</v>
      </c>
      <c r="EW12" s="280">
        <v>64</v>
      </c>
      <c r="EX12" s="280">
        <v>36</v>
      </c>
      <c r="EY12" s="277">
        <v>488</v>
      </c>
      <c r="EZ12" s="282">
        <v>567</v>
      </c>
    </row>
    <row r="13" spans="2:156" ht="19.5" customHeight="1" x14ac:dyDescent="0.2">
      <c r="B13" s="261" t="s">
        <v>10</v>
      </c>
      <c r="C13" s="276">
        <v>0</v>
      </c>
      <c r="D13" s="280">
        <v>0</v>
      </c>
      <c r="E13" s="384">
        <v>0</v>
      </c>
      <c r="F13" s="279">
        <v>0</v>
      </c>
      <c r="G13" s="280">
        <v>88</v>
      </c>
      <c r="H13" s="280">
        <v>60</v>
      </c>
      <c r="I13" s="280">
        <v>29</v>
      </c>
      <c r="J13" s="280">
        <v>27</v>
      </c>
      <c r="K13" s="280">
        <v>25</v>
      </c>
      <c r="L13" s="281">
        <v>229</v>
      </c>
      <c r="M13" s="282">
        <v>229</v>
      </c>
      <c r="N13" s="276">
        <v>0</v>
      </c>
      <c r="O13" s="280">
        <v>0</v>
      </c>
      <c r="P13" s="277">
        <v>0</v>
      </c>
      <c r="Q13" s="279">
        <v>0</v>
      </c>
      <c r="R13" s="280">
        <v>1</v>
      </c>
      <c r="S13" s="280">
        <v>4</v>
      </c>
      <c r="T13" s="280">
        <v>2</v>
      </c>
      <c r="U13" s="280">
        <v>4</v>
      </c>
      <c r="V13" s="280">
        <v>9</v>
      </c>
      <c r="W13" s="277">
        <v>20</v>
      </c>
      <c r="X13" s="282">
        <v>20</v>
      </c>
      <c r="Y13" s="276">
        <v>13</v>
      </c>
      <c r="Z13" s="280">
        <v>23</v>
      </c>
      <c r="AA13" s="277">
        <v>36</v>
      </c>
      <c r="AB13" s="279">
        <v>0</v>
      </c>
      <c r="AC13" s="280">
        <v>54</v>
      </c>
      <c r="AD13" s="280">
        <v>41</v>
      </c>
      <c r="AE13" s="280">
        <v>19</v>
      </c>
      <c r="AF13" s="280">
        <v>13</v>
      </c>
      <c r="AG13" s="280">
        <v>18</v>
      </c>
      <c r="AH13" s="277">
        <v>145</v>
      </c>
      <c r="AI13" s="282">
        <v>181</v>
      </c>
      <c r="AJ13" s="276">
        <v>1</v>
      </c>
      <c r="AK13" s="280">
        <v>4</v>
      </c>
      <c r="AL13" s="277">
        <v>5</v>
      </c>
      <c r="AM13" s="279">
        <v>0</v>
      </c>
      <c r="AN13" s="280">
        <v>7</v>
      </c>
      <c r="AO13" s="280">
        <v>8</v>
      </c>
      <c r="AP13" s="280">
        <v>8</v>
      </c>
      <c r="AQ13" s="280">
        <v>4</v>
      </c>
      <c r="AR13" s="280">
        <v>4</v>
      </c>
      <c r="AS13" s="277">
        <v>31</v>
      </c>
      <c r="AT13" s="282">
        <v>36</v>
      </c>
      <c r="AU13" s="276">
        <v>22</v>
      </c>
      <c r="AV13" s="280">
        <v>21</v>
      </c>
      <c r="AW13" s="277">
        <v>43</v>
      </c>
      <c r="AX13" s="279">
        <v>0</v>
      </c>
      <c r="AY13" s="280">
        <v>87</v>
      </c>
      <c r="AZ13" s="280">
        <v>78</v>
      </c>
      <c r="BA13" s="280">
        <v>75</v>
      </c>
      <c r="BB13" s="280">
        <v>76</v>
      </c>
      <c r="BC13" s="280">
        <v>62</v>
      </c>
      <c r="BD13" s="281">
        <v>378</v>
      </c>
      <c r="BE13" s="282">
        <v>421</v>
      </c>
      <c r="BF13" s="276">
        <v>0</v>
      </c>
      <c r="BG13" s="280">
        <v>0</v>
      </c>
      <c r="BH13" s="277">
        <v>0</v>
      </c>
      <c r="BI13" s="279">
        <v>0</v>
      </c>
      <c r="BJ13" s="280">
        <v>106</v>
      </c>
      <c r="BK13" s="280">
        <v>65</v>
      </c>
      <c r="BL13" s="280">
        <v>26</v>
      </c>
      <c r="BM13" s="280">
        <v>12</v>
      </c>
      <c r="BN13" s="280">
        <v>6</v>
      </c>
      <c r="BO13" s="277">
        <v>215</v>
      </c>
      <c r="BP13" s="282">
        <v>215</v>
      </c>
      <c r="BQ13" s="276">
        <v>5</v>
      </c>
      <c r="BR13" s="280">
        <v>5</v>
      </c>
      <c r="BS13" s="277">
        <v>10</v>
      </c>
      <c r="BT13" s="279">
        <v>0</v>
      </c>
      <c r="BU13" s="280">
        <v>20</v>
      </c>
      <c r="BV13" s="280">
        <v>11</v>
      </c>
      <c r="BW13" s="280">
        <v>7</v>
      </c>
      <c r="BX13" s="280">
        <v>3</v>
      </c>
      <c r="BY13" s="280">
        <v>2</v>
      </c>
      <c r="BZ13" s="277">
        <v>43</v>
      </c>
      <c r="CA13" s="282">
        <v>53</v>
      </c>
      <c r="CB13" s="276">
        <v>0</v>
      </c>
      <c r="CC13" s="280">
        <v>2</v>
      </c>
      <c r="CD13" s="277">
        <v>2</v>
      </c>
      <c r="CE13" s="279">
        <v>0</v>
      </c>
      <c r="CF13" s="280">
        <v>11</v>
      </c>
      <c r="CG13" s="280">
        <v>4</v>
      </c>
      <c r="CH13" s="280">
        <v>15</v>
      </c>
      <c r="CI13" s="280">
        <v>5</v>
      </c>
      <c r="CJ13" s="280">
        <v>4</v>
      </c>
      <c r="CK13" s="277">
        <v>39</v>
      </c>
      <c r="CL13" s="282">
        <v>41</v>
      </c>
      <c r="CM13" s="276">
        <v>0</v>
      </c>
      <c r="CN13" s="280">
        <v>0</v>
      </c>
      <c r="CO13" s="277">
        <v>0</v>
      </c>
      <c r="CP13" s="279">
        <v>0</v>
      </c>
      <c r="CQ13" s="280">
        <v>0</v>
      </c>
      <c r="CR13" s="280">
        <v>2</v>
      </c>
      <c r="CS13" s="280">
        <v>0</v>
      </c>
      <c r="CT13" s="280">
        <v>1</v>
      </c>
      <c r="CU13" s="280">
        <v>1</v>
      </c>
      <c r="CV13" s="277">
        <v>4</v>
      </c>
      <c r="CW13" s="282">
        <v>4</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47</v>
      </c>
      <c r="DU13" s="280">
        <v>85</v>
      </c>
      <c r="DV13" s="277">
        <v>132</v>
      </c>
      <c r="DW13" s="279">
        <v>0</v>
      </c>
      <c r="DX13" s="280">
        <v>126</v>
      </c>
      <c r="DY13" s="280">
        <v>115</v>
      </c>
      <c r="DZ13" s="280">
        <v>69</v>
      </c>
      <c r="EA13" s="280">
        <v>48</v>
      </c>
      <c r="EB13" s="280">
        <v>40</v>
      </c>
      <c r="EC13" s="277">
        <v>398</v>
      </c>
      <c r="ED13" s="282">
        <v>530</v>
      </c>
      <c r="EE13" s="276">
        <v>12</v>
      </c>
      <c r="EF13" s="280">
        <v>7</v>
      </c>
      <c r="EG13" s="277">
        <v>19</v>
      </c>
      <c r="EH13" s="279">
        <v>0</v>
      </c>
      <c r="EI13" s="280">
        <v>31</v>
      </c>
      <c r="EJ13" s="280">
        <v>27</v>
      </c>
      <c r="EK13" s="280">
        <v>24</v>
      </c>
      <c r="EL13" s="280">
        <v>33</v>
      </c>
      <c r="EM13" s="280">
        <v>19</v>
      </c>
      <c r="EN13" s="277">
        <v>134</v>
      </c>
      <c r="EO13" s="282">
        <v>153</v>
      </c>
      <c r="EP13" s="276">
        <v>63</v>
      </c>
      <c r="EQ13" s="280">
        <v>98</v>
      </c>
      <c r="ER13" s="277">
        <v>161</v>
      </c>
      <c r="ES13" s="279">
        <v>0</v>
      </c>
      <c r="ET13" s="280">
        <v>243</v>
      </c>
      <c r="EU13" s="280">
        <v>151</v>
      </c>
      <c r="EV13" s="280">
        <v>82</v>
      </c>
      <c r="EW13" s="280">
        <v>50</v>
      </c>
      <c r="EX13" s="280">
        <v>37</v>
      </c>
      <c r="EY13" s="277">
        <v>563</v>
      </c>
      <c r="EZ13" s="282">
        <v>724</v>
      </c>
    </row>
    <row r="14" spans="2:156" ht="19.5" customHeight="1" x14ac:dyDescent="0.2">
      <c r="B14" s="261" t="s">
        <v>11</v>
      </c>
      <c r="C14" s="276">
        <v>0</v>
      </c>
      <c r="D14" s="280">
        <v>0</v>
      </c>
      <c r="E14" s="384">
        <v>0</v>
      </c>
      <c r="F14" s="279">
        <v>0</v>
      </c>
      <c r="G14" s="280">
        <v>13</v>
      </c>
      <c r="H14" s="280">
        <v>8</v>
      </c>
      <c r="I14" s="280">
        <v>9</v>
      </c>
      <c r="J14" s="280">
        <v>5</v>
      </c>
      <c r="K14" s="280">
        <v>6</v>
      </c>
      <c r="L14" s="281">
        <v>41</v>
      </c>
      <c r="M14" s="282">
        <v>41</v>
      </c>
      <c r="N14" s="276">
        <v>0</v>
      </c>
      <c r="O14" s="280">
        <v>0</v>
      </c>
      <c r="P14" s="277">
        <v>0</v>
      </c>
      <c r="Q14" s="279">
        <v>0</v>
      </c>
      <c r="R14" s="280">
        <v>0</v>
      </c>
      <c r="S14" s="280">
        <v>0</v>
      </c>
      <c r="T14" s="280">
        <v>0</v>
      </c>
      <c r="U14" s="280">
        <v>2</v>
      </c>
      <c r="V14" s="280">
        <v>4</v>
      </c>
      <c r="W14" s="277">
        <v>6</v>
      </c>
      <c r="X14" s="282">
        <v>6</v>
      </c>
      <c r="Y14" s="276">
        <v>2</v>
      </c>
      <c r="Z14" s="280">
        <v>4</v>
      </c>
      <c r="AA14" s="277">
        <v>6</v>
      </c>
      <c r="AB14" s="279">
        <v>0</v>
      </c>
      <c r="AC14" s="280">
        <v>18</v>
      </c>
      <c r="AD14" s="280">
        <v>11</v>
      </c>
      <c r="AE14" s="280">
        <v>8</v>
      </c>
      <c r="AF14" s="280">
        <v>10</v>
      </c>
      <c r="AG14" s="280">
        <v>6</v>
      </c>
      <c r="AH14" s="277">
        <v>53</v>
      </c>
      <c r="AI14" s="282">
        <v>59</v>
      </c>
      <c r="AJ14" s="276">
        <v>0</v>
      </c>
      <c r="AK14" s="280">
        <v>1</v>
      </c>
      <c r="AL14" s="277">
        <v>1</v>
      </c>
      <c r="AM14" s="279">
        <v>0</v>
      </c>
      <c r="AN14" s="280">
        <v>3</v>
      </c>
      <c r="AO14" s="280">
        <v>1</v>
      </c>
      <c r="AP14" s="280">
        <v>0</v>
      </c>
      <c r="AQ14" s="280">
        <v>0</v>
      </c>
      <c r="AR14" s="280">
        <v>1</v>
      </c>
      <c r="AS14" s="277">
        <v>5</v>
      </c>
      <c r="AT14" s="282">
        <v>6</v>
      </c>
      <c r="AU14" s="276">
        <v>5</v>
      </c>
      <c r="AV14" s="280">
        <v>0</v>
      </c>
      <c r="AW14" s="277">
        <v>5</v>
      </c>
      <c r="AX14" s="279">
        <v>0</v>
      </c>
      <c r="AY14" s="280">
        <v>21</v>
      </c>
      <c r="AZ14" s="280">
        <v>16</v>
      </c>
      <c r="BA14" s="280">
        <v>20</v>
      </c>
      <c r="BB14" s="280">
        <v>23</v>
      </c>
      <c r="BC14" s="280">
        <v>19</v>
      </c>
      <c r="BD14" s="281">
        <v>99</v>
      </c>
      <c r="BE14" s="282">
        <v>104</v>
      </c>
      <c r="BF14" s="276">
        <v>0</v>
      </c>
      <c r="BG14" s="280">
        <v>0</v>
      </c>
      <c r="BH14" s="277">
        <v>0</v>
      </c>
      <c r="BI14" s="279">
        <v>0</v>
      </c>
      <c r="BJ14" s="280">
        <v>19</v>
      </c>
      <c r="BK14" s="280">
        <v>12</v>
      </c>
      <c r="BL14" s="280">
        <v>12</v>
      </c>
      <c r="BM14" s="280">
        <v>8</v>
      </c>
      <c r="BN14" s="280">
        <v>2</v>
      </c>
      <c r="BO14" s="277">
        <v>53</v>
      </c>
      <c r="BP14" s="282">
        <v>53</v>
      </c>
      <c r="BQ14" s="276">
        <v>1</v>
      </c>
      <c r="BR14" s="280">
        <v>5</v>
      </c>
      <c r="BS14" s="277">
        <v>6</v>
      </c>
      <c r="BT14" s="279">
        <v>0</v>
      </c>
      <c r="BU14" s="280">
        <v>12</v>
      </c>
      <c r="BV14" s="280">
        <v>5</v>
      </c>
      <c r="BW14" s="280">
        <v>4</v>
      </c>
      <c r="BX14" s="280">
        <v>2</v>
      </c>
      <c r="BY14" s="280">
        <v>1</v>
      </c>
      <c r="BZ14" s="277">
        <v>24</v>
      </c>
      <c r="CA14" s="282">
        <v>30</v>
      </c>
      <c r="CB14" s="276">
        <v>0</v>
      </c>
      <c r="CC14" s="280">
        <v>0</v>
      </c>
      <c r="CD14" s="277">
        <v>0</v>
      </c>
      <c r="CE14" s="279">
        <v>0</v>
      </c>
      <c r="CF14" s="280">
        <v>2</v>
      </c>
      <c r="CG14" s="280">
        <v>4</v>
      </c>
      <c r="CH14" s="280">
        <v>2</v>
      </c>
      <c r="CI14" s="280">
        <v>3</v>
      </c>
      <c r="CJ14" s="280">
        <v>1</v>
      </c>
      <c r="CK14" s="277">
        <v>12</v>
      </c>
      <c r="CL14" s="282">
        <v>12</v>
      </c>
      <c r="CM14" s="276">
        <v>0</v>
      </c>
      <c r="CN14" s="280">
        <v>0</v>
      </c>
      <c r="CO14" s="277">
        <v>0</v>
      </c>
      <c r="CP14" s="279">
        <v>0</v>
      </c>
      <c r="CQ14" s="280">
        <v>0</v>
      </c>
      <c r="CR14" s="280">
        <v>1</v>
      </c>
      <c r="CS14" s="280">
        <v>3</v>
      </c>
      <c r="CT14" s="280">
        <v>0</v>
      </c>
      <c r="CU14" s="280">
        <v>1</v>
      </c>
      <c r="CV14" s="277">
        <v>5</v>
      </c>
      <c r="CW14" s="282">
        <v>5</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1</v>
      </c>
      <c r="DU14" s="280">
        <v>15</v>
      </c>
      <c r="DV14" s="277">
        <v>26</v>
      </c>
      <c r="DW14" s="279">
        <v>0</v>
      </c>
      <c r="DX14" s="280">
        <v>39</v>
      </c>
      <c r="DY14" s="280">
        <v>32</v>
      </c>
      <c r="DZ14" s="280">
        <v>28</v>
      </c>
      <c r="EA14" s="280">
        <v>17</v>
      </c>
      <c r="EB14" s="280">
        <v>14</v>
      </c>
      <c r="EC14" s="277">
        <v>130</v>
      </c>
      <c r="ED14" s="282">
        <v>156</v>
      </c>
      <c r="EE14" s="276">
        <v>2</v>
      </c>
      <c r="EF14" s="280">
        <v>3</v>
      </c>
      <c r="EG14" s="277">
        <v>5</v>
      </c>
      <c r="EH14" s="279">
        <v>0</v>
      </c>
      <c r="EI14" s="280">
        <v>22</v>
      </c>
      <c r="EJ14" s="280">
        <v>6</v>
      </c>
      <c r="EK14" s="280">
        <v>13</v>
      </c>
      <c r="EL14" s="280">
        <v>17</v>
      </c>
      <c r="EM14" s="280">
        <v>12</v>
      </c>
      <c r="EN14" s="277">
        <v>70</v>
      </c>
      <c r="EO14" s="282">
        <v>75</v>
      </c>
      <c r="EP14" s="276">
        <v>17</v>
      </c>
      <c r="EQ14" s="280">
        <v>23</v>
      </c>
      <c r="ER14" s="277">
        <v>40</v>
      </c>
      <c r="ES14" s="279">
        <v>0</v>
      </c>
      <c r="ET14" s="280">
        <v>81</v>
      </c>
      <c r="EU14" s="280">
        <v>41</v>
      </c>
      <c r="EV14" s="280">
        <v>31</v>
      </c>
      <c r="EW14" s="280">
        <v>18</v>
      </c>
      <c r="EX14" s="280">
        <v>14</v>
      </c>
      <c r="EY14" s="277">
        <v>185</v>
      </c>
      <c r="EZ14" s="282">
        <v>225</v>
      </c>
    </row>
    <row r="15" spans="2:156" ht="19.5" customHeight="1" x14ac:dyDescent="0.2">
      <c r="B15" s="261" t="s">
        <v>12</v>
      </c>
      <c r="C15" s="276">
        <v>0</v>
      </c>
      <c r="D15" s="280">
        <v>0</v>
      </c>
      <c r="E15" s="384">
        <v>0</v>
      </c>
      <c r="F15" s="279">
        <v>0</v>
      </c>
      <c r="G15" s="280">
        <v>39</v>
      </c>
      <c r="H15" s="280">
        <v>16</v>
      </c>
      <c r="I15" s="280">
        <v>25</v>
      </c>
      <c r="J15" s="280">
        <v>17</v>
      </c>
      <c r="K15" s="280">
        <v>11</v>
      </c>
      <c r="L15" s="281">
        <v>108</v>
      </c>
      <c r="M15" s="282">
        <v>108</v>
      </c>
      <c r="N15" s="276">
        <v>0</v>
      </c>
      <c r="O15" s="280">
        <v>0</v>
      </c>
      <c r="P15" s="277">
        <v>0</v>
      </c>
      <c r="Q15" s="279">
        <v>0</v>
      </c>
      <c r="R15" s="280">
        <v>0</v>
      </c>
      <c r="S15" s="280">
        <v>1</v>
      </c>
      <c r="T15" s="280">
        <v>0</v>
      </c>
      <c r="U15" s="280">
        <v>2</v>
      </c>
      <c r="V15" s="280">
        <v>7</v>
      </c>
      <c r="W15" s="277">
        <v>10</v>
      </c>
      <c r="X15" s="282">
        <v>10</v>
      </c>
      <c r="Y15" s="276">
        <v>7</v>
      </c>
      <c r="Z15" s="280">
        <v>13</v>
      </c>
      <c r="AA15" s="277">
        <v>20</v>
      </c>
      <c r="AB15" s="279">
        <v>0</v>
      </c>
      <c r="AC15" s="280">
        <v>12</v>
      </c>
      <c r="AD15" s="280">
        <v>20</v>
      </c>
      <c r="AE15" s="280">
        <v>21</v>
      </c>
      <c r="AF15" s="280">
        <v>15</v>
      </c>
      <c r="AG15" s="280">
        <v>11</v>
      </c>
      <c r="AH15" s="277">
        <v>79</v>
      </c>
      <c r="AI15" s="282">
        <v>99</v>
      </c>
      <c r="AJ15" s="276">
        <v>0</v>
      </c>
      <c r="AK15" s="280">
        <v>0</v>
      </c>
      <c r="AL15" s="277">
        <v>0</v>
      </c>
      <c r="AM15" s="279">
        <v>0</v>
      </c>
      <c r="AN15" s="280">
        <v>4</v>
      </c>
      <c r="AO15" s="280">
        <v>1</v>
      </c>
      <c r="AP15" s="280">
        <v>0</v>
      </c>
      <c r="AQ15" s="280">
        <v>0</v>
      </c>
      <c r="AR15" s="280">
        <v>0</v>
      </c>
      <c r="AS15" s="277">
        <v>5</v>
      </c>
      <c r="AT15" s="282">
        <v>5</v>
      </c>
      <c r="AU15" s="276">
        <v>13</v>
      </c>
      <c r="AV15" s="280">
        <v>8</v>
      </c>
      <c r="AW15" s="277">
        <v>21</v>
      </c>
      <c r="AX15" s="279">
        <v>0</v>
      </c>
      <c r="AY15" s="280">
        <v>22</v>
      </c>
      <c r="AZ15" s="280">
        <v>19</v>
      </c>
      <c r="BA15" s="280">
        <v>21</v>
      </c>
      <c r="BB15" s="280">
        <v>34</v>
      </c>
      <c r="BC15" s="280">
        <v>17</v>
      </c>
      <c r="BD15" s="281">
        <v>113</v>
      </c>
      <c r="BE15" s="282">
        <v>134</v>
      </c>
      <c r="BF15" s="276">
        <v>0</v>
      </c>
      <c r="BG15" s="280">
        <v>0</v>
      </c>
      <c r="BH15" s="277">
        <v>0</v>
      </c>
      <c r="BI15" s="279">
        <v>0</v>
      </c>
      <c r="BJ15" s="280">
        <v>36</v>
      </c>
      <c r="BK15" s="280">
        <v>20</v>
      </c>
      <c r="BL15" s="280">
        <v>11</v>
      </c>
      <c r="BM15" s="280">
        <v>14</v>
      </c>
      <c r="BN15" s="280">
        <v>4</v>
      </c>
      <c r="BO15" s="277">
        <v>85</v>
      </c>
      <c r="BP15" s="282">
        <v>85</v>
      </c>
      <c r="BQ15" s="276">
        <v>12</v>
      </c>
      <c r="BR15" s="280">
        <v>8</v>
      </c>
      <c r="BS15" s="277">
        <v>20</v>
      </c>
      <c r="BT15" s="279">
        <v>0</v>
      </c>
      <c r="BU15" s="280">
        <v>10</v>
      </c>
      <c r="BV15" s="280">
        <v>12</v>
      </c>
      <c r="BW15" s="280">
        <v>9</v>
      </c>
      <c r="BX15" s="280">
        <v>4</v>
      </c>
      <c r="BY15" s="280">
        <v>0</v>
      </c>
      <c r="BZ15" s="277">
        <v>35</v>
      </c>
      <c r="CA15" s="282">
        <v>55</v>
      </c>
      <c r="CB15" s="276">
        <v>0</v>
      </c>
      <c r="CC15" s="280">
        <v>2</v>
      </c>
      <c r="CD15" s="277">
        <v>2</v>
      </c>
      <c r="CE15" s="279">
        <v>0</v>
      </c>
      <c r="CF15" s="280">
        <v>5</v>
      </c>
      <c r="CG15" s="280">
        <v>4</v>
      </c>
      <c r="CH15" s="280">
        <v>9</v>
      </c>
      <c r="CI15" s="280">
        <v>7</v>
      </c>
      <c r="CJ15" s="280">
        <v>2</v>
      </c>
      <c r="CK15" s="277">
        <v>27</v>
      </c>
      <c r="CL15" s="282">
        <v>29</v>
      </c>
      <c r="CM15" s="276">
        <v>0</v>
      </c>
      <c r="CN15" s="280">
        <v>0</v>
      </c>
      <c r="CO15" s="277">
        <v>0</v>
      </c>
      <c r="CP15" s="279">
        <v>0</v>
      </c>
      <c r="CQ15" s="280">
        <v>0</v>
      </c>
      <c r="CR15" s="280">
        <v>0</v>
      </c>
      <c r="CS15" s="280">
        <v>0</v>
      </c>
      <c r="CT15" s="280">
        <v>0</v>
      </c>
      <c r="CU15" s="280">
        <v>1</v>
      </c>
      <c r="CV15" s="277">
        <v>1</v>
      </c>
      <c r="CW15" s="282">
        <v>1</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3</v>
      </c>
      <c r="DU15" s="280">
        <v>44</v>
      </c>
      <c r="DV15" s="277">
        <v>67</v>
      </c>
      <c r="DW15" s="279">
        <v>0</v>
      </c>
      <c r="DX15" s="280">
        <v>32</v>
      </c>
      <c r="DY15" s="280">
        <v>42</v>
      </c>
      <c r="DZ15" s="280">
        <v>45</v>
      </c>
      <c r="EA15" s="280">
        <v>45</v>
      </c>
      <c r="EB15" s="280">
        <v>14</v>
      </c>
      <c r="EC15" s="277">
        <v>178</v>
      </c>
      <c r="ED15" s="282">
        <v>245</v>
      </c>
      <c r="EE15" s="276">
        <v>9</v>
      </c>
      <c r="EF15" s="280">
        <v>4</v>
      </c>
      <c r="EG15" s="277">
        <v>13</v>
      </c>
      <c r="EH15" s="279">
        <v>0</v>
      </c>
      <c r="EI15" s="280">
        <v>7</v>
      </c>
      <c r="EJ15" s="280">
        <v>7</v>
      </c>
      <c r="EK15" s="280">
        <v>6</v>
      </c>
      <c r="EL15" s="280">
        <v>9</v>
      </c>
      <c r="EM15" s="280">
        <v>5</v>
      </c>
      <c r="EN15" s="277">
        <v>34</v>
      </c>
      <c r="EO15" s="282">
        <v>47</v>
      </c>
      <c r="EP15" s="276">
        <v>43</v>
      </c>
      <c r="EQ15" s="280">
        <v>56</v>
      </c>
      <c r="ER15" s="277">
        <v>99</v>
      </c>
      <c r="ES15" s="279">
        <v>0</v>
      </c>
      <c r="ET15" s="280">
        <v>90</v>
      </c>
      <c r="EU15" s="280">
        <v>66</v>
      </c>
      <c r="EV15" s="280">
        <v>56</v>
      </c>
      <c r="EW15" s="280">
        <v>46</v>
      </c>
      <c r="EX15" s="280">
        <v>17</v>
      </c>
      <c r="EY15" s="277">
        <v>275</v>
      </c>
      <c r="EZ15" s="282">
        <v>374</v>
      </c>
    </row>
    <row r="16" spans="2:156" ht="19.5" customHeight="1" x14ac:dyDescent="0.2">
      <c r="B16" s="261" t="s">
        <v>13</v>
      </c>
      <c r="C16" s="276">
        <v>0</v>
      </c>
      <c r="D16" s="280">
        <v>0</v>
      </c>
      <c r="E16" s="384">
        <v>0</v>
      </c>
      <c r="F16" s="279">
        <v>0</v>
      </c>
      <c r="G16" s="280">
        <v>15</v>
      </c>
      <c r="H16" s="280">
        <v>21</v>
      </c>
      <c r="I16" s="280">
        <v>17</v>
      </c>
      <c r="J16" s="280">
        <v>12</v>
      </c>
      <c r="K16" s="280">
        <v>11</v>
      </c>
      <c r="L16" s="281">
        <v>76</v>
      </c>
      <c r="M16" s="282">
        <v>76</v>
      </c>
      <c r="N16" s="276">
        <v>0</v>
      </c>
      <c r="O16" s="280">
        <v>0</v>
      </c>
      <c r="P16" s="277">
        <v>0</v>
      </c>
      <c r="Q16" s="279">
        <v>0</v>
      </c>
      <c r="R16" s="280">
        <v>0</v>
      </c>
      <c r="S16" s="280">
        <v>0</v>
      </c>
      <c r="T16" s="280">
        <v>1</v>
      </c>
      <c r="U16" s="280">
        <v>2</v>
      </c>
      <c r="V16" s="280">
        <v>0</v>
      </c>
      <c r="W16" s="277">
        <v>3</v>
      </c>
      <c r="X16" s="282">
        <v>3</v>
      </c>
      <c r="Y16" s="276">
        <v>0</v>
      </c>
      <c r="Z16" s="280">
        <v>3</v>
      </c>
      <c r="AA16" s="277">
        <v>3</v>
      </c>
      <c r="AB16" s="279">
        <v>0</v>
      </c>
      <c r="AC16" s="280">
        <v>12</v>
      </c>
      <c r="AD16" s="280">
        <v>8</v>
      </c>
      <c r="AE16" s="280">
        <v>8</v>
      </c>
      <c r="AF16" s="280">
        <v>9</v>
      </c>
      <c r="AG16" s="280">
        <v>8</v>
      </c>
      <c r="AH16" s="277">
        <v>45</v>
      </c>
      <c r="AI16" s="282">
        <v>48</v>
      </c>
      <c r="AJ16" s="276">
        <v>0</v>
      </c>
      <c r="AK16" s="280">
        <v>0</v>
      </c>
      <c r="AL16" s="277">
        <v>0</v>
      </c>
      <c r="AM16" s="279">
        <v>0</v>
      </c>
      <c r="AN16" s="280">
        <v>1</v>
      </c>
      <c r="AO16" s="280">
        <v>5</v>
      </c>
      <c r="AP16" s="280">
        <v>0</v>
      </c>
      <c r="AQ16" s="280">
        <v>1</v>
      </c>
      <c r="AR16" s="280">
        <v>2</v>
      </c>
      <c r="AS16" s="277">
        <v>9</v>
      </c>
      <c r="AT16" s="282">
        <v>9</v>
      </c>
      <c r="AU16" s="276">
        <v>8</v>
      </c>
      <c r="AV16" s="280">
        <v>8</v>
      </c>
      <c r="AW16" s="277">
        <v>16</v>
      </c>
      <c r="AX16" s="279">
        <v>0</v>
      </c>
      <c r="AY16" s="280">
        <v>16</v>
      </c>
      <c r="AZ16" s="280">
        <v>22</v>
      </c>
      <c r="BA16" s="280">
        <v>20</v>
      </c>
      <c r="BB16" s="280">
        <v>17</v>
      </c>
      <c r="BC16" s="280">
        <v>13</v>
      </c>
      <c r="BD16" s="281">
        <v>88</v>
      </c>
      <c r="BE16" s="282">
        <v>104</v>
      </c>
      <c r="BF16" s="276">
        <v>0</v>
      </c>
      <c r="BG16" s="280">
        <v>0</v>
      </c>
      <c r="BH16" s="277">
        <v>0</v>
      </c>
      <c r="BI16" s="279">
        <v>0</v>
      </c>
      <c r="BJ16" s="280">
        <v>13</v>
      </c>
      <c r="BK16" s="280">
        <v>17</v>
      </c>
      <c r="BL16" s="280">
        <v>8</v>
      </c>
      <c r="BM16" s="280">
        <v>4</v>
      </c>
      <c r="BN16" s="280">
        <v>2</v>
      </c>
      <c r="BO16" s="277">
        <v>44</v>
      </c>
      <c r="BP16" s="282">
        <v>44</v>
      </c>
      <c r="BQ16" s="276">
        <v>0</v>
      </c>
      <c r="BR16" s="280">
        <v>1</v>
      </c>
      <c r="BS16" s="277">
        <v>1</v>
      </c>
      <c r="BT16" s="279">
        <v>0</v>
      </c>
      <c r="BU16" s="280">
        <v>0</v>
      </c>
      <c r="BV16" s="280">
        <v>3</v>
      </c>
      <c r="BW16" s="280">
        <v>5</v>
      </c>
      <c r="BX16" s="280">
        <v>2</v>
      </c>
      <c r="BY16" s="280">
        <v>0</v>
      </c>
      <c r="BZ16" s="277">
        <v>10</v>
      </c>
      <c r="CA16" s="282">
        <v>11</v>
      </c>
      <c r="CB16" s="276">
        <v>0</v>
      </c>
      <c r="CC16" s="280">
        <v>1</v>
      </c>
      <c r="CD16" s="277">
        <v>1</v>
      </c>
      <c r="CE16" s="279">
        <v>0</v>
      </c>
      <c r="CF16" s="280">
        <v>3</v>
      </c>
      <c r="CG16" s="280">
        <v>2</v>
      </c>
      <c r="CH16" s="280">
        <v>3</v>
      </c>
      <c r="CI16" s="280">
        <v>1</v>
      </c>
      <c r="CJ16" s="280">
        <v>2</v>
      </c>
      <c r="CK16" s="277">
        <v>11</v>
      </c>
      <c r="CL16" s="282">
        <v>12</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4</v>
      </c>
      <c r="DU16" s="280">
        <v>12</v>
      </c>
      <c r="DV16" s="277">
        <v>16</v>
      </c>
      <c r="DW16" s="279">
        <v>0</v>
      </c>
      <c r="DX16" s="280">
        <v>20</v>
      </c>
      <c r="DY16" s="280">
        <v>37</v>
      </c>
      <c r="DZ16" s="280">
        <v>21</v>
      </c>
      <c r="EA16" s="280">
        <v>14</v>
      </c>
      <c r="EB16" s="280">
        <v>16</v>
      </c>
      <c r="EC16" s="277">
        <v>108</v>
      </c>
      <c r="ED16" s="282">
        <v>124</v>
      </c>
      <c r="EE16" s="276">
        <v>7</v>
      </c>
      <c r="EF16" s="280">
        <v>4</v>
      </c>
      <c r="EG16" s="277">
        <v>11</v>
      </c>
      <c r="EH16" s="279">
        <v>0</v>
      </c>
      <c r="EI16" s="280">
        <v>12</v>
      </c>
      <c r="EJ16" s="280">
        <v>9</v>
      </c>
      <c r="EK16" s="280">
        <v>9</v>
      </c>
      <c r="EL16" s="280">
        <v>6</v>
      </c>
      <c r="EM16" s="280">
        <v>4</v>
      </c>
      <c r="EN16" s="277">
        <v>40</v>
      </c>
      <c r="EO16" s="282">
        <v>51</v>
      </c>
      <c r="EP16" s="276">
        <v>4</v>
      </c>
      <c r="EQ16" s="280">
        <v>15</v>
      </c>
      <c r="ER16" s="277">
        <v>19</v>
      </c>
      <c r="ES16" s="279">
        <v>0</v>
      </c>
      <c r="ET16" s="280">
        <v>52</v>
      </c>
      <c r="EU16" s="280">
        <v>56</v>
      </c>
      <c r="EV16" s="280">
        <v>33</v>
      </c>
      <c r="EW16" s="280">
        <v>17</v>
      </c>
      <c r="EX16" s="280">
        <v>16</v>
      </c>
      <c r="EY16" s="277">
        <v>174</v>
      </c>
      <c r="EZ16" s="282">
        <v>193</v>
      </c>
    </row>
    <row r="17" spans="2:156" ht="19.5" customHeight="1" x14ac:dyDescent="0.2">
      <c r="B17" s="261" t="s">
        <v>15</v>
      </c>
      <c r="C17" s="276">
        <v>0</v>
      </c>
      <c r="D17" s="280">
        <v>0</v>
      </c>
      <c r="E17" s="384">
        <v>0</v>
      </c>
      <c r="F17" s="279">
        <v>0</v>
      </c>
      <c r="G17" s="280">
        <v>3</v>
      </c>
      <c r="H17" s="280">
        <v>5</v>
      </c>
      <c r="I17" s="280">
        <v>0</v>
      </c>
      <c r="J17" s="280">
        <v>1</v>
      </c>
      <c r="K17" s="280">
        <v>3</v>
      </c>
      <c r="L17" s="281">
        <v>12</v>
      </c>
      <c r="M17" s="282">
        <v>12</v>
      </c>
      <c r="N17" s="276">
        <v>0</v>
      </c>
      <c r="O17" s="280">
        <v>0</v>
      </c>
      <c r="P17" s="277">
        <v>0</v>
      </c>
      <c r="Q17" s="279">
        <v>0</v>
      </c>
      <c r="R17" s="280">
        <v>0</v>
      </c>
      <c r="S17" s="280">
        <v>0</v>
      </c>
      <c r="T17" s="280">
        <v>1</v>
      </c>
      <c r="U17" s="280">
        <v>1</v>
      </c>
      <c r="V17" s="280">
        <v>2</v>
      </c>
      <c r="W17" s="277">
        <v>4</v>
      </c>
      <c r="X17" s="282">
        <v>4</v>
      </c>
      <c r="Y17" s="276">
        <v>0</v>
      </c>
      <c r="Z17" s="280">
        <v>0</v>
      </c>
      <c r="AA17" s="277">
        <v>0</v>
      </c>
      <c r="AB17" s="279">
        <v>0</v>
      </c>
      <c r="AC17" s="280">
        <v>1</v>
      </c>
      <c r="AD17" s="280">
        <v>3</v>
      </c>
      <c r="AE17" s="280">
        <v>1</v>
      </c>
      <c r="AF17" s="280">
        <v>4</v>
      </c>
      <c r="AG17" s="280">
        <v>3</v>
      </c>
      <c r="AH17" s="277">
        <v>12</v>
      </c>
      <c r="AI17" s="282">
        <v>12</v>
      </c>
      <c r="AJ17" s="276">
        <v>0</v>
      </c>
      <c r="AK17" s="280">
        <v>0</v>
      </c>
      <c r="AL17" s="277">
        <v>0</v>
      </c>
      <c r="AM17" s="279">
        <v>0</v>
      </c>
      <c r="AN17" s="280">
        <v>0</v>
      </c>
      <c r="AO17" s="280">
        <v>0</v>
      </c>
      <c r="AP17" s="280">
        <v>2</v>
      </c>
      <c r="AQ17" s="280">
        <v>0</v>
      </c>
      <c r="AR17" s="280">
        <v>1</v>
      </c>
      <c r="AS17" s="277">
        <v>3</v>
      </c>
      <c r="AT17" s="282">
        <v>3</v>
      </c>
      <c r="AU17" s="276">
        <v>0</v>
      </c>
      <c r="AV17" s="280">
        <v>1</v>
      </c>
      <c r="AW17" s="277">
        <v>1</v>
      </c>
      <c r="AX17" s="279">
        <v>0</v>
      </c>
      <c r="AY17" s="280">
        <v>3</v>
      </c>
      <c r="AZ17" s="280">
        <v>9</v>
      </c>
      <c r="BA17" s="280">
        <v>3</v>
      </c>
      <c r="BB17" s="280">
        <v>2</v>
      </c>
      <c r="BC17" s="280">
        <v>5</v>
      </c>
      <c r="BD17" s="281">
        <v>22</v>
      </c>
      <c r="BE17" s="282">
        <v>23</v>
      </c>
      <c r="BF17" s="276">
        <v>0</v>
      </c>
      <c r="BG17" s="280">
        <v>0</v>
      </c>
      <c r="BH17" s="277">
        <v>0</v>
      </c>
      <c r="BI17" s="279">
        <v>0</v>
      </c>
      <c r="BJ17" s="280">
        <v>6</v>
      </c>
      <c r="BK17" s="280">
        <v>2</v>
      </c>
      <c r="BL17" s="280">
        <v>1</v>
      </c>
      <c r="BM17" s="280">
        <v>1</v>
      </c>
      <c r="BN17" s="280">
        <v>1</v>
      </c>
      <c r="BO17" s="277">
        <v>11</v>
      </c>
      <c r="BP17" s="282">
        <v>11</v>
      </c>
      <c r="BQ17" s="276">
        <v>0</v>
      </c>
      <c r="BR17" s="280">
        <v>0</v>
      </c>
      <c r="BS17" s="277">
        <v>0</v>
      </c>
      <c r="BT17" s="279">
        <v>0</v>
      </c>
      <c r="BU17" s="280">
        <v>3</v>
      </c>
      <c r="BV17" s="280">
        <v>1</v>
      </c>
      <c r="BW17" s="280">
        <v>1</v>
      </c>
      <c r="BX17" s="280">
        <v>1</v>
      </c>
      <c r="BY17" s="280">
        <v>2</v>
      </c>
      <c r="BZ17" s="277">
        <v>8</v>
      </c>
      <c r="CA17" s="282">
        <v>8</v>
      </c>
      <c r="CB17" s="276">
        <v>0</v>
      </c>
      <c r="CC17" s="280">
        <v>0</v>
      </c>
      <c r="CD17" s="277">
        <v>0</v>
      </c>
      <c r="CE17" s="279">
        <v>0</v>
      </c>
      <c r="CF17" s="280">
        <v>0</v>
      </c>
      <c r="CG17" s="280">
        <v>1</v>
      </c>
      <c r="CH17" s="280">
        <v>0</v>
      </c>
      <c r="CI17" s="280">
        <v>2</v>
      </c>
      <c r="CJ17" s="280">
        <v>0</v>
      </c>
      <c r="CK17" s="277">
        <v>3</v>
      </c>
      <c r="CL17" s="282">
        <v>3</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2</v>
      </c>
      <c r="DV17" s="277">
        <v>3</v>
      </c>
      <c r="DW17" s="279">
        <v>0</v>
      </c>
      <c r="DX17" s="280">
        <v>6</v>
      </c>
      <c r="DY17" s="280">
        <v>13</v>
      </c>
      <c r="DZ17" s="280">
        <v>2</v>
      </c>
      <c r="EA17" s="280">
        <v>6</v>
      </c>
      <c r="EB17" s="280">
        <v>4</v>
      </c>
      <c r="EC17" s="277">
        <v>31</v>
      </c>
      <c r="ED17" s="282">
        <v>34</v>
      </c>
      <c r="EE17" s="276">
        <v>1</v>
      </c>
      <c r="EF17" s="280">
        <v>2</v>
      </c>
      <c r="EG17" s="277">
        <v>3</v>
      </c>
      <c r="EH17" s="279">
        <v>0</v>
      </c>
      <c r="EI17" s="280">
        <v>7</v>
      </c>
      <c r="EJ17" s="280">
        <v>4</v>
      </c>
      <c r="EK17" s="280">
        <v>2</v>
      </c>
      <c r="EL17" s="280">
        <v>0</v>
      </c>
      <c r="EM17" s="280">
        <v>1</v>
      </c>
      <c r="EN17" s="277">
        <v>14</v>
      </c>
      <c r="EO17" s="282">
        <v>17</v>
      </c>
      <c r="EP17" s="276">
        <v>1</v>
      </c>
      <c r="EQ17" s="280">
        <v>4</v>
      </c>
      <c r="ER17" s="277">
        <v>5</v>
      </c>
      <c r="ES17" s="279">
        <v>0</v>
      </c>
      <c r="ET17" s="280">
        <v>16</v>
      </c>
      <c r="EU17" s="280">
        <v>16</v>
      </c>
      <c r="EV17" s="280">
        <v>3</v>
      </c>
      <c r="EW17" s="280">
        <v>7</v>
      </c>
      <c r="EX17" s="280">
        <v>5</v>
      </c>
      <c r="EY17" s="277">
        <v>47</v>
      </c>
      <c r="EZ17" s="282">
        <v>52</v>
      </c>
    </row>
    <row r="18" spans="2:156" ht="19.5" customHeight="1" x14ac:dyDescent="0.2">
      <c r="B18" s="261" t="s">
        <v>16</v>
      </c>
      <c r="C18" s="276">
        <v>0</v>
      </c>
      <c r="D18" s="280">
        <v>0</v>
      </c>
      <c r="E18" s="384">
        <v>0</v>
      </c>
      <c r="F18" s="279">
        <v>0</v>
      </c>
      <c r="G18" s="280">
        <v>7</v>
      </c>
      <c r="H18" s="280">
        <v>14</v>
      </c>
      <c r="I18" s="280">
        <v>5</v>
      </c>
      <c r="J18" s="280">
        <v>6</v>
      </c>
      <c r="K18" s="280">
        <v>2</v>
      </c>
      <c r="L18" s="281">
        <v>34</v>
      </c>
      <c r="M18" s="282">
        <v>34</v>
      </c>
      <c r="N18" s="276">
        <v>0</v>
      </c>
      <c r="O18" s="280">
        <v>0</v>
      </c>
      <c r="P18" s="277">
        <v>0</v>
      </c>
      <c r="Q18" s="279">
        <v>0</v>
      </c>
      <c r="R18" s="280">
        <v>0</v>
      </c>
      <c r="S18" s="280">
        <v>2</v>
      </c>
      <c r="T18" s="280">
        <v>1</v>
      </c>
      <c r="U18" s="280">
        <v>0</v>
      </c>
      <c r="V18" s="280">
        <v>4</v>
      </c>
      <c r="W18" s="277">
        <v>7</v>
      </c>
      <c r="X18" s="282">
        <v>7</v>
      </c>
      <c r="Y18" s="276">
        <v>1</v>
      </c>
      <c r="Z18" s="280">
        <v>4</v>
      </c>
      <c r="AA18" s="277">
        <v>5</v>
      </c>
      <c r="AB18" s="279">
        <v>0</v>
      </c>
      <c r="AC18" s="280">
        <v>5</v>
      </c>
      <c r="AD18" s="280">
        <v>13</v>
      </c>
      <c r="AE18" s="280">
        <v>11</v>
      </c>
      <c r="AF18" s="280">
        <v>7</v>
      </c>
      <c r="AG18" s="280">
        <v>4</v>
      </c>
      <c r="AH18" s="277">
        <v>40</v>
      </c>
      <c r="AI18" s="282">
        <v>45</v>
      </c>
      <c r="AJ18" s="276">
        <v>0</v>
      </c>
      <c r="AK18" s="280">
        <v>0</v>
      </c>
      <c r="AL18" s="277">
        <v>0</v>
      </c>
      <c r="AM18" s="279">
        <v>0</v>
      </c>
      <c r="AN18" s="280">
        <v>2</v>
      </c>
      <c r="AO18" s="280">
        <v>0</v>
      </c>
      <c r="AP18" s="280">
        <v>3</v>
      </c>
      <c r="AQ18" s="280">
        <v>2</v>
      </c>
      <c r="AR18" s="280">
        <v>0</v>
      </c>
      <c r="AS18" s="277">
        <v>7</v>
      </c>
      <c r="AT18" s="282">
        <v>7</v>
      </c>
      <c r="AU18" s="276">
        <v>3</v>
      </c>
      <c r="AV18" s="280">
        <v>1</v>
      </c>
      <c r="AW18" s="277">
        <v>4</v>
      </c>
      <c r="AX18" s="279">
        <v>0</v>
      </c>
      <c r="AY18" s="280">
        <v>12</v>
      </c>
      <c r="AZ18" s="280">
        <v>13</v>
      </c>
      <c r="BA18" s="280">
        <v>16</v>
      </c>
      <c r="BB18" s="280">
        <v>15</v>
      </c>
      <c r="BC18" s="280">
        <v>10</v>
      </c>
      <c r="BD18" s="281">
        <v>66</v>
      </c>
      <c r="BE18" s="282">
        <v>70</v>
      </c>
      <c r="BF18" s="276">
        <v>0</v>
      </c>
      <c r="BG18" s="280">
        <v>0</v>
      </c>
      <c r="BH18" s="277">
        <v>0</v>
      </c>
      <c r="BI18" s="279">
        <v>0</v>
      </c>
      <c r="BJ18" s="280">
        <v>13</v>
      </c>
      <c r="BK18" s="280">
        <v>19</v>
      </c>
      <c r="BL18" s="280">
        <v>10</v>
      </c>
      <c r="BM18" s="280">
        <v>2</v>
      </c>
      <c r="BN18" s="280">
        <v>1</v>
      </c>
      <c r="BO18" s="277">
        <v>45</v>
      </c>
      <c r="BP18" s="282">
        <v>45</v>
      </c>
      <c r="BQ18" s="276">
        <v>3</v>
      </c>
      <c r="BR18" s="280">
        <v>7</v>
      </c>
      <c r="BS18" s="277">
        <v>10</v>
      </c>
      <c r="BT18" s="279">
        <v>0</v>
      </c>
      <c r="BU18" s="280">
        <v>9</v>
      </c>
      <c r="BV18" s="280">
        <v>15</v>
      </c>
      <c r="BW18" s="280">
        <v>8</v>
      </c>
      <c r="BX18" s="280">
        <v>1</v>
      </c>
      <c r="BY18" s="280">
        <v>1</v>
      </c>
      <c r="BZ18" s="277">
        <v>34</v>
      </c>
      <c r="CA18" s="282">
        <v>44</v>
      </c>
      <c r="CB18" s="276">
        <v>0</v>
      </c>
      <c r="CC18" s="280">
        <v>2</v>
      </c>
      <c r="CD18" s="277">
        <v>2</v>
      </c>
      <c r="CE18" s="279">
        <v>0</v>
      </c>
      <c r="CF18" s="280">
        <v>2</v>
      </c>
      <c r="CG18" s="280">
        <v>2</v>
      </c>
      <c r="CH18" s="280">
        <v>3</v>
      </c>
      <c r="CI18" s="280">
        <v>0</v>
      </c>
      <c r="CJ18" s="280">
        <v>1</v>
      </c>
      <c r="CK18" s="277">
        <v>8</v>
      </c>
      <c r="CL18" s="282">
        <v>10</v>
      </c>
      <c r="CM18" s="276">
        <v>0</v>
      </c>
      <c r="CN18" s="280">
        <v>0</v>
      </c>
      <c r="CO18" s="277">
        <v>0</v>
      </c>
      <c r="CP18" s="279">
        <v>0</v>
      </c>
      <c r="CQ18" s="280">
        <v>1</v>
      </c>
      <c r="CR18" s="280">
        <v>0</v>
      </c>
      <c r="CS18" s="280">
        <v>2</v>
      </c>
      <c r="CT18" s="280">
        <v>0</v>
      </c>
      <c r="CU18" s="280">
        <v>0</v>
      </c>
      <c r="CV18" s="277">
        <v>3</v>
      </c>
      <c r="CW18" s="282">
        <v>3</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1</v>
      </c>
      <c r="DU18" s="280">
        <v>15</v>
      </c>
      <c r="DV18" s="277">
        <v>26</v>
      </c>
      <c r="DW18" s="279">
        <v>0</v>
      </c>
      <c r="DX18" s="280">
        <v>18</v>
      </c>
      <c r="DY18" s="280">
        <v>39</v>
      </c>
      <c r="DZ18" s="280">
        <v>25</v>
      </c>
      <c r="EA18" s="280">
        <v>8</v>
      </c>
      <c r="EB18" s="280">
        <v>7</v>
      </c>
      <c r="EC18" s="277">
        <v>97</v>
      </c>
      <c r="ED18" s="282">
        <v>123</v>
      </c>
      <c r="EE18" s="276">
        <v>2</v>
      </c>
      <c r="EF18" s="280">
        <v>1</v>
      </c>
      <c r="EG18" s="277">
        <v>3</v>
      </c>
      <c r="EH18" s="279">
        <v>0</v>
      </c>
      <c r="EI18" s="280">
        <v>10</v>
      </c>
      <c r="EJ18" s="280">
        <v>10</v>
      </c>
      <c r="EK18" s="280">
        <v>9</v>
      </c>
      <c r="EL18" s="280">
        <v>12</v>
      </c>
      <c r="EM18" s="280">
        <v>6</v>
      </c>
      <c r="EN18" s="277">
        <v>47</v>
      </c>
      <c r="EO18" s="282">
        <v>50</v>
      </c>
      <c r="EP18" s="276">
        <v>14</v>
      </c>
      <c r="EQ18" s="280">
        <v>22</v>
      </c>
      <c r="ER18" s="277">
        <v>36</v>
      </c>
      <c r="ES18" s="279">
        <v>0</v>
      </c>
      <c r="ET18" s="280">
        <v>41</v>
      </c>
      <c r="EU18" s="280">
        <v>62</v>
      </c>
      <c r="EV18" s="280">
        <v>32</v>
      </c>
      <c r="EW18" s="280">
        <v>11</v>
      </c>
      <c r="EX18" s="280">
        <v>8</v>
      </c>
      <c r="EY18" s="277">
        <v>154</v>
      </c>
      <c r="EZ18" s="282">
        <v>190</v>
      </c>
    </row>
    <row r="19" spans="2:156" ht="19.5" customHeight="1" x14ac:dyDescent="0.2">
      <c r="B19" s="261" t="s">
        <v>17</v>
      </c>
      <c r="C19" s="276">
        <v>0</v>
      </c>
      <c r="D19" s="280">
        <v>0</v>
      </c>
      <c r="E19" s="384">
        <v>0</v>
      </c>
      <c r="F19" s="279">
        <v>0</v>
      </c>
      <c r="G19" s="280">
        <v>10</v>
      </c>
      <c r="H19" s="280">
        <v>12</v>
      </c>
      <c r="I19" s="280">
        <v>11</v>
      </c>
      <c r="J19" s="280">
        <v>7</v>
      </c>
      <c r="K19" s="280">
        <v>6</v>
      </c>
      <c r="L19" s="281">
        <v>46</v>
      </c>
      <c r="M19" s="282">
        <v>46</v>
      </c>
      <c r="N19" s="276">
        <v>0</v>
      </c>
      <c r="O19" s="280">
        <v>0</v>
      </c>
      <c r="P19" s="277">
        <v>0</v>
      </c>
      <c r="Q19" s="279">
        <v>0</v>
      </c>
      <c r="R19" s="280">
        <v>2</v>
      </c>
      <c r="S19" s="280">
        <v>0</v>
      </c>
      <c r="T19" s="280">
        <v>1</v>
      </c>
      <c r="U19" s="280">
        <v>1</v>
      </c>
      <c r="V19" s="280">
        <v>3</v>
      </c>
      <c r="W19" s="277">
        <v>7</v>
      </c>
      <c r="X19" s="282">
        <v>7</v>
      </c>
      <c r="Y19" s="276">
        <v>3</v>
      </c>
      <c r="Z19" s="280">
        <v>7</v>
      </c>
      <c r="AA19" s="277">
        <v>10</v>
      </c>
      <c r="AB19" s="279">
        <v>0</v>
      </c>
      <c r="AC19" s="280">
        <v>16</v>
      </c>
      <c r="AD19" s="280">
        <v>13</v>
      </c>
      <c r="AE19" s="280">
        <v>12</v>
      </c>
      <c r="AF19" s="280">
        <v>7</v>
      </c>
      <c r="AG19" s="280">
        <v>8</v>
      </c>
      <c r="AH19" s="277">
        <v>56</v>
      </c>
      <c r="AI19" s="282">
        <v>66</v>
      </c>
      <c r="AJ19" s="276">
        <v>0</v>
      </c>
      <c r="AK19" s="280">
        <v>0</v>
      </c>
      <c r="AL19" s="277">
        <v>0</v>
      </c>
      <c r="AM19" s="279">
        <v>0</v>
      </c>
      <c r="AN19" s="280">
        <v>0</v>
      </c>
      <c r="AO19" s="280">
        <v>1</v>
      </c>
      <c r="AP19" s="280">
        <v>1</v>
      </c>
      <c r="AQ19" s="280">
        <v>2</v>
      </c>
      <c r="AR19" s="280">
        <v>0</v>
      </c>
      <c r="AS19" s="277">
        <v>4</v>
      </c>
      <c r="AT19" s="282">
        <v>4</v>
      </c>
      <c r="AU19" s="276">
        <v>4</v>
      </c>
      <c r="AV19" s="280">
        <v>6</v>
      </c>
      <c r="AW19" s="277">
        <v>10</v>
      </c>
      <c r="AX19" s="279">
        <v>0</v>
      </c>
      <c r="AY19" s="280">
        <v>14</v>
      </c>
      <c r="AZ19" s="280">
        <v>24</v>
      </c>
      <c r="BA19" s="280">
        <v>25</v>
      </c>
      <c r="BB19" s="280">
        <v>27</v>
      </c>
      <c r="BC19" s="280">
        <v>24</v>
      </c>
      <c r="BD19" s="281">
        <v>114</v>
      </c>
      <c r="BE19" s="282">
        <v>124</v>
      </c>
      <c r="BF19" s="276">
        <v>0</v>
      </c>
      <c r="BG19" s="280">
        <v>0</v>
      </c>
      <c r="BH19" s="277">
        <v>0</v>
      </c>
      <c r="BI19" s="279">
        <v>0</v>
      </c>
      <c r="BJ19" s="280">
        <v>22</v>
      </c>
      <c r="BK19" s="280">
        <v>32</v>
      </c>
      <c r="BL19" s="280">
        <v>11</v>
      </c>
      <c r="BM19" s="280">
        <v>8</v>
      </c>
      <c r="BN19" s="280">
        <v>3</v>
      </c>
      <c r="BO19" s="277">
        <v>76</v>
      </c>
      <c r="BP19" s="282">
        <v>76</v>
      </c>
      <c r="BQ19" s="276">
        <v>4</v>
      </c>
      <c r="BR19" s="280">
        <v>4</v>
      </c>
      <c r="BS19" s="277">
        <v>8</v>
      </c>
      <c r="BT19" s="279">
        <v>0</v>
      </c>
      <c r="BU19" s="280">
        <v>5</v>
      </c>
      <c r="BV19" s="280">
        <v>9</v>
      </c>
      <c r="BW19" s="280">
        <v>3</v>
      </c>
      <c r="BX19" s="280">
        <v>3</v>
      </c>
      <c r="BY19" s="280">
        <v>0</v>
      </c>
      <c r="BZ19" s="277">
        <v>20</v>
      </c>
      <c r="CA19" s="282">
        <v>28</v>
      </c>
      <c r="CB19" s="276">
        <v>0</v>
      </c>
      <c r="CC19" s="280">
        <v>1</v>
      </c>
      <c r="CD19" s="277">
        <v>1</v>
      </c>
      <c r="CE19" s="279">
        <v>0</v>
      </c>
      <c r="CF19" s="280">
        <v>2</v>
      </c>
      <c r="CG19" s="280">
        <v>6</v>
      </c>
      <c r="CH19" s="280">
        <v>8</v>
      </c>
      <c r="CI19" s="280">
        <v>6</v>
      </c>
      <c r="CJ19" s="280">
        <v>3</v>
      </c>
      <c r="CK19" s="277">
        <v>25</v>
      </c>
      <c r="CL19" s="282">
        <v>26</v>
      </c>
      <c r="CM19" s="276">
        <v>0</v>
      </c>
      <c r="CN19" s="280">
        <v>0</v>
      </c>
      <c r="CO19" s="277">
        <v>0</v>
      </c>
      <c r="CP19" s="279">
        <v>0</v>
      </c>
      <c r="CQ19" s="280">
        <v>1</v>
      </c>
      <c r="CR19" s="280">
        <v>0</v>
      </c>
      <c r="CS19" s="280">
        <v>0</v>
      </c>
      <c r="CT19" s="280">
        <v>1</v>
      </c>
      <c r="CU19" s="280">
        <v>0</v>
      </c>
      <c r="CV19" s="277">
        <v>2</v>
      </c>
      <c r="CW19" s="282">
        <v>2</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4</v>
      </c>
      <c r="DU19" s="280">
        <v>20</v>
      </c>
      <c r="DV19" s="277">
        <v>34</v>
      </c>
      <c r="DW19" s="279">
        <v>0</v>
      </c>
      <c r="DX19" s="280">
        <v>26</v>
      </c>
      <c r="DY19" s="280">
        <v>54</v>
      </c>
      <c r="DZ19" s="280">
        <v>39</v>
      </c>
      <c r="EA19" s="280">
        <v>27</v>
      </c>
      <c r="EB19" s="280">
        <v>18</v>
      </c>
      <c r="EC19" s="277">
        <v>164</v>
      </c>
      <c r="ED19" s="282">
        <v>198</v>
      </c>
      <c r="EE19" s="276">
        <v>2</v>
      </c>
      <c r="EF19" s="280">
        <v>3</v>
      </c>
      <c r="EG19" s="277">
        <v>5</v>
      </c>
      <c r="EH19" s="279">
        <v>0</v>
      </c>
      <c r="EI19" s="280">
        <v>6</v>
      </c>
      <c r="EJ19" s="280">
        <v>4</v>
      </c>
      <c r="EK19" s="280">
        <v>9</v>
      </c>
      <c r="EL19" s="280">
        <v>13</v>
      </c>
      <c r="EM19" s="280">
        <v>10</v>
      </c>
      <c r="EN19" s="277">
        <v>42</v>
      </c>
      <c r="EO19" s="282">
        <v>47</v>
      </c>
      <c r="EP19" s="276">
        <v>18</v>
      </c>
      <c r="EQ19" s="280">
        <v>27</v>
      </c>
      <c r="ER19" s="277">
        <v>45</v>
      </c>
      <c r="ES19" s="279">
        <v>0</v>
      </c>
      <c r="ET19" s="280">
        <v>58</v>
      </c>
      <c r="EU19" s="280">
        <v>83</v>
      </c>
      <c r="EV19" s="280">
        <v>45</v>
      </c>
      <c r="EW19" s="280">
        <v>26</v>
      </c>
      <c r="EX19" s="280">
        <v>19</v>
      </c>
      <c r="EY19" s="277">
        <v>231</v>
      </c>
      <c r="EZ19" s="282">
        <v>276</v>
      </c>
    </row>
    <row r="20" spans="2:156" ht="19.5" customHeight="1" x14ac:dyDescent="0.2">
      <c r="B20" s="261" t="s">
        <v>18</v>
      </c>
      <c r="C20" s="276">
        <v>0</v>
      </c>
      <c r="D20" s="280">
        <v>0</v>
      </c>
      <c r="E20" s="384">
        <v>0</v>
      </c>
      <c r="F20" s="279">
        <v>0</v>
      </c>
      <c r="G20" s="280">
        <v>23</v>
      </c>
      <c r="H20" s="280">
        <v>29</v>
      </c>
      <c r="I20" s="280">
        <v>13</v>
      </c>
      <c r="J20" s="280">
        <v>13</v>
      </c>
      <c r="K20" s="280">
        <v>9</v>
      </c>
      <c r="L20" s="281">
        <v>87</v>
      </c>
      <c r="M20" s="282">
        <v>87</v>
      </c>
      <c r="N20" s="276">
        <v>0</v>
      </c>
      <c r="O20" s="280">
        <v>0</v>
      </c>
      <c r="P20" s="277">
        <v>0</v>
      </c>
      <c r="Q20" s="279">
        <v>0</v>
      </c>
      <c r="R20" s="280">
        <v>0</v>
      </c>
      <c r="S20" s="280">
        <v>1</v>
      </c>
      <c r="T20" s="280">
        <v>2</v>
      </c>
      <c r="U20" s="280">
        <v>5</v>
      </c>
      <c r="V20" s="280">
        <v>2</v>
      </c>
      <c r="W20" s="277">
        <v>10</v>
      </c>
      <c r="X20" s="282">
        <v>10</v>
      </c>
      <c r="Y20" s="276">
        <v>8</v>
      </c>
      <c r="Z20" s="280">
        <v>10</v>
      </c>
      <c r="AA20" s="277">
        <v>18</v>
      </c>
      <c r="AB20" s="279">
        <v>0</v>
      </c>
      <c r="AC20" s="280">
        <v>16</v>
      </c>
      <c r="AD20" s="280">
        <v>29</v>
      </c>
      <c r="AE20" s="280">
        <v>12</v>
      </c>
      <c r="AF20" s="280">
        <v>14</v>
      </c>
      <c r="AG20" s="280">
        <v>11</v>
      </c>
      <c r="AH20" s="277">
        <v>82</v>
      </c>
      <c r="AI20" s="282">
        <v>100</v>
      </c>
      <c r="AJ20" s="276">
        <v>1</v>
      </c>
      <c r="AK20" s="280">
        <v>0</v>
      </c>
      <c r="AL20" s="277">
        <v>1</v>
      </c>
      <c r="AM20" s="279">
        <v>0</v>
      </c>
      <c r="AN20" s="280">
        <v>3</v>
      </c>
      <c r="AO20" s="280">
        <v>4</v>
      </c>
      <c r="AP20" s="280">
        <v>3</v>
      </c>
      <c r="AQ20" s="280">
        <v>3</v>
      </c>
      <c r="AR20" s="280">
        <v>0</v>
      </c>
      <c r="AS20" s="277">
        <v>13</v>
      </c>
      <c r="AT20" s="282">
        <v>14</v>
      </c>
      <c r="AU20" s="276">
        <v>4</v>
      </c>
      <c r="AV20" s="280">
        <v>4</v>
      </c>
      <c r="AW20" s="277">
        <v>8</v>
      </c>
      <c r="AX20" s="279">
        <v>0</v>
      </c>
      <c r="AY20" s="280">
        <v>28</v>
      </c>
      <c r="AZ20" s="280">
        <v>34</v>
      </c>
      <c r="BA20" s="280">
        <v>25</v>
      </c>
      <c r="BB20" s="280">
        <v>26</v>
      </c>
      <c r="BC20" s="280">
        <v>29</v>
      </c>
      <c r="BD20" s="281">
        <v>142</v>
      </c>
      <c r="BE20" s="282">
        <v>150</v>
      </c>
      <c r="BF20" s="276">
        <v>0</v>
      </c>
      <c r="BG20" s="280">
        <v>0</v>
      </c>
      <c r="BH20" s="277">
        <v>0</v>
      </c>
      <c r="BI20" s="279">
        <v>0</v>
      </c>
      <c r="BJ20" s="280">
        <v>33</v>
      </c>
      <c r="BK20" s="280">
        <v>44</v>
      </c>
      <c r="BL20" s="280">
        <v>12</v>
      </c>
      <c r="BM20" s="280">
        <v>11</v>
      </c>
      <c r="BN20" s="280">
        <v>5</v>
      </c>
      <c r="BO20" s="277">
        <v>105</v>
      </c>
      <c r="BP20" s="282">
        <v>105</v>
      </c>
      <c r="BQ20" s="276">
        <v>6</v>
      </c>
      <c r="BR20" s="280">
        <v>4</v>
      </c>
      <c r="BS20" s="277">
        <v>10</v>
      </c>
      <c r="BT20" s="279">
        <v>0</v>
      </c>
      <c r="BU20" s="280">
        <v>9</v>
      </c>
      <c r="BV20" s="280">
        <v>14</v>
      </c>
      <c r="BW20" s="280">
        <v>5</v>
      </c>
      <c r="BX20" s="280">
        <v>7</v>
      </c>
      <c r="BY20" s="280">
        <v>2</v>
      </c>
      <c r="BZ20" s="277">
        <v>37</v>
      </c>
      <c r="CA20" s="282">
        <v>47</v>
      </c>
      <c r="CB20" s="276">
        <v>0</v>
      </c>
      <c r="CC20" s="280">
        <v>0</v>
      </c>
      <c r="CD20" s="277">
        <v>0</v>
      </c>
      <c r="CE20" s="279">
        <v>0</v>
      </c>
      <c r="CF20" s="280">
        <v>3</v>
      </c>
      <c r="CG20" s="280">
        <v>7</v>
      </c>
      <c r="CH20" s="280">
        <v>7</v>
      </c>
      <c r="CI20" s="280">
        <v>7</v>
      </c>
      <c r="CJ20" s="280">
        <v>6</v>
      </c>
      <c r="CK20" s="277">
        <v>30</v>
      </c>
      <c r="CL20" s="282">
        <v>30</v>
      </c>
      <c r="CM20" s="276">
        <v>0</v>
      </c>
      <c r="CN20" s="280">
        <v>0</v>
      </c>
      <c r="CO20" s="277">
        <v>0</v>
      </c>
      <c r="CP20" s="279">
        <v>0</v>
      </c>
      <c r="CQ20" s="280">
        <v>0</v>
      </c>
      <c r="CR20" s="280">
        <v>0</v>
      </c>
      <c r="CS20" s="280">
        <v>1</v>
      </c>
      <c r="CT20" s="280">
        <v>0</v>
      </c>
      <c r="CU20" s="280">
        <v>0</v>
      </c>
      <c r="CV20" s="277">
        <v>1</v>
      </c>
      <c r="CW20" s="282">
        <v>1</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4</v>
      </c>
      <c r="DU20" s="280">
        <v>22</v>
      </c>
      <c r="DV20" s="277">
        <v>36</v>
      </c>
      <c r="DW20" s="279">
        <v>0</v>
      </c>
      <c r="DX20" s="280">
        <v>36</v>
      </c>
      <c r="DY20" s="280">
        <v>63</v>
      </c>
      <c r="DZ20" s="280">
        <v>34</v>
      </c>
      <c r="EA20" s="280">
        <v>31</v>
      </c>
      <c r="EB20" s="280">
        <v>22</v>
      </c>
      <c r="EC20" s="277">
        <v>186</v>
      </c>
      <c r="ED20" s="282">
        <v>222</v>
      </c>
      <c r="EE20" s="276">
        <v>4</v>
      </c>
      <c r="EF20" s="280">
        <v>1</v>
      </c>
      <c r="EG20" s="277">
        <v>5</v>
      </c>
      <c r="EH20" s="279">
        <v>0</v>
      </c>
      <c r="EI20" s="280">
        <v>15</v>
      </c>
      <c r="EJ20" s="280">
        <v>11</v>
      </c>
      <c r="EK20" s="280">
        <v>7</v>
      </c>
      <c r="EL20" s="280">
        <v>10</v>
      </c>
      <c r="EM20" s="280">
        <v>11</v>
      </c>
      <c r="EN20" s="277">
        <v>54</v>
      </c>
      <c r="EO20" s="282">
        <v>59</v>
      </c>
      <c r="EP20" s="276">
        <v>25</v>
      </c>
      <c r="EQ20" s="280">
        <v>36</v>
      </c>
      <c r="ER20" s="277">
        <v>61</v>
      </c>
      <c r="ES20" s="279">
        <v>0</v>
      </c>
      <c r="ET20" s="280">
        <v>91</v>
      </c>
      <c r="EU20" s="280">
        <v>102</v>
      </c>
      <c r="EV20" s="280">
        <v>45</v>
      </c>
      <c r="EW20" s="280">
        <v>39</v>
      </c>
      <c r="EX20" s="280">
        <v>21</v>
      </c>
      <c r="EY20" s="277">
        <v>298</v>
      </c>
      <c r="EZ20" s="282">
        <v>359</v>
      </c>
    </row>
    <row r="21" spans="2:156" ht="19.5" customHeight="1" x14ac:dyDescent="0.2">
      <c r="B21" s="261" t="s">
        <v>19</v>
      </c>
      <c r="C21" s="276">
        <v>0</v>
      </c>
      <c r="D21" s="280">
        <v>0</v>
      </c>
      <c r="E21" s="384">
        <v>0</v>
      </c>
      <c r="F21" s="279">
        <v>0</v>
      </c>
      <c r="G21" s="280">
        <v>6</v>
      </c>
      <c r="H21" s="280">
        <v>5</v>
      </c>
      <c r="I21" s="280">
        <v>5</v>
      </c>
      <c r="J21" s="280">
        <v>3</v>
      </c>
      <c r="K21" s="280">
        <v>4</v>
      </c>
      <c r="L21" s="281">
        <v>23</v>
      </c>
      <c r="M21" s="282">
        <v>23</v>
      </c>
      <c r="N21" s="276">
        <v>0</v>
      </c>
      <c r="O21" s="280">
        <v>0</v>
      </c>
      <c r="P21" s="277">
        <v>0</v>
      </c>
      <c r="Q21" s="279">
        <v>0</v>
      </c>
      <c r="R21" s="280">
        <v>0</v>
      </c>
      <c r="S21" s="280">
        <v>0</v>
      </c>
      <c r="T21" s="280">
        <v>1</v>
      </c>
      <c r="U21" s="280">
        <v>1</v>
      </c>
      <c r="V21" s="280">
        <v>2</v>
      </c>
      <c r="W21" s="277">
        <v>4</v>
      </c>
      <c r="X21" s="282">
        <v>4</v>
      </c>
      <c r="Y21" s="276">
        <v>3</v>
      </c>
      <c r="Z21" s="280">
        <v>1</v>
      </c>
      <c r="AA21" s="277">
        <v>4</v>
      </c>
      <c r="AB21" s="279">
        <v>0</v>
      </c>
      <c r="AC21" s="280">
        <v>7</v>
      </c>
      <c r="AD21" s="280">
        <v>9</v>
      </c>
      <c r="AE21" s="280">
        <v>7</v>
      </c>
      <c r="AF21" s="280">
        <v>6</v>
      </c>
      <c r="AG21" s="280">
        <v>6</v>
      </c>
      <c r="AH21" s="277">
        <v>35</v>
      </c>
      <c r="AI21" s="282">
        <v>39</v>
      </c>
      <c r="AJ21" s="276">
        <v>0</v>
      </c>
      <c r="AK21" s="280">
        <v>0</v>
      </c>
      <c r="AL21" s="277">
        <v>0</v>
      </c>
      <c r="AM21" s="279">
        <v>0</v>
      </c>
      <c r="AN21" s="280">
        <v>2</v>
      </c>
      <c r="AO21" s="280">
        <v>0</v>
      </c>
      <c r="AP21" s="280">
        <v>1</v>
      </c>
      <c r="AQ21" s="280">
        <v>0</v>
      </c>
      <c r="AR21" s="280">
        <v>0</v>
      </c>
      <c r="AS21" s="277">
        <v>3</v>
      </c>
      <c r="AT21" s="282">
        <v>3</v>
      </c>
      <c r="AU21" s="276">
        <v>3</v>
      </c>
      <c r="AV21" s="280">
        <v>4</v>
      </c>
      <c r="AW21" s="277">
        <v>7</v>
      </c>
      <c r="AX21" s="279">
        <v>0</v>
      </c>
      <c r="AY21" s="280">
        <v>13</v>
      </c>
      <c r="AZ21" s="280">
        <v>15</v>
      </c>
      <c r="BA21" s="280">
        <v>13</v>
      </c>
      <c r="BB21" s="280">
        <v>11</v>
      </c>
      <c r="BC21" s="280">
        <v>8</v>
      </c>
      <c r="BD21" s="281">
        <v>60</v>
      </c>
      <c r="BE21" s="282">
        <v>67</v>
      </c>
      <c r="BF21" s="276">
        <v>0</v>
      </c>
      <c r="BG21" s="280">
        <v>0</v>
      </c>
      <c r="BH21" s="277">
        <v>0</v>
      </c>
      <c r="BI21" s="279">
        <v>0</v>
      </c>
      <c r="BJ21" s="280">
        <v>9</v>
      </c>
      <c r="BK21" s="280">
        <v>4</v>
      </c>
      <c r="BL21" s="280">
        <v>6</v>
      </c>
      <c r="BM21" s="280">
        <v>6</v>
      </c>
      <c r="BN21" s="280">
        <v>2</v>
      </c>
      <c r="BO21" s="277">
        <v>27</v>
      </c>
      <c r="BP21" s="282">
        <v>27</v>
      </c>
      <c r="BQ21" s="276">
        <v>0</v>
      </c>
      <c r="BR21" s="280">
        <v>3</v>
      </c>
      <c r="BS21" s="277">
        <v>3</v>
      </c>
      <c r="BT21" s="279">
        <v>0</v>
      </c>
      <c r="BU21" s="280">
        <v>5</v>
      </c>
      <c r="BV21" s="280">
        <v>2</v>
      </c>
      <c r="BW21" s="280">
        <v>4</v>
      </c>
      <c r="BX21" s="280">
        <v>3</v>
      </c>
      <c r="BY21" s="280">
        <v>1</v>
      </c>
      <c r="BZ21" s="277">
        <v>15</v>
      </c>
      <c r="CA21" s="282">
        <v>18</v>
      </c>
      <c r="CB21" s="276">
        <v>0</v>
      </c>
      <c r="CC21" s="280">
        <v>1</v>
      </c>
      <c r="CD21" s="277">
        <v>1</v>
      </c>
      <c r="CE21" s="279">
        <v>0</v>
      </c>
      <c r="CF21" s="280">
        <v>0</v>
      </c>
      <c r="CG21" s="280">
        <v>2</v>
      </c>
      <c r="CH21" s="280">
        <v>3</v>
      </c>
      <c r="CI21" s="280">
        <v>0</v>
      </c>
      <c r="CJ21" s="280">
        <v>1</v>
      </c>
      <c r="CK21" s="277">
        <v>6</v>
      </c>
      <c r="CL21" s="282">
        <v>7</v>
      </c>
      <c r="CM21" s="276">
        <v>0</v>
      </c>
      <c r="CN21" s="280">
        <v>0</v>
      </c>
      <c r="CO21" s="277">
        <v>0</v>
      </c>
      <c r="CP21" s="279">
        <v>0</v>
      </c>
      <c r="CQ21" s="280">
        <v>0</v>
      </c>
      <c r="CR21" s="280">
        <v>0</v>
      </c>
      <c r="CS21" s="280">
        <v>2</v>
      </c>
      <c r="CT21" s="280">
        <v>0</v>
      </c>
      <c r="CU21" s="280">
        <v>0</v>
      </c>
      <c r="CV21" s="277">
        <v>2</v>
      </c>
      <c r="CW21" s="282">
        <v>2</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4</v>
      </c>
      <c r="DU21" s="280">
        <v>7</v>
      </c>
      <c r="DV21" s="277">
        <v>11</v>
      </c>
      <c r="DW21" s="279">
        <v>0</v>
      </c>
      <c r="DX21" s="280">
        <v>15</v>
      </c>
      <c r="DY21" s="280">
        <v>19</v>
      </c>
      <c r="DZ21" s="280">
        <v>15</v>
      </c>
      <c r="EA21" s="280">
        <v>12</v>
      </c>
      <c r="EB21" s="280">
        <v>7</v>
      </c>
      <c r="EC21" s="277">
        <v>68</v>
      </c>
      <c r="ED21" s="282">
        <v>79</v>
      </c>
      <c r="EE21" s="276">
        <v>0</v>
      </c>
      <c r="EF21" s="280">
        <v>3</v>
      </c>
      <c r="EG21" s="277">
        <v>3</v>
      </c>
      <c r="EH21" s="279">
        <v>0</v>
      </c>
      <c r="EI21" s="280">
        <v>7</v>
      </c>
      <c r="EJ21" s="280">
        <v>7</v>
      </c>
      <c r="EK21" s="280">
        <v>5</v>
      </c>
      <c r="EL21" s="280">
        <v>2</v>
      </c>
      <c r="EM21" s="280">
        <v>3</v>
      </c>
      <c r="EN21" s="277">
        <v>24</v>
      </c>
      <c r="EO21" s="282">
        <v>27</v>
      </c>
      <c r="EP21" s="276">
        <v>8</v>
      </c>
      <c r="EQ21" s="280">
        <v>11</v>
      </c>
      <c r="ER21" s="277">
        <v>19</v>
      </c>
      <c r="ES21" s="279">
        <v>0</v>
      </c>
      <c r="ET21" s="280">
        <v>34</v>
      </c>
      <c r="EU21" s="280">
        <v>28</v>
      </c>
      <c r="EV21" s="280">
        <v>18</v>
      </c>
      <c r="EW21" s="280">
        <v>11</v>
      </c>
      <c r="EX21" s="280">
        <v>7</v>
      </c>
      <c r="EY21" s="277">
        <v>98</v>
      </c>
      <c r="EZ21" s="282">
        <v>117</v>
      </c>
    </row>
    <row r="22" spans="2:156" ht="19.5" customHeight="1" x14ac:dyDescent="0.2">
      <c r="B22" s="261" t="s">
        <v>20</v>
      </c>
      <c r="C22" s="276">
        <v>0</v>
      </c>
      <c r="D22" s="280">
        <v>0</v>
      </c>
      <c r="E22" s="384">
        <v>0</v>
      </c>
      <c r="F22" s="279">
        <v>0</v>
      </c>
      <c r="G22" s="280">
        <v>16</v>
      </c>
      <c r="H22" s="280">
        <v>8</v>
      </c>
      <c r="I22" s="280">
        <v>4</v>
      </c>
      <c r="J22" s="280">
        <v>4</v>
      </c>
      <c r="K22" s="280">
        <v>4</v>
      </c>
      <c r="L22" s="281">
        <v>36</v>
      </c>
      <c r="M22" s="282">
        <v>36</v>
      </c>
      <c r="N22" s="276">
        <v>0</v>
      </c>
      <c r="O22" s="280">
        <v>0</v>
      </c>
      <c r="P22" s="277">
        <v>0</v>
      </c>
      <c r="Q22" s="279">
        <v>0</v>
      </c>
      <c r="R22" s="280">
        <v>0</v>
      </c>
      <c r="S22" s="280">
        <v>0</v>
      </c>
      <c r="T22" s="280">
        <v>0</v>
      </c>
      <c r="U22" s="280">
        <v>0</v>
      </c>
      <c r="V22" s="280">
        <v>2</v>
      </c>
      <c r="W22" s="277">
        <v>2</v>
      </c>
      <c r="X22" s="282">
        <v>2</v>
      </c>
      <c r="Y22" s="276">
        <v>3</v>
      </c>
      <c r="Z22" s="280">
        <v>6</v>
      </c>
      <c r="AA22" s="277">
        <v>9</v>
      </c>
      <c r="AB22" s="279">
        <v>0</v>
      </c>
      <c r="AC22" s="280">
        <v>17</v>
      </c>
      <c r="AD22" s="280">
        <v>12</v>
      </c>
      <c r="AE22" s="280">
        <v>8</v>
      </c>
      <c r="AF22" s="280">
        <v>2</v>
      </c>
      <c r="AG22" s="280">
        <v>1</v>
      </c>
      <c r="AH22" s="277">
        <v>40</v>
      </c>
      <c r="AI22" s="282">
        <v>49</v>
      </c>
      <c r="AJ22" s="276">
        <v>0</v>
      </c>
      <c r="AK22" s="280">
        <v>3</v>
      </c>
      <c r="AL22" s="277">
        <v>3</v>
      </c>
      <c r="AM22" s="279">
        <v>0</v>
      </c>
      <c r="AN22" s="280">
        <v>6</v>
      </c>
      <c r="AO22" s="280">
        <v>2</v>
      </c>
      <c r="AP22" s="280">
        <v>3</v>
      </c>
      <c r="AQ22" s="280">
        <v>1</v>
      </c>
      <c r="AR22" s="280">
        <v>1</v>
      </c>
      <c r="AS22" s="277">
        <v>13</v>
      </c>
      <c r="AT22" s="282">
        <v>16</v>
      </c>
      <c r="AU22" s="276">
        <v>1</v>
      </c>
      <c r="AV22" s="280">
        <v>2</v>
      </c>
      <c r="AW22" s="277">
        <v>3</v>
      </c>
      <c r="AX22" s="279">
        <v>0</v>
      </c>
      <c r="AY22" s="280">
        <v>14</v>
      </c>
      <c r="AZ22" s="280">
        <v>13</v>
      </c>
      <c r="BA22" s="280">
        <v>11</v>
      </c>
      <c r="BB22" s="280">
        <v>13</v>
      </c>
      <c r="BC22" s="280">
        <v>6</v>
      </c>
      <c r="BD22" s="281">
        <v>57</v>
      </c>
      <c r="BE22" s="282">
        <v>60</v>
      </c>
      <c r="BF22" s="276">
        <v>0</v>
      </c>
      <c r="BG22" s="280">
        <v>0</v>
      </c>
      <c r="BH22" s="277">
        <v>0</v>
      </c>
      <c r="BI22" s="279">
        <v>0</v>
      </c>
      <c r="BJ22" s="280">
        <v>9</v>
      </c>
      <c r="BK22" s="280">
        <v>10</v>
      </c>
      <c r="BL22" s="280">
        <v>8</v>
      </c>
      <c r="BM22" s="280">
        <v>4</v>
      </c>
      <c r="BN22" s="280">
        <v>2</v>
      </c>
      <c r="BO22" s="277">
        <v>33</v>
      </c>
      <c r="BP22" s="282">
        <v>33</v>
      </c>
      <c r="BQ22" s="276">
        <v>1</v>
      </c>
      <c r="BR22" s="280">
        <v>3</v>
      </c>
      <c r="BS22" s="277">
        <v>4</v>
      </c>
      <c r="BT22" s="279">
        <v>0</v>
      </c>
      <c r="BU22" s="280">
        <v>13</v>
      </c>
      <c r="BV22" s="280">
        <v>10</v>
      </c>
      <c r="BW22" s="280">
        <v>7</v>
      </c>
      <c r="BX22" s="280">
        <v>4</v>
      </c>
      <c r="BY22" s="280">
        <v>4</v>
      </c>
      <c r="BZ22" s="277">
        <v>38</v>
      </c>
      <c r="CA22" s="282">
        <v>42</v>
      </c>
      <c r="CB22" s="276">
        <v>0</v>
      </c>
      <c r="CC22" s="280">
        <v>0</v>
      </c>
      <c r="CD22" s="277">
        <v>0</v>
      </c>
      <c r="CE22" s="279">
        <v>0</v>
      </c>
      <c r="CF22" s="280">
        <v>5</v>
      </c>
      <c r="CG22" s="280">
        <v>2</v>
      </c>
      <c r="CH22" s="280">
        <v>4</v>
      </c>
      <c r="CI22" s="280">
        <v>3</v>
      </c>
      <c r="CJ22" s="280">
        <v>0</v>
      </c>
      <c r="CK22" s="277">
        <v>14</v>
      </c>
      <c r="CL22" s="282">
        <v>14</v>
      </c>
      <c r="CM22" s="276">
        <v>0</v>
      </c>
      <c r="CN22" s="280">
        <v>0</v>
      </c>
      <c r="CO22" s="277">
        <v>0</v>
      </c>
      <c r="CP22" s="279">
        <v>0</v>
      </c>
      <c r="CQ22" s="280">
        <v>0</v>
      </c>
      <c r="CR22" s="280">
        <v>1</v>
      </c>
      <c r="CS22" s="280">
        <v>1</v>
      </c>
      <c r="CT22" s="280">
        <v>0</v>
      </c>
      <c r="CU22" s="280">
        <v>0</v>
      </c>
      <c r="CV22" s="277">
        <v>2</v>
      </c>
      <c r="CW22" s="282">
        <v>2</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4</v>
      </c>
      <c r="DU22" s="280">
        <v>17</v>
      </c>
      <c r="DV22" s="277">
        <v>21</v>
      </c>
      <c r="DW22" s="279">
        <v>0</v>
      </c>
      <c r="DX22" s="280">
        <v>29</v>
      </c>
      <c r="DY22" s="280">
        <v>18</v>
      </c>
      <c r="DZ22" s="280">
        <v>21</v>
      </c>
      <c r="EA22" s="280">
        <v>8</v>
      </c>
      <c r="EB22" s="280">
        <v>6</v>
      </c>
      <c r="EC22" s="277">
        <v>82</v>
      </c>
      <c r="ED22" s="282">
        <v>103</v>
      </c>
      <c r="EE22" s="276">
        <v>1</v>
      </c>
      <c r="EF22" s="280">
        <v>1</v>
      </c>
      <c r="EG22" s="277">
        <v>2</v>
      </c>
      <c r="EH22" s="279">
        <v>0</v>
      </c>
      <c r="EI22" s="280">
        <v>3</v>
      </c>
      <c r="EJ22" s="280">
        <v>6</v>
      </c>
      <c r="EK22" s="280">
        <v>5</v>
      </c>
      <c r="EL22" s="280">
        <v>6</v>
      </c>
      <c r="EM22" s="280">
        <v>1</v>
      </c>
      <c r="EN22" s="277">
        <v>21</v>
      </c>
      <c r="EO22" s="282">
        <v>23</v>
      </c>
      <c r="EP22" s="276">
        <v>9</v>
      </c>
      <c r="EQ22" s="280">
        <v>26</v>
      </c>
      <c r="ER22" s="277">
        <v>35</v>
      </c>
      <c r="ES22" s="279">
        <v>0</v>
      </c>
      <c r="ET22" s="280">
        <v>60</v>
      </c>
      <c r="EU22" s="280">
        <v>37</v>
      </c>
      <c r="EV22" s="280">
        <v>24</v>
      </c>
      <c r="EW22" s="280">
        <v>11</v>
      </c>
      <c r="EX22" s="280">
        <v>7</v>
      </c>
      <c r="EY22" s="277">
        <v>139</v>
      </c>
      <c r="EZ22" s="282">
        <v>174</v>
      </c>
    </row>
    <row r="23" spans="2:156" ht="19.5" customHeight="1" x14ac:dyDescent="0.2">
      <c r="B23" s="261" t="s">
        <v>21</v>
      </c>
      <c r="C23" s="276">
        <v>0</v>
      </c>
      <c r="D23" s="280">
        <v>0</v>
      </c>
      <c r="E23" s="384">
        <v>0</v>
      </c>
      <c r="F23" s="279">
        <v>0</v>
      </c>
      <c r="G23" s="280">
        <v>11</v>
      </c>
      <c r="H23" s="280">
        <v>15</v>
      </c>
      <c r="I23" s="280">
        <v>4</v>
      </c>
      <c r="J23" s="280">
        <v>5</v>
      </c>
      <c r="K23" s="280">
        <v>4</v>
      </c>
      <c r="L23" s="281">
        <v>39</v>
      </c>
      <c r="M23" s="282">
        <v>39</v>
      </c>
      <c r="N23" s="276">
        <v>0</v>
      </c>
      <c r="O23" s="280">
        <v>0</v>
      </c>
      <c r="P23" s="277">
        <v>0</v>
      </c>
      <c r="Q23" s="279">
        <v>0</v>
      </c>
      <c r="R23" s="280">
        <v>0</v>
      </c>
      <c r="S23" s="280">
        <v>1</v>
      </c>
      <c r="T23" s="280">
        <v>1</v>
      </c>
      <c r="U23" s="280">
        <v>2</v>
      </c>
      <c r="V23" s="280">
        <v>2</v>
      </c>
      <c r="W23" s="277">
        <v>6</v>
      </c>
      <c r="X23" s="282">
        <v>6</v>
      </c>
      <c r="Y23" s="276">
        <v>2</v>
      </c>
      <c r="Z23" s="280">
        <v>0</v>
      </c>
      <c r="AA23" s="277">
        <v>2</v>
      </c>
      <c r="AB23" s="279">
        <v>0</v>
      </c>
      <c r="AC23" s="280">
        <v>8</v>
      </c>
      <c r="AD23" s="280">
        <v>10</v>
      </c>
      <c r="AE23" s="280">
        <v>4</v>
      </c>
      <c r="AF23" s="280">
        <v>4</v>
      </c>
      <c r="AG23" s="280">
        <v>5</v>
      </c>
      <c r="AH23" s="277">
        <v>31</v>
      </c>
      <c r="AI23" s="282">
        <v>33</v>
      </c>
      <c r="AJ23" s="276">
        <v>1</v>
      </c>
      <c r="AK23" s="280">
        <v>0</v>
      </c>
      <c r="AL23" s="277">
        <v>1</v>
      </c>
      <c r="AM23" s="279">
        <v>0</v>
      </c>
      <c r="AN23" s="280">
        <v>0</v>
      </c>
      <c r="AO23" s="280">
        <v>3</v>
      </c>
      <c r="AP23" s="280">
        <v>1</v>
      </c>
      <c r="AQ23" s="280">
        <v>1</v>
      </c>
      <c r="AR23" s="280">
        <v>1</v>
      </c>
      <c r="AS23" s="277">
        <v>6</v>
      </c>
      <c r="AT23" s="282">
        <v>7</v>
      </c>
      <c r="AU23" s="276">
        <v>6</v>
      </c>
      <c r="AV23" s="280">
        <v>2</v>
      </c>
      <c r="AW23" s="277">
        <v>8</v>
      </c>
      <c r="AX23" s="279">
        <v>0</v>
      </c>
      <c r="AY23" s="280">
        <v>11</v>
      </c>
      <c r="AZ23" s="280">
        <v>15</v>
      </c>
      <c r="BA23" s="280">
        <v>11</v>
      </c>
      <c r="BB23" s="280">
        <v>13</v>
      </c>
      <c r="BC23" s="280">
        <v>6</v>
      </c>
      <c r="BD23" s="281">
        <v>56</v>
      </c>
      <c r="BE23" s="282">
        <v>64</v>
      </c>
      <c r="BF23" s="276">
        <v>0</v>
      </c>
      <c r="BG23" s="280">
        <v>0</v>
      </c>
      <c r="BH23" s="277">
        <v>0</v>
      </c>
      <c r="BI23" s="279">
        <v>0</v>
      </c>
      <c r="BJ23" s="280">
        <v>16</v>
      </c>
      <c r="BK23" s="280">
        <v>13</v>
      </c>
      <c r="BL23" s="280">
        <v>7</v>
      </c>
      <c r="BM23" s="280">
        <v>6</v>
      </c>
      <c r="BN23" s="280">
        <v>2</v>
      </c>
      <c r="BO23" s="277">
        <v>44</v>
      </c>
      <c r="BP23" s="282">
        <v>44</v>
      </c>
      <c r="BQ23" s="276">
        <v>1</v>
      </c>
      <c r="BR23" s="280">
        <v>1</v>
      </c>
      <c r="BS23" s="277">
        <v>2</v>
      </c>
      <c r="BT23" s="279">
        <v>0</v>
      </c>
      <c r="BU23" s="280">
        <v>1</v>
      </c>
      <c r="BV23" s="280">
        <v>2</v>
      </c>
      <c r="BW23" s="280">
        <v>1</v>
      </c>
      <c r="BX23" s="280">
        <v>1</v>
      </c>
      <c r="BY23" s="280">
        <v>1</v>
      </c>
      <c r="BZ23" s="277">
        <v>6</v>
      </c>
      <c r="CA23" s="282">
        <v>8</v>
      </c>
      <c r="CB23" s="276">
        <v>1</v>
      </c>
      <c r="CC23" s="280">
        <v>0</v>
      </c>
      <c r="CD23" s="277">
        <v>1</v>
      </c>
      <c r="CE23" s="279">
        <v>0</v>
      </c>
      <c r="CF23" s="280">
        <v>1</v>
      </c>
      <c r="CG23" s="280">
        <v>2</v>
      </c>
      <c r="CH23" s="280">
        <v>5</v>
      </c>
      <c r="CI23" s="280">
        <v>3</v>
      </c>
      <c r="CJ23" s="280">
        <v>1</v>
      </c>
      <c r="CK23" s="277">
        <v>12</v>
      </c>
      <c r="CL23" s="282">
        <v>13</v>
      </c>
      <c r="CM23" s="276">
        <v>0</v>
      </c>
      <c r="CN23" s="280">
        <v>0</v>
      </c>
      <c r="CO23" s="277">
        <v>0</v>
      </c>
      <c r="CP23" s="279">
        <v>0</v>
      </c>
      <c r="CQ23" s="280">
        <v>0</v>
      </c>
      <c r="CR23" s="280">
        <v>1</v>
      </c>
      <c r="CS23" s="280">
        <v>0</v>
      </c>
      <c r="CT23" s="280">
        <v>1</v>
      </c>
      <c r="CU23" s="280">
        <v>0</v>
      </c>
      <c r="CV23" s="277">
        <v>2</v>
      </c>
      <c r="CW23" s="282">
        <v>2</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7</v>
      </c>
      <c r="DU23" s="280">
        <v>10</v>
      </c>
      <c r="DV23" s="277">
        <v>17</v>
      </c>
      <c r="DW23" s="279">
        <v>0</v>
      </c>
      <c r="DX23" s="280">
        <v>12</v>
      </c>
      <c r="DY23" s="280">
        <v>30</v>
      </c>
      <c r="DZ23" s="280">
        <v>13</v>
      </c>
      <c r="EA23" s="280">
        <v>11</v>
      </c>
      <c r="EB23" s="280">
        <v>5</v>
      </c>
      <c r="EC23" s="277">
        <v>71</v>
      </c>
      <c r="ED23" s="282">
        <v>88</v>
      </c>
      <c r="EE23" s="276">
        <v>4</v>
      </c>
      <c r="EF23" s="280">
        <v>1</v>
      </c>
      <c r="EG23" s="277">
        <v>5</v>
      </c>
      <c r="EH23" s="279">
        <v>0</v>
      </c>
      <c r="EI23" s="280">
        <v>5</v>
      </c>
      <c r="EJ23" s="280">
        <v>3</v>
      </c>
      <c r="EK23" s="280">
        <v>6</v>
      </c>
      <c r="EL23" s="280">
        <v>4</v>
      </c>
      <c r="EM23" s="280">
        <v>1</v>
      </c>
      <c r="EN23" s="277">
        <v>19</v>
      </c>
      <c r="EO23" s="282">
        <v>24</v>
      </c>
      <c r="EP23" s="276">
        <v>10</v>
      </c>
      <c r="EQ23" s="280">
        <v>11</v>
      </c>
      <c r="ER23" s="277">
        <v>21</v>
      </c>
      <c r="ES23" s="279">
        <v>0</v>
      </c>
      <c r="ET23" s="280">
        <v>40</v>
      </c>
      <c r="EU23" s="280">
        <v>39</v>
      </c>
      <c r="EV23" s="280">
        <v>19</v>
      </c>
      <c r="EW23" s="280">
        <v>14</v>
      </c>
      <c r="EX23" s="280">
        <v>7</v>
      </c>
      <c r="EY23" s="277">
        <v>119</v>
      </c>
      <c r="EZ23" s="282">
        <v>140</v>
      </c>
    </row>
    <row r="24" spans="2:156" ht="19.5" customHeight="1" x14ac:dyDescent="0.2">
      <c r="B24" s="261" t="s">
        <v>22</v>
      </c>
      <c r="C24" s="276">
        <v>0</v>
      </c>
      <c r="D24" s="280">
        <v>0</v>
      </c>
      <c r="E24" s="384">
        <v>0</v>
      </c>
      <c r="F24" s="279">
        <v>0</v>
      </c>
      <c r="G24" s="280">
        <v>6</v>
      </c>
      <c r="H24" s="280">
        <v>2</v>
      </c>
      <c r="I24" s="280">
        <v>1</v>
      </c>
      <c r="J24" s="280">
        <v>0</v>
      </c>
      <c r="K24" s="280">
        <v>2</v>
      </c>
      <c r="L24" s="281">
        <v>11</v>
      </c>
      <c r="M24" s="282">
        <v>11</v>
      </c>
      <c r="N24" s="276">
        <v>0</v>
      </c>
      <c r="O24" s="280">
        <v>0</v>
      </c>
      <c r="P24" s="277">
        <v>0</v>
      </c>
      <c r="Q24" s="279">
        <v>0</v>
      </c>
      <c r="R24" s="280">
        <v>0</v>
      </c>
      <c r="S24" s="280">
        <v>0</v>
      </c>
      <c r="T24" s="280">
        <v>0</v>
      </c>
      <c r="U24" s="280">
        <v>1</v>
      </c>
      <c r="V24" s="280">
        <v>4</v>
      </c>
      <c r="W24" s="277">
        <v>5</v>
      </c>
      <c r="X24" s="282">
        <v>5</v>
      </c>
      <c r="Y24" s="276">
        <v>1</v>
      </c>
      <c r="Z24" s="280">
        <v>1</v>
      </c>
      <c r="AA24" s="277">
        <v>2</v>
      </c>
      <c r="AB24" s="279">
        <v>0</v>
      </c>
      <c r="AC24" s="280">
        <v>5</v>
      </c>
      <c r="AD24" s="280">
        <v>6</v>
      </c>
      <c r="AE24" s="280">
        <v>1</v>
      </c>
      <c r="AF24" s="280">
        <v>3</v>
      </c>
      <c r="AG24" s="280">
        <v>4</v>
      </c>
      <c r="AH24" s="277">
        <v>19</v>
      </c>
      <c r="AI24" s="282">
        <v>21</v>
      </c>
      <c r="AJ24" s="276">
        <v>0</v>
      </c>
      <c r="AK24" s="280">
        <v>0</v>
      </c>
      <c r="AL24" s="277">
        <v>0</v>
      </c>
      <c r="AM24" s="279">
        <v>0</v>
      </c>
      <c r="AN24" s="280">
        <v>3</v>
      </c>
      <c r="AO24" s="280">
        <v>1</v>
      </c>
      <c r="AP24" s="280">
        <v>0</v>
      </c>
      <c r="AQ24" s="280">
        <v>2</v>
      </c>
      <c r="AR24" s="280">
        <v>0</v>
      </c>
      <c r="AS24" s="277">
        <v>6</v>
      </c>
      <c r="AT24" s="282">
        <v>6</v>
      </c>
      <c r="AU24" s="276">
        <v>0</v>
      </c>
      <c r="AV24" s="280">
        <v>0</v>
      </c>
      <c r="AW24" s="277">
        <v>0</v>
      </c>
      <c r="AX24" s="279">
        <v>0</v>
      </c>
      <c r="AY24" s="280">
        <v>4</v>
      </c>
      <c r="AZ24" s="280">
        <v>4</v>
      </c>
      <c r="BA24" s="280">
        <v>1</v>
      </c>
      <c r="BB24" s="280">
        <v>6</v>
      </c>
      <c r="BC24" s="280">
        <v>2</v>
      </c>
      <c r="BD24" s="281">
        <v>17</v>
      </c>
      <c r="BE24" s="282">
        <v>17</v>
      </c>
      <c r="BF24" s="276">
        <v>0</v>
      </c>
      <c r="BG24" s="280">
        <v>0</v>
      </c>
      <c r="BH24" s="277">
        <v>0</v>
      </c>
      <c r="BI24" s="279">
        <v>0</v>
      </c>
      <c r="BJ24" s="280">
        <v>12</v>
      </c>
      <c r="BK24" s="280">
        <v>3</v>
      </c>
      <c r="BL24" s="280">
        <v>1</v>
      </c>
      <c r="BM24" s="280">
        <v>4</v>
      </c>
      <c r="BN24" s="280">
        <v>2</v>
      </c>
      <c r="BO24" s="277">
        <v>22</v>
      </c>
      <c r="BP24" s="282">
        <v>22</v>
      </c>
      <c r="BQ24" s="276">
        <v>0</v>
      </c>
      <c r="BR24" s="280">
        <v>0</v>
      </c>
      <c r="BS24" s="277">
        <v>0</v>
      </c>
      <c r="BT24" s="279">
        <v>0</v>
      </c>
      <c r="BU24" s="280">
        <v>1</v>
      </c>
      <c r="BV24" s="280">
        <v>0</v>
      </c>
      <c r="BW24" s="280">
        <v>0</v>
      </c>
      <c r="BX24" s="280">
        <v>1</v>
      </c>
      <c r="BY24" s="280">
        <v>0</v>
      </c>
      <c r="BZ24" s="277">
        <v>2</v>
      </c>
      <c r="CA24" s="282">
        <v>2</v>
      </c>
      <c r="CB24" s="276">
        <v>1</v>
      </c>
      <c r="CC24" s="280">
        <v>0</v>
      </c>
      <c r="CD24" s="277">
        <v>1</v>
      </c>
      <c r="CE24" s="279">
        <v>0</v>
      </c>
      <c r="CF24" s="280">
        <v>3</v>
      </c>
      <c r="CG24" s="280">
        <v>1</v>
      </c>
      <c r="CH24" s="280">
        <v>1</v>
      </c>
      <c r="CI24" s="280">
        <v>1</v>
      </c>
      <c r="CJ24" s="280">
        <v>0</v>
      </c>
      <c r="CK24" s="277">
        <v>6</v>
      </c>
      <c r="CL24" s="282">
        <v>7</v>
      </c>
      <c r="CM24" s="276">
        <v>0</v>
      </c>
      <c r="CN24" s="280">
        <v>0</v>
      </c>
      <c r="CO24" s="277">
        <v>0</v>
      </c>
      <c r="CP24" s="279">
        <v>0</v>
      </c>
      <c r="CQ24" s="280">
        <v>0</v>
      </c>
      <c r="CR24" s="280">
        <v>1</v>
      </c>
      <c r="CS24" s="280">
        <v>0</v>
      </c>
      <c r="CT24" s="280">
        <v>0</v>
      </c>
      <c r="CU24" s="280">
        <v>0</v>
      </c>
      <c r="CV24" s="277">
        <v>1</v>
      </c>
      <c r="CW24" s="282">
        <v>1</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1</v>
      </c>
      <c r="DU24" s="280">
        <v>3</v>
      </c>
      <c r="DV24" s="277">
        <v>4</v>
      </c>
      <c r="DW24" s="279">
        <v>0</v>
      </c>
      <c r="DX24" s="280">
        <v>12</v>
      </c>
      <c r="DY24" s="280">
        <v>11</v>
      </c>
      <c r="DZ24" s="280">
        <v>4</v>
      </c>
      <c r="EA24" s="280">
        <v>7</v>
      </c>
      <c r="EB24" s="280">
        <v>3</v>
      </c>
      <c r="EC24" s="277">
        <v>37</v>
      </c>
      <c r="ED24" s="282">
        <v>41</v>
      </c>
      <c r="EE24" s="276">
        <v>0</v>
      </c>
      <c r="EF24" s="280">
        <v>0</v>
      </c>
      <c r="EG24" s="277">
        <v>0</v>
      </c>
      <c r="EH24" s="279">
        <v>0</v>
      </c>
      <c r="EI24" s="280">
        <v>2</v>
      </c>
      <c r="EJ24" s="280">
        <v>3</v>
      </c>
      <c r="EK24" s="280">
        <v>1</v>
      </c>
      <c r="EL24" s="280">
        <v>4</v>
      </c>
      <c r="EM24" s="280">
        <v>2</v>
      </c>
      <c r="EN24" s="277">
        <v>12</v>
      </c>
      <c r="EO24" s="282">
        <v>12</v>
      </c>
      <c r="EP24" s="276">
        <v>2</v>
      </c>
      <c r="EQ24" s="280">
        <v>3</v>
      </c>
      <c r="ER24" s="277">
        <v>5</v>
      </c>
      <c r="ES24" s="279">
        <v>0</v>
      </c>
      <c r="ET24" s="280">
        <v>27</v>
      </c>
      <c r="EU24" s="280">
        <v>13</v>
      </c>
      <c r="EV24" s="280">
        <v>5</v>
      </c>
      <c r="EW24" s="280">
        <v>8</v>
      </c>
      <c r="EX24" s="280">
        <v>6</v>
      </c>
      <c r="EY24" s="277">
        <v>59</v>
      </c>
      <c r="EZ24" s="282">
        <v>64</v>
      </c>
    </row>
    <row r="25" spans="2:156" ht="19.5" customHeight="1" x14ac:dyDescent="0.2">
      <c r="B25" s="261" t="s">
        <v>23</v>
      </c>
      <c r="C25" s="276">
        <v>0</v>
      </c>
      <c r="D25" s="280">
        <v>0</v>
      </c>
      <c r="E25" s="384">
        <v>0</v>
      </c>
      <c r="F25" s="279">
        <v>0</v>
      </c>
      <c r="G25" s="280">
        <v>1</v>
      </c>
      <c r="H25" s="280">
        <v>6</v>
      </c>
      <c r="I25" s="280">
        <v>3</v>
      </c>
      <c r="J25" s="280">
        <v>2</v>
      </c>
      <c r="K25" s="280">
        <v>0</v>
      </c>
      <c r="L25" s="281">
        <v>12</v>
      </c>
      <c r="M25" s="282">
        <v>12</v>
      </c>
      <c r="N25" s="276">
        <v>0</v>
      </c>
      <c r="O25" s="280">
        <v>0</v>
      </c>
      <c r="P25" s="277">
        <v>0</v>
      </c>
      <c r="Q25" s="279">
        <v>0</v>
      </c>
      <c r="R25" s="280">
        <v>0</v>
      </c>
      <c r="S25" s="280">
        <v>0</v>
      </c>
      <c r="T25" s="280">
        <v>1</v>
      </c>
      <c r="U25" s="280">
        <v>2</v>
      </c>
      <c r="V25" s="280">
        <v>0</v>
      </c>
      <c r="W25" s="277">
        <v>3</v>
      </c>
      <c r="X25" s="282">
        <v>3</v>
      </c>
      <c r="Y25" s="276">
        <v>3</v>
      </c>
      <c r="Z25" s="280">
        <v>1</v>
      </c>
      <c r="AA25" s="277">
        <v>4</v>
      </c>
      <c r="AB25" s="279">
        <v>0</v>
      </c>
      <c r="AC25" s="280">
        <v>4</v>
      </c>
      <c r="AD25" s="280">
        <v>4</v>
      </c>
      <c r="AE25" s="280">
        <v>6</v>
      </c>
      <c r="AF25" s="280">
        <v>4</v>
      </c>
      <c r="AG25" s="280">
        <v>0</v>
      </c>
      <c r="AH25" s="277">
        <v>18</v>
      </c>
      <c r="AI25" s="282">
        <v>22</v>
      </c>
      <c r="AJ25" s="276">
        <v>0</v>
      </c>
      <c r="AK25" s="280">
        <v>1</v>
      </c>
      <c r="AL25" s="277">
        <v>1</v>
      </c>
      <c r="AM25" s="279">
        <v>0</v>
      </c>
      <c r="AN25" s="280">
        <v>0</v>
      </c>
      <c r="AO25" s="280">
        <v>4</v>
      </c>
      <c r="AP25" s="280">
        <v>1</v>
      </c>
      <c r="AQ25" s="280">
        <v>0</v>
      </c>
      <c r="AR25" s="280">
        <v>0</v>
      </c>
      <c r="AS25" s="277">
        <v>5</v>
      </c>
      <c r="AT25" s="282">
        <v>6</v>
      </c>
      <c r="AU25" s="276">
        <v>1</v>
      </c>
      <c r="AV25" s="280">
        <v>1</v>
      </c>
      <c r="AW25" s="277">
        <v>2</v>
      </c>
      <c r="AX25" s="279">
        <v>0</v>
      </c>
      <c r="AY25" s="280">
        <v>5</v>
      </c>
      <c r="AZ25" s="280">
        <v>4</v>
      </c>
      <c r="BA25" s="280">
        <v>10</v>
      </c>
      <c r="BB25" s="280">
        <v>14</v>
      </c>
      <c r="BC25" s="280">
        <v>3</v>
      </c>
      <c r="BD25" s="281">
        <v>36</v>
      </c>
      <c r="BE25" s="282">
        <v>38</v>
      </c>
      <c r="BF25" s="276">
        <v>0</v>
      </c>
      <c r="BG25" s="280">
        <v>0</v>
      </c>
      <c r="BH25" s="277">
        <v>0</v>
      </c>
      <c r="BI25" s="279">
        <v>0</v>
      </c>
      <c r="BJ25" s="280">
        <v>11</v>
      </c>
      <c r="BK25" s="280">
        <v>16</v>
      </c>
      <c r="BL25" s="280">
        <v>3</v>
      </c>
      <c r="BM25" s="280">
        <v>5</v>
      </c>
      <c r="BN25" s="280">
        <v>0</v>
      </c>
      <c r="BO25" s="277">
        <v>35</v>
      </c>
      <c r="BP25" s="282">
        <v>35</v>
      </c>
      <c r="BQ25" s="276">
        <v>0</v>
      </c>
      <c r="BR25" s="280">
        <v>0</v>
      </c>
      <c r="BS25" s="277">
        <v>0</v>
      </c>
      <c r="BT25" s="279">
        <v>0</v>
      </c>
      <c r="BU25" s="280">
        <v>2</v>
      </c>
      <c r="BV25" s="280">
        <v>2</v>
      </c>
      <c r="BW25" s="280">
        <v>6</v>
      </c>
      <c r="BX25" s="280">
        <v>2</v>
      </c>
      <c r="BY25" s="280">
        <v>0</v>
      </c>
      <c r="BZ25" s="277">
        <v>12</v>
      </c>
      <c r="CA25" s="282">
        <v>12</v>
      </c>
      <c r="CB25" s="276">
        <v>0</v>
      </c>
      <c r="CC25" s="280">
        <v>0</v>
      </c>
      <c r="CD25" s="277">
        <v>0</v>
      </c>
      <c r="CE25" s="279">
        <v>0</v>
      </c>
      <c r="CF25" s="280">
        <v>2</v>
      </c>
      <c r="CG25" s="280">
        <v>2</v>
      </c>
      <c r="CH25" s="280">
        <v>3</v>
      </c>
      <c r="CI25" s="280">
        <v>2</v>
      </c>
      <c r="CJ25" s="280">
        <v>1</v>
      </c>
      <c r="CK25" s="277">
        <v>10</v>
      </c>
      <c r="CL25" s="282">
        <v>1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4</v>
      </c>
      <c r="DU25" s="280">
        <v>6</v>
      </c>
      <c r="DV25" s="277">
        <v>10</v>
      </c>
      <c r="DW25" s="279">
        <v>0</v>
      </c>
      <c r="DX25" s="280">
        <v>10</v>
      </c>
      <c r="DY25" s="280">
        <v>15</v>
      </c>
      <c r="DZ25" s="280">
        <v>8</v>
      </c>
      <c r="EA25" s="280">
        <v>10</v>
      </c>
      <c r="EB25" s="280">
        <v>2</v>
      </c>
      <c r="EC25" s="277">
        <v>45</v>
      </c>
      <c r="ED25" s="282">
        <v>55</v>
      </c>
      <c r="EE25" s="276">
        <v>0</v>
      </c>
      <c r="EF25" s="280">
        <v>1</v>
      </c>
      <c r="EG25" s="277">
        <v>1</v>
      </c>
      <c r="EH25" s="279">
        <v>0</v>
      </c>
      <c r="EI25" s="280">
        <v>4</v>
      </c>
      <c r="EJ25" s="280">
        <v>2</v>
      </c>
      <c r="EK25" s="280">
        <v>2</v>
      </c>
      <c r="EL25" s="280">
        <v>8</v>
      </c>
      <c r="EM25" s="280">
        <v>3</v>
      </c>
      <c r="EN25" s="277">
        <v>19</v>
      </c>
      <c r="EO25" s="282">
        <v>20</v>
      </c>
      <c r="EP25" s="276">
        <v>5</v>
      </c>
      <c r="EQ25" s="280">
        <v>8</v>
      </c>
      <c r="ER25" s="277">
        <v>13</v>
      </c>
      <c r="ES25" s="279">
        <v>0</v>
      </c>
      <c r="ET25" s="280">
        <v>21</v>
      </c>
      <c r="EU25" s="280">
        <v>28</v>
      </c>
      <c r="EV25" s="280">
        <v>15</v>
      </c>
      <c r="EW25" s="280">
        <v>10</v>
      </c>
      <c r="EX25" s="280">
        <v>2</v>
      </c>
      <c r="EY25" s="277">
        <v>76</v>
      </c>
      <c r="EZ25" s="282">
        <v>89</v>
      </c>
    </row>
    <row r="26" spans="2:156" ht="19.5" customHeight="1" x14ac:dyDescent="0.2">
      <c r="B26" s="261" t="s">
        <v>24</v>
      </c>
      <c r="C26" s="276">
        <v>0</v>
      </c>
      <c r="D26" s="280">
        <v>0</v>
      </c>
      <c r="E26" s="384">
        <v>0</v>
      </c>
      <c r="F26" s="279">
        <v>0</v>
      </c>
      <c r="G26" s="280">
        <v>7</v>
      </c>
      <c r="H26" s="280">
        <v>6</v>
      </c>
      <c r="I26" s="280">
        <v>5</v>
      </c>
      <c r="J26" s="280">
        <v>4</v>
      </c>
      <c r="K26" s="280">
        <v>6</v>
      </c>
      <c r="L26" s="281">
        <v>28</v>
      </c>
      <c r="M26" s="282">
        <v>28</v>
      </c>
      <c r="N26" s="276">
        <v>0</v>
      </c>
      <c r="O26" s="280">
        <v>0</v>
      </c>
      <c r="P26" s="277">
        <v>0</v>
      </c>
      <c r="Q26" s="279">
        <v>0</v>
      </c>
      <c r="R26" s="280">
        <v>0</v>
      </c>
      <c r="S26" s="280">
        <v>0</v>
      </c>
      <c r="T26" s="280">
        <v>0</v>
      </c>
      <c r="U26" s="280">
        <v>0</v>
      </c>
      <c r="V26" s="280">
        <v>4</v>
      </c>
      <c r="W26" s="277">
        <v>4</v>
      </c>
      <c r="X26" s="282">
        <v>4</v>
      </c>
      <c r="Y26" s="276">
        <v>0</v>
      </c>
      <c r="Z26" s="280">
        <v>1</v>
      </c>
      <c r="AA26" s="277">
        <v>1</v>
      </c>
      <c r="AB26" s="279">
        <v>0</v>
      </c>
      <c r="AC26" s="280">
        <v>5</v>
      </c>
      <c r="AD26" s="280">
        <v>5</v>
      </c>
      <c r="AE26" s="280">
        <v>7</v>
      </c>
      <c r="AF26" s="280">
        <v>3</v>
      </c>
      <c r="AG26" s="280">
        <v>4</v>
      </c>
      <c r="AH26" s="277">
        <v>24</v>
      </c>
      <c r="AI26" s="282">
        <v>25</v>
      </c>
      <c r="AJ26" s="276">
        <v>0</v>
      </c>
      <c r="AK26" s="280">
        <v>0</v>
      </c>
      <c r="AL26" s="277">
        <v>0</v>
      </c>
      <c r="AM26" s="279">
        <v>0</v>
      </c>
      <c r="AN26" s="280">
        <v>0</v>
      </c>
      <c r="AO26" s="280">
        <v>0</v>
      </c>
      <c r="AP26" s="280">
        <v>0</v>
      </c>
      <c r="AQ26" s="280">
        <v>0</v>
      </c>
      <c r="AR26" s="280">
        <v>2</v>
      </c>
      <c r="AS26" s="277">
        <v>2</v>
      </c>
      <c r="AT26" s="282">
        <v>2</v>
      </c>
      <c r="AU26" s="276">
        <v>3</v>
      </c>
      <c r="AV26" s="280">
        <v>2</v>
      </c>
      <c r="AW26" s="277">
        <v>5</v>
      </c>
      <c r="AX26" s="279">
        <v>0</v>
      </c>
      <c r="AY26" s="280">
        <v>10</v>
      </c>
      <c r="AZ26" s="280">
        <v>9</v>
      </c>
      <c r="BA26" s="280">
        <v>5</v>
      </c>
      <c r="BB26" s="280">
        <v>9</v>
      </c>
      <c r="BC26" s="280">
        <v>10</v>
      </c>
      <c r="BD26" s="281">
        <v>43</v>
      </c>
      <c r="BE26" s="282">
        <v>48</v>
      </c>
      <c r="BF26" s="276">
        <v>0</v>
      </c>
      <c r="BG26" s="280">
        <v>0</v>
      </c>
      <c r="BH26" s="277">
        <v>0</v>
      </c>
      <c r="BI26" s="279">
        <v>0</v>
      </c>
      <c r="BJ26" s="280">
        <v>8</v>
      </c>
      <c r="BK26" s="280">
        <v>6</v>
      </c>
      <c r="BL26" s="280">
        <v>2</v>
      </c>
      <c r="BM26" s="280">
        <v>1</v>
      </c>
      <c r="BN26" s="280">
        <v>1</v>
      </c>
      <c r="BO26" s="277">
        <v>18</v>
      </c>
      <c r="BP26" s="282">
        <v>18</v>
      </c>
      <c r="BQ26" s="276">
        <v>1</v>
      </c>
      <c r="BR26" s="280">
        <v>0</v>
      </c>
      <c r="BS26" s="277">
        <v>1</v>
      </c>
      <c r="BT26" s="279">
        <v>0</v>
      </c>
      <c r="BU26" s="280">
        <v>5</v>
      </c>
      <c r="BV26" s="280">
        <v>4</v>
      </c>
      <c r="BW26" s="280">
        <v>0</v>
      </c>
      <c r="BX26" s="280">
        <v>1</v>
      </c>
      <c r="BY26" s="280">
        <v>2</v>
      </c>
      <c r="BZ26" s="277">
        <v>12</v>
      </c>
      <c r="CA26" s="282">
        <v>13</v>
      </c>
      <c r="CB26" s="276">
        <v>0</v>
      </c>
      <c r="CC26" s="280">
        <v>0</v>
      </c>
      <c r="CD26" s="277">
        <v>0</v>
      </c>
      <c r="CE26" s="279">
        <v>0</v>
      </c>
      <c r="CF26" s="280">
        <v>0</v>
      </c>
      <c r="CG26" s="280">
        <v>0</v>
      </c>
      <c r="CH26" s="280">
        <v>1</v>
      </c>
      <c r="CI26" s="280">
        <v>1</v>
      </c>
      <c r="CJ26" s="280">
        <v>1</v>
      </c>
      <c r="CK26" s="277">
        <v>3</v>
      </c>
      <c r="CL26" s="282">
        <v>3</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0</v>
      </c>
      <c r="DU26" s="280">
        <v>7</v>
      </c>
      <c r="DV26" s="277">
        <v>17</v>
      </c>
      <c r="DW26" s="279">
        <v>0</v>
      </c>
      <c r="DX26" s="280">
        <v>12</v>
      </c>
      <c r="DY26" s="280">
        <v>10</v>
      </c>
      <c r="DZ26" s="280">
        <v>11</v>
      </c>
      <c r="EA26" s="280">
        <v>6</v>
      </c>
      <c r="EB26" s="280">
        <v>8</v>
      </c>
      <c r="EC26" s="277">
        <v>47</v>
      </c>
      <c r="ED26" s="282">
        <v>64</v>
      </c>
      <c r="EE26" s="276">
        <v>2</v>
      </c>
      <c r="EF26" s="280">
        <v>3</v>
      </c>
      <c r="EG26" s="277">
        <v>5</v>
      </c>
      <c r="EH26" s="279">
        <v>0</v>
      </c>
      <c r="EI26" s="280">
        <v>6</v>
      </c>
      <c r="EJ26" s="280">
        <v>8</v>
      </c>
      <c r="EK26" s="280">
        <v>4</v>
      </c>
      <c r="EL26" s="280">
        <v>4</v>
      </c>
      <c r="EM26" s="280">
        <v>3</v>
      </c>
      <c r="EN26" s="277">
        <v>25</v>
      </c>
      <c r="EO26" s="282">
        <v>30</v>
      </c>
      <c r="EP26" s="276">
        <v>11</v>
      </c>
      <c r="EQ26" s="280">
        <v>7</v>
      </c>
      <c r="ER26" s="277">
        <v>18</v>
      </c>
      <c r="ES26" s="279">
        <v>0</v>
      </c>
      <c r="ET26" s="280">
        <v>20</v>
      </c>
      <c r="EU26" s="280">
        <v>16</v>
      </c>
      <c r="EV26" s="280">
        <v>13</v>
      </c>
      <c r="EW26" s="280">
        <v>8</v>
      </c>
      <c r="EX26" s="280">
        <v>8</v>
      </c>
      <c r="EY26" s="277">
        <v>65</v>
      </c>
      <c r="EZ26" s="282">
        <v>83</v>
      </c>
    </row>
    <row r="27" spans="2:156" ht="19.5" customHeight="1" x14ac:dyDescent="0.2">
      <c r="B27" s="261" t="s">
        <v>25</v>
      </c>
      <c r="C27" s="276">
        <v>0</v>
      </c>
      <c r="D27" s="280">
        <v>0</v>
      </c>
      <c r="E27" s="384">
        <v>0</v>
      </c>
      <c r="F27" s="279">
        <v>0</v>
      </c>
      <c r="G27" s="280">
        <v>5</v>
      </c>
      <c r="H27" s="280">
        <v>1</v>
      </c>
      <c r="I27" s="280">
        <v>2</v>
      </c>
      <c r="J27" s="280">
        <v>0</v>
      </c>
      <c r="K27" s="280">
        <v>2</v>
      </c>
      <c r="L27" s="281">
        <v>10</v>
      </c>
      <c r="M27" s="282">
        <v>10</v>
      </c>
      <c r="N27" s="276">
        <v>0</v>
      </c>
      <c r="O27" s="280">
        <v>0</v>
      </c>
      <c r="P27" s="277">
        <v>0</v>
      </c>
      <c r="Q27" s="279">
        <v>0</v>
      </c>
      <c r="R27" s="280">
        <v>0</v>
      </c>
      <c r="S27" s="280">
        <v>0</v>
      </c>
      <c r="T27" s="280">
        <v>0</v>
      </c>
      <c r="U27" s="280">
        <v>1</v>
      </c>
      <c r="V27" s="280">
        <v>4</v>
      </c>
      <c r="W27" s="277">
        <v>5</v>
      </c>
      <c r="X27" s="282">
        <v>5</v>
      </c>
      <c r="Y27" s="276">
        <v>1</v>
      </c>
      <c r="Z27" s="280">
        <v>1</v>
      </c>
      <c r="AA27" s="277">
        <v>2</v>
      </c>
      <c r="AB27" s="279">
        <v>0</v>
      </c>
      <c r="AC27" s="280">
        <v>2</v>
      </c>
      <c r="AD27" s="280">
        <v>4</v>
      </c>
      <c r="AE27" s="280">
        <v>4</v>
      </c>
      <c r="AF27" s="280">
        <v>1</v>
      </c>
      <c r="AG27" s="280">
        <v>2</v>
      </c>
      <c r="AH27" s="277">
        <v>13</v>
      </c>
      <c r="AI27" s="282">
        <v>15</v>
      </c>
      <c r="AJ27" s="276">
        <v>0</v>
      </c>
      <c r="AK27" s="280">
        <v>0</v>
      </c>
      <c r="AL27" s="277">
        <v>0</v>
      </c>
      <c r="AM27" s="279">
        <v>0</v>
      </c>
      <c r="AN27" s="280">
        <v>0</v>
      </c>
      <c r="AO27" s="280">
        <v>0</v>
      </c>
      <c r="AP27" s="280">
        <v>0</v>
      </c>
      <c r="AQ27" s="280">
        <v>0</v>
      </c>
      <c r="AR27" s="280">
        <v>0</v>
      </c>
      <c r="AS27" s="277">
        <v>0</v>
      </c>
      <c r="AT27" s="282">
        <v>0</v>
      </c>
      <c r="AU27" s="276">
        <v>2</v>
      </c>
      <c r="AV27" s="280">
        <v>0</v>
      </c>
      <c r="AW27" s="277">
        <v>2</v>
      </c>
      <c r="AX27" s="279">
        <v>0</v>
      </c>
      <c r="AY27" s="280">
        <v>3</v>
      </c>
      <c r="AZ27" s="280">
        <v>3</v>
      </c>
      <c r="BA27" s="280">
        <v>3</v>
      </c>
      <c r="BB27" s="280">
        <v>3</v>
      </c>
      <c r="BC27" s="280">
        <v>5</v>
      </c>
      <c r="BD27" s="281">
        <v>17</v>
      </c>
      <c r="BE27" s="282">
        <v>19</v>
      </c>
      <c r="BF27" s="276">
        <v>0</v>
      </c>
      <c r="BG27" s="280">
        <v>0</v>
      </c>
      <c r="BH27" s="277">
        <v>0</v>
      </c>
      <c r="BI27" s="279">
        <v>0</v>
      </c>
      <c r="BJ27" s="280">
        <v>8</v>
      </c>
      <c r="BK27" s="280">
        <v>4</v>
      </c>
      <c r="BL27" s="280">
        <v>3</v>
      </c>
      <c r="BM27" s="280">
        <v>0</v>
      </c>
      <c r="BN27" s="280">
        <v>0</v>
      </c>
      <c r="BO27" s="277">
        <v>15</v>
      </c>
      <c r="BP27" s="282">
        <v>15</v>
      </c>
      <c r="BQ27" s="276">
        <v>0</v>
      </c>
      <c r="BR27" s="280">
        <v>1</v>
      </c>
      <c r="BS27" s="277">
        <v>1</v>
      </c>
      <c r="BT27" s="279">
        <v>0</v>
      </c>
      <c r="BU27" s="280">
        <v>2</v>
      </c>
      <c r="BV27" s="280">
        <v>4</v>
      </c>
      <c r="BW27" s="280">
        <v>1</v>
      </c>
      <c r="BX27" s="280">
        <v>1</v>
      </c>
      <c r="BY27" s="280">
        <v>1</v>
      </c>
      <c r="BZ27" s="277">
        <v>9</v>
      </c>
      <c r="CA27" s="282">
        <v>10</v>
      </c>
      <c r="CB27" s="276">
        <v>0</v>
      </c>
      <c r="CC27" s="280">
        <v>0</v>
      </c>
      <c r="CD27" s="277">
        <v>0</v>
      </c>
      <c r="CE27" s="279">
        <v>0</v>
      </c>
      <c r="CF27" s="280">
        <v>2</v>
      </c>
      <c r="CG27" s="280">
        <v>1</v>
      </c>
      <c r="CH27" s="280">
        <v>2</v>
      </c>
      <c r="CI27" s="280">
        <v>0</v>
      </c>
      <c r="CJ27" s="280">
        <v>0</v>
      </c>
      <c r="CK27" s="277">
        <v>5</v>
      </c>
      <c r="CL27" s="282">
        <v>5</v>
      </c>
      <c r="CM27" s="276">
        <v>0</v>
      </c>
      <c r="CN27" s="280">
        <v>0</v>
      </c>
      <c r="CO27" s="277">
        <v>0</v>
      </c>
      <c r="CP27" s="279">
        <v>0</v>
      </c>
      <c r="CQ27" s="280">
        <v>1</v>
      </c>
      <c r="CR27" s="280">
        <v>0</v>
      </c>
      <c r="CS27" s="280">
        <v>0</v>
      </c>
      <c r="CT27" s="280">
        <v>0</v>
      </c>
      <c r="CU27" s="280">
        <v>0</v>
      </c>
      <c r="CV27" s="277">
        <v>1</v>
      </c>
      <c r="CW27" s="282">
        <v>1</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3</v>
      </c>
      <c r="DU27" s="280">
        <v>6</v>
      </c>
      <c r="DV27" s="277">
        <v>9</v>
      </c>
      <c r="DW27" s="279">
        <v>0</v>
      </c>
      <c r="DX27" s="280">
        <v>3</v>
      </c>
      <c r="DY27" s="280">
        <v>11</v>
      </c>
      <c r="DZ27" s="280">
        <v>6</v>
      </c>
      <c r="EA27" s="280">
        <v>3</v>
      </c>
      <c r="EB27" s="280">
        <v>4</v>
      </c>
      <c r="EC27" s="277">
        <v>27</v>
      </c>
      <c r="ED27" s="282">
        <v>36</v>
      </c>
      <c r="EE27" s="276">
        <v>0</v>
      </c>
      <c r="EF27" s="280">
        <v>0</v>
      </c>
      <c r="EG27" s="277">
        <v>0</v>
      </c>
      <c r="EH27" s="279">
        <v>0</v>
      </c>
      <c r="EI27" s="280">
        <v>1</v>
      </c>
      <c r="EJ27" s="280">
        <v>2</v>
      </c>
      <c r="EK27" s="280">
        <v>0</v>
      </c>
      <c r="EL27" s="280">
        <v>2</v>
      </c>
      <c r="EM27" s="280">
        <v>1</v>
      </c>
      <c r="EN27" s="277">
        <v>6</v>
      </c>
      <c r="EO27" s="282">
        <v>6</v>
      </c>
      <c r="EP27" s="276">
        <v>5</v>
      </c>
      <c r="EQ27" s="280">
        <v>7</v>
      </c>
      <c r="ER27" s="277">
        <v>12</v>
      </c>
      <c r="ES27" s="279">
        <v>0</v>
      </c>
      <c r="ET27" s="280">
        <v>17</v>
      </c>
      <c r="EU27" s="280">
        <v>15</v>
      </c>
      <c r="EV27" s="280">
        <v>6</v>
      </c>
      <c r="EW27" s="280">
        <v>3</v>
      </c>
      <c r="EX27" s="280">
        <v>5</v>
      </c>
      <c r="EY27" s="277">
        <v>46</v>
      </c>
      <c r="EZ27" s="282">
        <v>58</v>
      </c>
    </row>
    <row r="28" spans="2:156" ht="19.5" customHeight="1" x14ac:dyDescent="0.2">
      <c r="B28" s="261" t="s">
        <v>26</v>
      </c>
      <c r="C28" s="276">
        <v>0</v>
      </c>
      <c r="D28" s="280">
        <v>0</v>
      </c>
      <c r="E28" s="384">
        <v>0</v>
      </c>
      <c r="F28" s="279">
        <v>0</v>
      </c>
      <c r="G28" s="280">
        <v>4</v>
      </c>
      <c r="H28" s="280">
        <v>1</v>
      </c>
      <c r="I28" s="280">
        <v>3</v>
      </c>
      <c r="J28" s="280">
        <v>2</v>
      </c>
      <c r="K28" s="280">
        <v>2</v>
      </c>
      <c r="L28" s="281">
        <v>12</v>
      </c>
      <c r="M28" s="282">
        <v>12</v>
      </c>
      <c r="N28" s="276">
        <v>0</v>
      </c>
      <c r="O28" s="280">
        <v>0</v>
      </c>
      <c r="P28" s="277">
        <v>0</v>
      </c>
      <c r="Q28" s="279">
        <v>0</v>
      </c>
      <c r="R28" s="280">
        <v>0</v>
      </c>
      <c r="S28" s="280">
        <v>0</v>
      </c>
      <c r="T28" s="280">
        <v>1</v>
      </c>
      <c r="U28" s="280">
        <v>0</v>
      </c>
      <c r="V28" s="280">
        <v>1</v>
      </c>
      <c r="W28" s="277">
        <v>2</v>
      </c>
      <c r="X28" s="282">
        <v>2</v>
      </c>
      <c r="Y28" s="276">
        <v>0</v>
      </c>
      <c r="Z28" s="280">
        <v>4</v>
      </c>
      <c r="AA28" s="277">
        <v>4</v>
      </c>
      <c r="AB28" s="279">
        <v>0</v>
      </c>
      <c r="AC28" s="280">
        <v>3</v>
      </c>
      <c r="AD28" s="280">
        <v>5</v>
      </c>
      <c r="AE28" s="280">
        <v>3</v>
      </c>
      <c r="AF28" s="280">
        <v>2</v>
      </c>
      <c r="AG28" s="280">
        <v>3</v>
      </c>
      <c r="AH28" s="277">
        <v>16</v>
      </c>
      <c r="AI28" s="282">
        <v>20</v>
      </c>
      <c r="AJ28" s="276">
        <v>0</v>
      </c>
      <c r="AK28" s="280">
        <v>0</v>
      </c>
      <c r="AL28" s="277">
        <v>0</v>
      </c>
      <c r="AM28" s="279">
        <v>0</v>
      </c>
      <c r="AN28" s="280">
        <v>0</v>
      </c>
      <c r="AO28" s="280">
        <v>0</v>
      </c>
      <c r="AP28" s="280">
        <v>1</v>
      </c>
      <c r="AQ28" s="280">
        <v>0</v>
      </c>
      <c r="AR28" s="280">
        <v>0</v>
      </c>
      <c r="AS28" s="277">
        <v>1</v>
      </c>
      <c r="AT28" s="282">
        <v>1</v>
      </c>
      <c r="AU28" s="276">
        <v>2</v>
      </c>
      <c r="AV28" s="280">
        <v>0</v>
      </c>
      <c r="AW28" s="277">
        <v>2</v>
      </c>
      <c r="AX28" s="279">
        <v>0</v>
      </c>
      <c r="AY28" s="280">
        <v>3</v>
      </c>
      <c r="AZ28" s="280">
        <v>8</v>
      </c>
      <c r="BA28" s="280">
        <v>2</v>
      </c>
      <c r="BB28" s="280">
        <v>5</v>
      </c>
      <c r="BC28" s="280">
        <v>3</v>
      </c>
      <c r="BD28" s="281">
        <v>21</v>
      </c>
      <c r="BE28" s="282">
        <v>23</v>
      </c>
      <c r="BF28" s="276">
        <v>0</v>
      </c>
      <c r="BG28" s="280">
        <v>0</v>
      </c>
      <c r="BH28" s="277">
        <v>0</v>
      </c>
      <c r="BI28" s="279">
        <v>0</v>
      </c>
      <c r="BJ28" s="280">
        <v>6</v>
      </c>
      <c r="BK28" s="280">
        <v>2</v>
      </c>
      <c r="BL28" s="280">
        <v>2</v>
      </c>
      <c r="BM28" s="280">
        <v>0</v>
      </c>
      <c r="BN28" s="280">
        <v>0</v>
      </c>
      <c r="BO28" s="277">
        <v>10</v>
      </c>
      <c r="BP28" s="282">
        <v>10</v>
      </c>
      <c r="BQ28" s="276">
        <v>0</v>
      </c>
      <c r="BR28" s="280">
        <v>0</v>
      </c>
      <c r="BS28" s="277">
        <v>0</v>
      </c>
      <c r="BT28" s="279">
        <v>0</v>
      </c>
      <c r="BU28" s="280">
        <v>1</v>
      </c>
      <c r="BV28" s="280">
        <v>4</v>
      </c>
      <c r="BW28" s="280">
        <v>2</v>
      </c>
      <c r="BX28" s="280">
        <v>0</v>
      </c>
      <c r="BY28" s="280">
        <v>0</v>
      </c>
      <c r="BZ28" s="277">
        <v>7</v>
      </c>
      <c r="CA28" s="282">
        <v>7</v>
      </c>
      <c r="CB28" s="276">
        <v>0</v>
      </c>
      <c r="CC28" s="280">
        <v>0</v>
      </c>
      <c r="CD28" s="277">
        <v>0</v>
      </c>
      <c r="CE28" s="279">
        <v>0</v>
      </c>
      <c r="CF28" s="280">
        <v>0</v>
      </c>
      <c r="CG28" s="280">
        <v>0</v>
      </c>
      <c r="CH28" s="280">
        <v>1</v>
      </c>
      <c r="CI28" s="280">
        <v>0</v>
      </c>
      <c r="CJ28" s="280">
        <v>0</v>
      </c>
      <c r="CK28" s="277">
        <v>1</v>
      </c>
      <c r="CL28" s="282">
        <v>1</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3</v>
      </c>
      <c r="DU28" s="280">
        <v>7</v>
      </c>
      <c r="DV28" s="277">
        <v>10</v>
      </c>
      <c r="DW28" s="279">
        <v>0</v>
      </c>
      <c r="DX28" s="280">
        <v>10</v>
      </c>
      <c r="DY28" s="280">
        <v>6</v>
      </c>
      <c r="DZ28" s="280">
        <v>8</v>
      </c>
      <c r="EA28" s="280">
        <v>3</v>
      </c>
      <c r="EB28" s="280">
        <v>3</v>
      </c>
      <c r="EC28" s="277">
        <v>30</v>
      </c>
      <c r="ED28" s="282">
        <v>40</v>
      </c>
      <c r="EE28" s="276">
        <v>3</v>
      </c>
      <c r="EF28" s="280">
        <v>0</v>
      </c>
      <c r="EG28" s="277">
        <v>3</v>
      </c>
      <c r="EH28" s="279">
        <v>0</v>
      </c>
      <c r="EI28" s="280">
        <v>2</v>
      </c>
      <c r="EJ28" s="280">
        <v>9</v>
      </c>
      <c r="EK28" s="280">
        <v>0</v>
      </c>
      <c r="EL28" s="280">
        <v>2</v>
      </c>
      <c r="EM28" s="280">
        <v>0</v>
      </c>
      <c r="EN28" s="277">
        <v>13</v>
      </c>
      <c r="EO28" s="282">
        <v>16</v>
      </c>
      <c r="EP28" s="276">
        <v>3</v>
      </c>
      <c r="EQ28" s="280">
        <v>9</v>
      </c>
      <c r="ER28" s="277">
        <v>12</v>
      </c>
      <c r="ES28" s="279">
        <v>0</v>
      </c>
      <c r="ET28" s="280">
        <v>17</v>
      </c>
      <c r="EU28" s="280">
        <v>9</v>
      </c>
      <c r="EV28" s="280">
        <v>8</v>
      </c>
      <c r="EW28" s="280">
        <v>3</v>
      </c>
      <c r="EX28" s="280">
        <v>3</v>
      </c>
      <c r="EY28" s="277">
        <v>40</v>
      </c>
      <c r="EZ28" s="282">
        <v>52</v>
      </c>
    </row>
    <row r="29" spans="2:156" ht="19.5" customHeight="1" x14ac:dyDescent="0.2">
      <c r="B29" s="261" t="s">
        <v>27</v>
      </c>
      <c r="C29" s="276">
        <v>0</v>
      </c>
      <c r="D29" s="280">
        <v>0</v>
      </c>
      <c r="E29" s="384">
        <v>0</v>
      </c>
      <c r="F29" s="279">
        <v>0</v>
      </c>
      <c r="G29" s="280">
        <v>1</v>
      </c>
      <c r="H29" s="280">
        <v>4</v>
      </c>
      <c r="I29" s="280">
        <v>1</v>
      </c>
      <c r="J29" s="280">
        <v>0</v>
      </c>
      <c r="K29" s="280">
        <v>2</v>
      </c>
      <c r="L29" s="281">
        <v>8</v>
      </c>
      <c r="M29" s="282">
        <v>8</v>
      </c>
      <c r="N29" s="276">
        <v>0</v>
      </c>
      <c r="O29" s="280">
        <v>0</v>
      </c>
      <c r="P29" s="277">
        <v>0</v>
      </c>
      <c r="Q29" s="279">
        <v>0</v>
      </c>
      <c r="R29" s="280">
        <v>0</v>
      </c>
      <c r="S29" s="280">
        <v>0</v>
      </c>
      <c r="T29" s="280">
        <v>0</v>
      </c>
      <c r="U29" s="280">
        <v>0</v>
      </c>
      <c r="V29" s="280">
        <v>0</v>
      </c>
      <c r="W29" s="277">
        <v>0</v>
      </c>
      <c r="X29" s="282">
        <v>0</v>
      </c>
      <c r="Y29" s="276">
        <v>3</v>
      </c>
      <c r="Z29" s="280">
        <v>2</v>
      </c>
      <c r="AA29" s="277">
        <v>5</v>
      </c>
      <c r="AB29" s="279">
        <v>0</v>
      </c>
      <c r="AC29" s="280">
        <v>2</v>
      </c>
      <c r="AD29" s="280">
        <v>4</v>
      </c>
      <c r="AE29" s="280">
        <v>3</v>
      </c>
      <c r="AF29" s="280">
        <v>1</v>
      </c>
      <c r="AG29" s="280">
        <v>1</v>
      </c>
      <c r="AH29" s="277">
        <v>11</v>
      </c>
      <c r="AI29" s="282">
        <v>16</v>
      </c>
      <c r="AJ29" s="276">
        <v>0</v>
      </c>
      <c r="AK29" s="280">
        <v>0</v>
      </c>
      <c r="AL29" s="277">
        <v>0</v>
      </c>
      <c r="AM29" s="279">
        <v>0</v>
      </c>
      <c r="AN29" s="280">
        <v>0</v>
      </c>
      <c r="AO29" s="280">
        <v>0</v>
      </c>
      <c r="AP29" s="280">
        <v>0</v>
      </c>
      <c r="AQ29" s="280">
        <v>0</v>
      </c>
      <c r="AR29" s="280">
        <v>0</v>
      </c>
      <c r="AS29" s="277">
        <v>0</v>
      </c>
      <c r="AT29" s="282">
        <v>0</v>
      </c>
      <c r="AU29" s="276">
        <v>0</v>
      </c>
      <c r="AV29" s="280">
        <v>1</v>
      </c>
      <c r="AW29" s="277">
        <v>1</v>
      </c>
      <c r="AX29" s="279">
        <v>0</v>
      </c>
      <c r="AY29" s="280">
        <v>3</v>
      </c>
      <c r="AZ29" s="280">
        <v>4</v>
      </c>
      <c r="BA29" s="280">
        <v>8</v>
      </c>
      <c r="BB29" s="280">
        <v>4</v>
      </c>
      <c r="BC29" s="280">
        <v>2</v>
      </c>
      <c r="BD29" s="281">
        <v>21</v>
      </c>
      <c r="BE29" s="282">
        <v>22</v>
      </c>
      <c r="BF29" s="276">
        <v>0</v>
      </c>
      <c r="BG29" s="280">
        <v>0</v>
      </c>
      <c r="BH29" s="277">
        <v>0</v>
      </c>
      <c r="BI29" s="279">
        <v>0</v>
      </c>
      <c r="BJ29" s="280">
        <v>0</v>
      </c>
      <c r="BK29" s="280">
        <v>2</v>
      </c>
      <c r="BL29" s="280">
        <v>2</v>
      </c>
      <c r="BM29" s="280">
        <v>1</v>
      </c>
      <c r="BN29" s="280">
        <v>0</v>
      </c>
      <c r="BO29" s="277">
        <v>5</v>
      </c>
      <c r="BP29" s="282">
        <v>5</v>
      </c>
      <c r="BQ29" s="276">
        <v>2</v>
      </c>
      <c r="BR29" s="280">
        <v>1</v>
      </c>
      <c r="BS29" s="277">
        <v>3</v>
      </c>
      <c r="BT29" s="279">
        <v>0</v>
      </c>
      <c r="BU29" s="280">
        <v>1</v>
      </c>
      <c r="BV29" s="280">
        <v>1</v>
      </c>
      <c r="BW29" s="280">
        <v>2</v>
      </c>
      <c r="BX29" s="280">
        <v>0</v>
      </c>
      <c r="BY29" s="280">
        <v>0</v>
      </c>
      <c r="BZ29" s="277">
        <v>4</v>
      </c>
      <c r="CA29" s="282">
        <v>7</v>
      </c>
      <c r="CB29" s="276">
        <v>0</v>
      </c>
      <c r="CC29" s="280">
        <v>0</v>
      </c>
      <c r="CD29" s="277">
        <v>0</v>
      </c>
      <c r="CE29" s="279">
        <v>0</v>
      </c>
      <c r="CF29" s="280">
        <v>0</v>
      </c>
      <c r="CG29" s="280">
        <v>0</v>
      </c>
      <c r="CH29" s="280">
        <v>1</v>
      </c>
      <c r="CI29" s="280">
        <v>0</v>
      </c>
      <c r="CJ29" s="280">
        <v>0</v>
      </c>
      <c r="CK29" s="277">
        <v>1</v>
      </c>
      <c r="CL29" s="282">
        <v>1</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3</v>
      </c>
      <c r="DU29" s="280">
        <v>10</v>
      </c>
      <c r="DV29" s="277">
        <v>13</v>
      </c>
      <c r="DW29" s="279">
        <v>0</v>
      </c>
      <c r="DX29" s="280">
        <v>2</v>
      </c>
      <c r="DY29" s="280">
        <v>7</v>
      </c>
      <c r="DZ29" s="280">
        <v>4</v>
      </c>
      <c r="EA29" s="280">
        <v>1</v>
      </c>
      <c r="EB29" s="280">
        <v>2</v>
      </c>
      <c r="EC29" s="277">
        <v>16</v>
      </c>
      <c r="ED29" s="282">
        <v>29</v>
      </c>
      <c r="EE29" s="276">
        <v>0</v>
      </c>
      <c r="EF29" s="280">
        <v>1</v>
      </c>
      <c r="EG29" s="277">
        <v>1</v>
      </c>
      <c r="EH29" s="279">
        <v>0</v>
      </c>
      <c r="EI29" s="280">
        <v>4</v>
      </c>
      <c r="EJ29" s="280">
        <v>3</v>
      </c>
      <c r="EK29" s="280">
        <v>7</v>
      </c>
      <c r="EL29" s="280">
        <v>3</v>
      </c>
      <c r="EM29" s="280">
        <v>1</v>
      </c>
      <c r="EN29" s="277">
        <v>18</v>
      </c>
      <c r="EO29" s="282">
        <v>19</v>
      </c>
      <c r="EP29" s="276">
        <v>6</v>
      </c>
      <c r="EQ29" s="280">
        <v>12</v>
      </c>
      <c r="ER29" s="277">
        <v>18</v>
      </c>
      <c r="ES29" s="279">
        <v>0</v>
      </c>
      <c r="ET29" s="280">
        <v>6</v>
      </c>
      <c r="EU29" s="280">
        <v>10</v>
      </c>
      <c r="EV29" s="280">
        <v>7</v>
      </c>
      <c r="EW29" s="280">
        <v>1</v>
      </c>
      <c r="EX29" s="280">
        <v>2</v>
      </c>
      <c r="EY29" s="277">
        <v>26</v>
      </c>
      <c r="EZ29" s="282">
        <v>44</v>
      </c>
    </row>
    <row r="30" spans="2:156" ht="19.5" customHeight="1" x14ac:dyDescent="0.2">
      <c r="B30" s="261" t="s">
        <v>28</v>
      </c>
      <c r="C30" s="276">
        <v>0</v>
      </c>
      <c r="D30" s="280">
        <v>0</v>
      </c>
      <c r="E30" s="384">
        <v>0</v>
      </c>
      <c r="F30" s="279">
        <v>0</v>
      </c>
      <c r="G30" s="280">
        <v>1</v>
      </c>
      <c r="H30" s="280">
        <v>1</v>
      </c>
      <c r="I30" s="280">
        <v>0</v>
      </c>
      <c r="J30" s="280">
        <v>0</v>
      </c>
      <c r="K30" s="280">
        <v>2</v>
      </c>
      <c r="L30" s="281">
        <v>4</v>
      </c>
      <c r="M30" s="282">
        <v>4</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1</v>
      </c>
      <c r="AD30" s="280">
        <v>1</v>
      </c>
      <c r="AE30" s="280">
        <v>1</v>
      </c>
      <c r="AF30" s="280">
        <v>0</v>
      </c>
      <c r="AG30" s="280">
        <v>0</v>
      </c>
      <c r="AH30" s="277">
        <v>3</v>
      </c>
      <c r="AI30" s="282">
        <v>3</v>
      </c>
      <c r="AJ30" s="276">
        <v>0</v>
      </c>
      <c r="AK30" s="280">
        <v>0</v>
      </c>
      <c r="AL30" s="277">
        <v>0</v>
      </c>
      <c r="AM30" s="279">
        <v>0</v>
      </c>
      <c r="AN30" s="280">
        <v>1</v>
      </c>
      <c r="AO30" s="280">
        <v>0</v>
      </c>
      <c r="AP30" s="280">
        <v>0</v>
      </c>
      <c r="AQ30" s="280">
        <v>0</v>
      </c>
      <c r="AR30" s="280">
        <v>0</v>
      </c>
      <c r="AS30" s="277">
        <v>1</v>
      </c>
      <c r="AT30" s="282">
        <v>1</v>
      </c>
      <c r="AU30" s="276">
        <v>0</v>
      </c>
      <c r="AV30" s="280">
        <v>0</v>
      </c>
      <c r="AW30" s="277">
        <v>0</v>
      </c>
      <c r="AX30" s="279">
        <v>0</v>
      </c>
      <c r="AY30" s="280">
        <v>1</v>
      </c>
      <c r="AZ30" s="280">
        <v>2</v>
      </c>
      <c r="BA30" s="280">
        <v>1</v>
      </c>
      <c r="BB30" s="280">
        <v>1</v>
      </c>
      <c r="BC30" s="280">
        <v>1</v>
      </c>
      <c r="BD30" s="281">
        <v>6</v>
      </c>
      <c r="BE30" s="282">
        <v>6</v>
      </c>
      <c r="BF30" s="276">
        <v>0</v>
      </c>
      <c r="BG30" s="280">
        <v>0</v>
      </c>
      <c r="BH30" s="277">
        <v>0</v>
      </c>
      <c r="BI30" s="279">
        <v>0</v>
      </c>
      <c r="BJ30" s="280">
        <v>1</v>
      </c>
      <c r="BK30" s="280">
        <v>1</v>
      </c>
      <c r="BL30" s="280">
        <v>0</v>
      </c>
      <c r="BM30" s="280">
        <v>1</v>
      </c>
      <c r="BN30" s="280">
        <v>0</v>
      </c>
      <c r="BO30" s="277">
        <v>3</v>
      </c>
      <c r="BP30" s="282">
        <v>3</v>
      </c>
      <c r="BQ30" s="276">
        <v>0</v>
      </c>
      <c r="BR30" s="280">
        <v>0</v>
      </c>
      <c r="BS30" s="277">
        <v>0</v>
      </c>
      <c r="BT30" s="279">
        <v>0</v>
      </c>
      <c r="BU30" s="280">
        <v>1</v>
      </c>
      <c r="BV30" s="280">
        <v>1</v>
      </c>
      <c r="BW30" s="280">
        <v>0</v>
      </c>
      <c r="BX30" s="280">
        <v>0</v>
      </c>
      <c r="BY30" s="280">
        <v>1</v>
      </c>
      <c r="BZ30" s="277">
        <v>3</v>
      </c>
      <c r="CA30" s="282">
        <v>3</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1</v>
      </c>
      <c r="DU30" s="280">
        <v>1</v>
      </c>
      <c r="DV30" s="277">
        <v>2</v>
      </c>
      <c r="DW30" s="279">
        <v>0</v>
      </c>
      <c r="DX30" s="280">
        <v>4</v>
      </c>
      <c r="DY30" s="280">
        <v>2</v>
      </c>
      <c r="DZ30" s="280">
        <v>1</v>
      </c>
      <c r="EA30" s="280">
        <v>0</v>
      </c>
      <c r="EB30" s="280">
        <v>3</v>
      </c>
      <c r="EC30" s="277">
        <v>10</v>
      </c>
      <c r="ED30" s="282">
        <v>12</v>
      </c>
      <c r="EE30" s="276">
        <v>0</v>
      </c>
      <c r="EF30" s="280">
        <v>0</v>
      </c>
      <c r="EG30" s="277">
        <v>0</v>
      </c>
      <c r="EH30" s="279">
        <v>0</v>
      </c>
      <c r="EI30" s="280">
        <v>0</v>
      </c>
      <c r="EJ30" s="280">
        <v>0</v>
      </c>
      <c r="EK30" s="280">
        <v>1</v>
      </c>
      <c r="EL30" s="280">
        <v>1</v>
      </c>
      <c r="EM30" s="280">
        <v>0</v>
      </c>
      <c r="EN30" s="277">
        <v>2</v>
      </c>
      <c r="EO30" s="282">
        <v>2</v>
      </c>
      <c r="EP30" s="276">
        <v>1</v>
      </c>
      <c r="EQ30" s="280">
        <v>1</v>
      </c>
      <c r="ER30" s="277">
        <v>2</v>
      </c>
      <c r="ES30" s="279">
        <v>0</v>
      </c>
      <c r="ET30" s="280">
        <v>7</v>
      </c>
      <c r="EU30" s="280">
        <v>3</v>
      </c>
      <c r="EV30" s="280">
        <v>1</v>
      </c>
      <c r="EW30" s="280">
        <v>1</v>
      </c>
      <c r="EX30" s="280">
        <v>3</v>
      </c>
      <c r="EY30" s="277">
        <v>15</v>
      </c>
      <c r="EZ30" s="282">
        <v>17</v>
      </c>
    </row>
    <row r="31" spans="2:156" ht="19.5" customHeight="1" x14ac:dyDescent="0.2">
      <c r="B31" s="261" t="s">
        <v>29</v>
      </c>
      <c r="C31" s="276">
        <v>0</v>
      </c>
      <c r="D31" s="280">
        <v>0</v>
      </c>
      <c r="E31" s="384">
        <v>0</v>
      </c>
      <c r="F31" s="279">
        <v>0</v>
      </c>
      <c r="G31" s="280">
        <v>1</v>
      </c>
      <c r="H31" s="280">
        <v>1</v>
      </c>
      <c r="I31" s="280">
        <v>0</v>
      </c>
      <c r="J31" s="280">
        <v>1</v>
      </c>
      <c r="K31" s="280">
        <v>0</v>
      </c>
      <c r="L31" s="281">
        <v>3</v>
      </c>
      <c r="M31" s="282">
        <v>3</v>
      </c>
      <c r="N31" s="276">
        <v>0</v>
      </c>
      <c r="O31" s="280">
        <v>0</v>
      </c>
      <c r="P31" s="277">
        <v>0</v>
      </c>
      <c r="Q31" s="279">
        <v>0</v>
      </c>
      <c r="R31" s="280">
        <v>0</v>
      </c>
      <c r="S31" s="280">
        <v>0</v>
      </c>
      <c r="T31" s="280">
        <v>1</v>
      </c>
      <c r="U31" s="280">
        <v>0</v>
      </c>
      <c r="V31" s="280">
        <v>0</v>
      </c>
      <c r="W31" s="277">
        <v>1</v>
      </c>
      <c r="X31" s="282">
        <v>1</v>
      </c>
      <c r="Y31" s="276">
        <v>0</v>
      </c>
      <c r="Z31" s="280">
        <v>0</v>
      </c>
      <c r="AA31" s="277">
        <v>0</v>
      </c>
      <c r="AB31" s="279">
        <v>0</v>
      </c>
      <c r="AC31" s="280">
        <v>0</v>
      </c>
      <c r="AD31" s="280">
        <v>1</v>
      </c>
      <c r="AE31" s="280">
        <v>5</v>
      </c>
      <c r="AF31" s="280">
        <v>0</v>
      </c>
      <c r="AG31" s="280">
        <v>0</v>
      </c>
      <c r="AH31" s="277">
        <v>6</v>
      </c>
      <c r="AI31" s="282">
        <v>6</v>
      </c>
      <c r="AJ31" s="276">
        <v>0</v>
      </c>
      <c r="AK31" s="280">
        <v>0</v>
      </c>
      <c r="AL31" s="277">
        <v>0</v>
      </c>
      <c r="AM31" s="279">
        <v>0</v>
      </c>
      <c r="AN31" s="280">
        <v>0</v>
      </c>
      <c r="AO31" s="280">
        <v>1</v>
      </c>
      <c r="AP31" s="280">
        <v>1</v>
      </c>
      <c r="AQ31" s="280">
        <v>0</v>
      </c>
      <c r="AR31" s="280">
        <v>0</v>
      </c>
      <c r="AS31" s="277">
        <v>2</v>
      </c>
      <c r="AT31" s="282">
        <v>2</v>
      </c>
      <c r="AU31" s="276">
        <v>0</v>
      </c>
      <c r="AV31" s="280">
        <v>0</v>
      </c>
      <c r="AW31" s="277">
        <v>0</v>
      </c>
      <c r="AX31" s="279">
        <v>0</v>
      </c>
      <c r="AY31" s="280">
        <v>1</v>
      </c>
      <c r="AZ31" s="280">
        <v>0</v>
      </c>
      <c r="BA31" s="280">
        <v>1</v>
      </c>
      <c r="BB31" s="280">
        <v>3</v>
      </c>
      <c r="BC31" s="280">
        <v>0</v>
      </c>
      <c r="BD31" s="281">
        <v>5</v>
      </c>
      <c r="BE31" s="282">
        <v>5</v>
      </c>
      <c r="BF31" s="276">
        <v>0</v>
      </c>
      <c r="BG31" s="280">
        <v>0</v>
      </c>
      <c r="BH31" s="277">
        <v>0</v>
      </c>
      <c r="BI31" s="279">
        <v>0</v>
      </c>
      <c r="BJ31" s="280">
        <v>1</v>
      </c>
      <c r="BK31" s="280">
        <v>0</v>
      </c>
      <c r="BL31" s="280">
        <v>1</v>
      </c>
      <c r="BM31" s="280">
        <v>0</v>
      </c>
      <c r="BN31" s="280">
        <v>0</v>
      </c>
      <c r="BO31" s="277">
        <v>2</v>
      </c>
      <c r="BP31" s="282">
        <v>2</v>
      </c>
      <c r="BQ31" s="276">
        <v>0</v>
      </c>
      <c r="BR31" s="280">
        <v>0</v>
      </c>
      <c r="BS31" s="277">
        <v>0</v>
      </c>
      <c r="BT31" s="279">
        <v>0</v>
      </c>
      <c r="BU31" s="280">
        <v>1</v>
      </c>
      <c r="BV31" s="280">
        <v>1</v>
      </c>
      <c r="BW31" s="280">
        <v>1</v>
      </c>
      <c r="BX31" s="280">
        <v>1</v>
      </c>
      <c r="BY31" s="280">
        <v>0</v>
      </c>
      <c r="BZ31" s="277">
        <v>4</v>
      </c>
      <c r="CA31" s="282">
        <v>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1</v>
      </c>
      <c r="CS31" s="280">
        <v>0</v>
      </c>
      <c r="CT31" s="280">
        <v>0</v>
      </c>
      <c r="CU31" s="280">
        <v>0</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1</v>
      </c>
      <c r="DV31" s="277">
        <v>3</v>
      </c>
      <c r="DW31" s="279">
        <v>0</v>
      </c>
      <c r="DX31" s="280">
        <v>2</v>
      </c>
      <c r="DY31" s="280">
        <v>1</v>
      </c>
      <c r="DZ31" s="280">
        <v>7</v>
      </c>
      <c r="EA31" s="280">
        <v>0</v>
      </c>
      <c r="EB31" s="280">
        <v>1</v>
      </c>
      <c r="EC31" s="277">
        <v>11</v>
      </c>
      <c r="ED31" s="282">
        <v>14</v>
      </c>
      <c r="EE31" s="276">
        <v>0</v>
      </c>
      <c r="EF31" s="280">
        <v>0</v>
      </c>
      <c r="EG31" s="277">
        <v>0</v>
      </c>
      <c r="EH31" s="279">
        <v>0</v>
      </c>
      <c r="EI31" s="280">
        <v>1</v>
      </c>
      <c r="EJ31" s="280">
        <v>0</v>
      </c>
      <c r="EK31" s="280">
        <v>0</v>
      </c>
      <c r="EL31" s="280">
        <v>3</v>
      </c>
      <c r="EM31" s="280">
        <v>0</v>
      </c>
      <c r="EN31" s="277">
        <v>4</v>
      </c>
      <c r="EO31" s="282">
        <v>4</v>
      </c>
      <c r="EP31" s="276">
        <v>2</v>
      </c>
      <c r="EQ31" s="280">
        <v>1</v>
      </c>
      <c r="ER31" s="277">
        <v>3</v>
      </c>
      <c r="ES31" s="279">
        <v>0</v>
      </c>
      <c r="ET31" s="280">
        <v>3</v>
      </c>
      <c r="EU31" s="280">
        <v>2</v>
      </c>
      <c r="EV31" s="280">
        <v>6</v>
      </c>
      <c r="EW31" s="280">
        <v>1</v>
      </c>
      <c r="EX31" s="280">
        <v>1</v>
      </c>
      <c r="EY31" s="277">
        <v>13</v>
      </c>
      <c r="EZ31" s="282">
        <v>16</v>
      </c>
    </row>
    <row r="32" spans="2:156" ht="19.5" customHeight="1" x14ac:dyDescent="0.2">
      <c r="B32" s="261" t="s">
        <v>30</v>
      </c>
      <c r="C32" s="276">
        <v>0</v>
      </c>
      <c r="D32" s="280">
        <v>0</v>
      </c>
      <c r="E32" s="384">
        <v>0</v>
      </c>
      <c r="F32" s="279">
        <v>0</v>
      </c>
      <c r="G32" s="280">
        <v>1</v>
      </c>
      <c r="H32" s="280">
        <v>0</v>
      </c>
      <c r="I32" s="280">
        <v>1</v>
      </c>
      <c r="J32" s="280">
        <v>0</v>
      </c>
      <c r="K32" s="280">
        <v>0</v>
      </c>
      <c r="L32" s="281">
        <v>2</v>
      </c>
      <c r="M32" s="282">
        <v>2</v>
      </c>
      <c r="N32" s="276">
        <v>0</v>
      </c>
      <c r="O32" s="280">
        <v>0</v>
      </c>
      <c r="P32" s="277">
        <v>0</v>
      </c>
      <c r="Q32" s="279">
        <v>0</v>
      </c>
      <c r="R32" s="280">
        <v>0</v>
      </c>
      <c r="S32" s="280">
        <v>0</v>
      </c>
      <c r="T32" s="280">
        <v>0</v>
      </c>
      <c r="U32" s="280">
        <v>1</v>
      </c>
      <c r="V32" s="280">
        <v>0</v>
      </c>
      <c r="W32" s="277">
        <v>1</v>
      </c>
      <c r="X32" s="282">
        <v>1</v>
      </c>
      <c r="Y32" s="276">
        <v>0</v>
      </c>
      <c r="Z32" s="280">
        <v>0</v>
      </c>
      <c r="AA32" s="277">
        <v>0</v>
      </c>
      <c r="AB32" s="279">
        <v>0</v>
      </c>
      <c r="AC32" s="280">
        <v>1</v>
      </c>
      <c r="AD32" s="280">
        <v>0</v>
      </c>
      <c r="AE32" s="280">
        <v>0</v>
      </c>
      <c r="AF32" s="280">
        <v>2</v>
      </c>
      <c r="AG32" s="280">
        <v>0</v>
      </c>
      <c r="AH32" s="277">
        <v>3</v>
      </c>
      <c r="AI32" s="282">
        <v>3</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1</v>
      </c>
      <c r="BA32" s="280">
        <v>1</v>
      </c>
      <c r="BB32" s="280">
        <v>1</v>
      </c>
      <c r="BC32" s="280">
        <v>0</v>
      </c>
      <c r="BD32" s="281">
        <v>5</v>
      </c>
      <c r="BE32" s="282">
        <v>5</v>
      </c>
      <c r="BF32" s="276">
        <v>0</v>
      </c>
      <c r="BG32" s="280">
        <v>0</v>
      </c>
      <c r="BH32" s="277">
        <v>0</v>
      </c>
      <c r="BI32" s="279">
        <v>0</v>
      </c>
      <c r="BJ32" s="280">
        <v>1</v>
      </c>
      <c r="BK32" s="280">
        <v>2</v>
      </c>
      <c r="BL32" s="280">
        <v>0</v>
      </c>
      <c r="BM32" s="280">
        <v>0</v>
      </c>
      <c r="BN32" s="280">
        <v>0</v>
      </c>
      <c r="BO32" s="277">
        <v>3</v>
      </c>
      <c r="BP32" s="282">
        <v>3</v>
      </c>
      <c r="BQ32" s="276">
        <v>0</v>
      </c>
      <c r="BR32" s="280">
        <v>0</v>
      </c>
      <c r="BS32" s="277">
        <v>0</v>
      </c>
      <c r="BT32" s="279">
        <v>0</v>
      </c>
      <c r="BU32" s="280">
        <v>0</v>
      </c>
      <c r="BV32" s="280">
        <v>2</v>
      </c>
      <c r="BW32" s="280">
        <v>0</v>
      </c>
      <c r="BX32" s="280">
        <v>0</v>
      </c>
      <c r="BY32" s="280">
        <v>0</v>
      </c>
      <c r="BZ32" s="277">
        <v>2</v>
      </c>
      <c r="CA32" s="282">
        <v>2</v>
      </c>
      <c r="CB32" s="276">
        <v>0</v>
      </c>
      <c r="CC32" s="280">
        <v>0</v>
      </c>
      <c r="CD32" s="277">
        <v>0</v>
      </c>
      <c r="CE32" s="279">
        <v>0</v>
      </c>
      <c r="CF32" s="280">
        <v>1</v>
      </c>
      <c r="CG32" s="280">
        <v>0</v>
      </c>
      <c r="CH32" s="280">
        <v>0</v>
      </c>
      <c r="CI32" s="280">
        <v>0</v>
      </c>
      <c r="CJ32" s="280">
        <v>0</v>
      </c>
      <c r="CK32" s="277">
        <v>1</v>
      </c>
      <c r="CL32" s="282">
        <v>1</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0</v>
      </c>
      <c r="DV32" s="277">
        <v>0</v>
      </c>
      <c r="DW32" s="279">
        <v>0</v>
      </c>
      <c r="DX32" s="280">
        <v>0</v>
      </c>
      <c r="DY32" s="280">
        <v>4</v>
      </c>
      <c r="DZ32" s="280">
        <v>2</v>
      </c>
      <c r="EA32" s="280">
        <v>3</v>
      </c>
      <c r="EB32" s="280">
        <v>0</v>
      </c>
      <c r="EC32" s="277">
        <v>9</v>
      </c>
      <c r="ED32" s="282">
        <v>9</v>
      </c>
      <c r="EE32" s="276">
        <v>0</v>
      </c>
      <c r="EF32" s="280">
        <v>0</v>
      </c>
      <c r="EG32" s="277">
        <v>0</v>
      </c>
      <c r="EH32" s="279">
        <v>0</v>
      </c>
      <c r="EI32" s="280">
        <v>3</v>
      </c>
      <c r="EJ32" s="280">
        <v>0</v>
      </c>
      <c r="EK32" s="280">
        <v>0</v>
      </c>
      <c r="EL32" s="280">
        <v>1</v>
      </c>
      <c r="EM32" s="280">
        <v>0</v>
      </c>
      <c r="EN32" s="277">
        <v>4</v>
      </c>
      <c r="EO32" s="282">
        <v>4</v>
      </c>
      <c r="EP32" s="276">
        <v>0</v>
      </c>
      <c r="EQ32" s="280">
        <v>0</v>
      </c>
      <c r="ER32" s="277">
        <v>0</v>
      </c>
      <c r="ES32" s="279">
        <v>0</v>
      </c>
      <c r="ET32" s="280">
        <v>3</v>
      </c>
      <c r="EU32" s="280">
        <v>5</v>
      </c>
      <c r="EV32" s="280">
        <v>2</v>
      </c>
      <c r="EW32" s="280">
        <v>3</v>
      </c>
      <c r="EX32" s="280">
        <v>0</v>
      </c>
      <c r="EY32" s="277">
        <v>13</v>
      </c>
      <c r="EZ32" s="282">
        <v>13</v>
      </c>
    </row>
    <row r="33" spans="2:156" ht="19.5" customHeight="1" x14ac:dyDescent="0.2">
      <c r="B33" s="261" t="s">
        <v>31</v>
      </c>
      <c r="C33" s="276">
        <v>0</v>
      </c>
      <c r="D33" s="280">
        <v>0</v>
      </c>
      <c r="E33" s="384">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1</v>
      </c>
      <c r="W33" s="277">
        <v>1</v>
      </c>
      <c r="X33" s="282">
        <v>1</v>
      </c>
      <c r="Y33" s="276">
        <v>0</v>
      </c>
      <c r="Z33" s="280">
        <v>0</v>
      </c>
      <c r="AA33" s="277">
        <v>0</v>
      </c>
      <c r="AB33" s="279">
        <v>0</v>
      </c>
      <c r="AC33" s="280">
        <v>0</v>
      </c>
      <c r="AD33" s="280">
        <v>2</v>
      </c>
      <c r="AE33" s="280">
        <v>0</v>
      </c>
      <c r="AF33" s="280">
        <v>1</v>
      </c>
      <c r="AG33" s="280">
        <v>1</v>
      </c>
      <c r="AH33" s="277">
        <v>4</v>
      </c>
      <c r="AI33" s="282">
        <v>4</v>
      </c>
      <c r="AJ33" s="276">
        <v>0</v>
      </c>
      <c r="AK33" s="280">
        <v>0</v>
      </c>
      <c r="AL33" s="277">
        <v>0</v>
      </c>
      <c r="AM33" s="279">
        <v>0</v>
      </c>
      <c r="AN33" s="280">
        <v>0</v>
      </c>
      <c r="AO33" s="280">
        <v>0</v>
      </c>
      <c r="AP33" s="280">
        <v>1</v>
      </c>
      <c r="AQ33" s="280">
        <v>0</v>
      </c>
      <c r="AR33" s="280">
        <v>0</v>
      </c>
      <c r="AS33" s="277">
        <v>1</v>
      </c>
      <c r="AT33" s="282">
        <v>1</v>
      </c>
      <c r="AU33" s="276">
        <v>0</v>
      </c>
      <c r="AV33" s="280">
        <v>0</v>
      </c>
      <c r="AW33" s="277">
        <v>0</v>
      </c>
      <c r="AX33" s="279">
        <v>0</v>
      </c>
      <c r="AY33" s="280">
        <v>1</v>
      </c>
      <c r="AZ33" s="280">
        <v>1</v>
      </c>
      <c r="BA33" s="280">
        <v>0</v>
      </c>
      <c r="BB33" s="280">
        <v>0</v>
      </c>
      <c r="BC33" s="280">
        <v>2</v>
      </c>
      <c r="BD33" s="281">
        <v>4</v>
      </c>
      <c r="BE33" s="282">
        <v>4</v>
      </c>
      <c r="BF33" s="276">
        <v>0</v>
      </c>
      <c r="BG33" s="280">
        <v>0</v>
      </c>
      <c r="BH33" s="277">
        <v>0</v>
      </c>
      <c r="BI33" s="279">
        <v>0</v>
      </c>
      <c r="BJ33" s="280">
        <v>1</v>
      </c>
      <c r="BK33" s="280">
        <v>1</v>
      </c>
      <c r="BL33" s="280">
        <v>3</v>
      </c>
      <c r="BM33" s="280">
        <v>2</v>
      </c>
      <c r="BN33" s="280">
        <v>0</v>
      </c>
      <c r="BO33" s="277">
        <v>7</v>
      </c>
      <c r="BP33" s="282">
        <v>7</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1</v>
      </c>
      <c r="CJ33" s="280">
        <v>0</v>
      </c>
      <c r="CK33" s="277">
        <v>1</v>
      </c>
      <c r="CL33" s="282">
        <v>1</v>
      </c>
      <c r="CM33" s="276">
        <v>0</v>
      </c>
      <c r="CN33" s="280">
        <v>0</v>
      </c>
      <c r="CO33" s="277">
        <v>0</v>
      </c>
      <c r="CP33" s="279">
        <v>0</v>
      </c>
      <c r="CQ33" s="280">
        <v>0</v>
      </c>
      <c r="CR33" s="280">
        <v>0</v>
      </c>
      <c r="CS33" s="280">
        <v>0</v>
      </c>
      <c r="CT33" s="280">
        <v>1</v>
      </c>
      <c r="CU33" s="280">
        <v>0</v>
      </c>
      <c r="CV33" s="277">
        <v>1</v>
      </c>
      <c r="CW33" s="282">
        <v>1</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1</v>
      </c>
      <c r="DU33" s="280">
        <v>0</v>
      </c>
      <c r="DV33" s="277">
        <v>1</v>
      </c>
      <c r="DW33" s="279">
        <v>0</v>
      </c>
      <c r="DX33" s="280">
        <v>1</v>
      </c>
      <c r="DY33" s="280">
        <v>2</v>
      </c>
      <c r="DZ33" s="280">
        <v>1</v>
      </c>
      <c r="EA33" s="280">
        <v>2</v>
      </c>
      <c r="EB33" s="280">
        <v>1</v>
      </c>
      <c r="EC33" s="277">
        <v>7</v>
      </c>
      <c r="ED33" s="282">
        <v>8</v>
      </c>
      <c r="EE33" s="276">
        <v>0</v>
      </c>
      <c r="EF33" s="280">
        <v>0</v>
      </c>
      <c r="EG33" s="277">
        <v>0</v>
      </c>
      <c r="EH33" s="279">
        <v>0</v>
      </c>
      <c r="EI33" s="280">
        <v>1</v>
      </c>
      <c r="EJ33" s="280">
        <v>1</v>
      </c>
      <c r="EK33" s="280">
        <v>0</v>
      </c>
      <c r="EL33" s="280">
        <v>0</v>
      </c>
      <c r="EM33" s="280">
        <v>1</v>
      </c>
      <c r="EN33" s="277">
        <v>3</v>
      </c>
      <c r="EO33" s="282">
        <v>3</v>
      </c>
      <c r="EP33" s="276">
        <v>1</v>
      </c>
      <c r="EQ33" s="280">
        <v>0</v>
      </c>
      <c r="ER33" s="277">
        <v>1</v>
      </c>
      <c r="ES33" s="279">
        <v>0</v>
      </c>
      <c r="ET33" s="280">
        <v>2</v>
      </c>
      <c r="EU33" s="280">
        <v>3</v>
      </c>
      <c r="EV33" s="280">
        <v>3</v>
      </c>
      <c r="EW33" s="280">
        <v>2</v>
      </c>
      <c r="EX33" s="280">
        <v>1</v>
      </c>
      <c r="EY33" s="277">
        <v>11</v>
      </c>
      <c r="EZ33" s="282">
        <v>12</v>
      </c>
    </row>
    <row r="34" spans="2:156" ht="19.5" customHeight="1" x14ac:dyDescent="0.2">
      <c r="B34" s="261" t="s">
        <v>32</v>
      </c>
      <c r="C34" s="276">
        <v>0</v>
      </c>
      <c r="D34" s="280">
        <v>0</v>
      </c>
      <c r="E34" s="384">
        <v>0</v>
      </c>
      <c r="F34" s="279">
        <v>0</v>
      </c>
      <c r="G34" s="280">
        <v>0</v>
      </c>
      <c r="H34" s="280">
        <v>0</v>
      </c>
      <c r="I34" s="280">
        <v>0</v>
      </c>
      <c r="J34" s="280">
        <v>1</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2</v>
      </c>
      <c r="AE34" s="280">
        <v>0</v>
      </c>
      <c r="AF34" s="280">
        <v>0</v>
      </c>
      <c r="AG34" s="280">
        <v>0</v>
      </c>
      <c r="AH34" s="277">
        <v>2</v>
      </c>
      <c r="AI34" s="282">
        <v>2</v>
      </c>
      <c r="AJ34" s="276">
        <v>2</v>
      </c>
      <c r="AK34" s="280">
        <v>0</v>
      </c>
      <c r="AL34" s="277">
        <v>2</v>
      </c>
      <c r="AM34" s="279">
        <v>0</v>
      </c>
      <c r="AN34" s="280">
        <v>1</v>
      </c>
      <c r="AO34" s="280">
        <v>0</v>
      </c>
      <c r="AP34" s="280">
        <v>0</v>
      </c>
      <c r="AQ34" s="280">
        <v>1</v>
      </c>
      <c r="AR34" s="280">
        <v>0</v>
      </c>
      <c r="AS34" s="277">
        <v>2</v>
      </c>
      <c r="AT34" s="282">
        <v>4</v>
      </c>
      <c r="AU34" s="276">
        <v>0</v>
      </c>
      <c r="AV34" s="280">
        <v>0</v>
      </c>
      <c r="AW34" s="277">
        <v>0</v>
      </c>
      <c r="AX34" s="279">
        <v>0</v>
      </c>
      <c r="AY34" s="280">
        <v>2</v>
      </c>
      <c r="AZ34" s="280">
        <v>1</v>
      </c>
      <c r="BA34" s="280">
        <v>1</v>
      </c>
      <c r="BB34" s="280">
        <v>4</v>
      </c>
      <c r="BC34" s="280">
        <v>2</v>
      </c>
      <c r="BD34" s="281">
        <v>10</v>
      </c>
      <c r="BE34" s="282">
        <v>10</v>
      </c>
      <c r="BF34" s="276">
        <v>0</v>
      </c>
      <c r="BG34" s="280">
        <v>0</v>
      </c>
      <c r="BH34" s="277">
        <v>0</v>
      </c>
      <c r="BI34" s="279">
        <v>0</v>
      </c>
      <c r="BJ34" s="280">
        <v>3</v>
      </c>
      <c r="BK34" s="280">
        <v>3</v>
      </c>
      <c r="BL34" s="280">
        <v>0</v>
      </c>
      <c r="BM34" s="280">
        <v>0</v>
      </c>
      <c r="BN34" s="280">
        <v>0</v>
      </c>
      <c r="BO34" s="277">
        <v>6</v>
      </c>
      <c r="BP34" s="282">
        <v>6</v>
      </c>
      <c r="BQ34" s="276">
        <v>0</v>
      </c>
      <c r="BR34" s="280">
        <v>0</v>
      </c>
      <c r="BS34" s="277">
        <v>0</v>
      </c>
      <c r="BT34" s="279">
        <v>0</v>
      </c>
      <c r="BU34" s="280">
        <v>0</v>
      </c>
      <c r="BV34" s="280">
        <v>0</v>
      </c>
      <c r="BW34" s="280">
        <v>1</v>
      </c>
      <c r="BX34" s="280">
        <v>2</v>
      </c>
      <c r="BY34" s="280">
        <v>0</v>
      </c>
      <c r="BZ34" s="277">
        <v>3</v>
      </c>
      <c r="CA34" s="282">
        <v>3</v>
      </c>
      <c r="CB34" s="276">
        <v>0</v>
      </c>
      <c r="CC34" s="280">
        <v>0</v>
      </c>
      <c r="CD34" s="277">
        <v>0</v>
      </c>
      <c r="CE34" s="279">
        <v>0</v>
      </c>
      <c r="CF34" s="280">
        <v>0</v>
      </c>
      <c r="CG34" s="280">
        <v>0</v>
      </c>
      <c r="CH34" s="280">
        <v>1</v>
      </c>
      <c r="CI34" s="280">
        <v>0</v>
      </c>
      <c r="CJ34" s="280">
        <v>0</v>
      </c>
      <c r="CK34" s="277">
        <v>1</v>
      </c>
      <c r="CL34" s="282">
        <v>1</v>
      </c>
      <c r="CM34" s="276">
        <v>0</v>
      </c>
      <c r="CN34" s="280">
        <v>0</v>
      </c>
      <c r="CO34" s="277">
        <v>0</v>
      </c>
      <c r="CP34" s="279">
        <v>0</v>
      </c>
      <c r="CQ34" s="280">
        <v>0</v>
      </c>
      <c r="CR34" s="280">
        <v>0</v>
      </c>
      <c r="CS34" s="280">
        <v>0</v>
      </c>
      <c r="CT34" s="280">
        <v>1</v>
      </c>
      <c r="CU34" s="280">
        <v>0</v>
      </c>
      <c r="CV34" s="277">
        <v>1</v>
      </c>
      <c r="CW34" s="282">
        <v>1</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2</v>
      </c>
      <c r="DU34" s="280">
        <v>1</v>
      </c>
      <c r="DV34" s="277">
        <v>3</v>
      </c>
      <c r="DW34" s="279">
        <v>0</v>
      </c>
      <c r="DX34" s="280">
        <v>1</v>
      </c>
      <c r="DY34" s="280">
        <v>2</v>
      </c>
      <c r="DZ34" s="280">
        <v>1</v>
      </c>
      <c r="EA34" s="280">
        <v>4</v>
      </c>
      <c r="EB34" s="280">
        <v>0</v>
      </c>
      <c r="EC34" s="277">
        <v>8</v>
      </c>
      <c r="ED34" s="282">
        <v>11</v>
      </c>
      <c r="EE34" s="276">
        <v>0</v>
      </c>
      <c r="EF34" s="280">
        <v>0</v>
      </c>
      <c r="EG34" s="277">
        <v>0</v>
      </c>
      <c r="EH34" s="279">
        <v>0</v>
      </c>
      <c r="EI34" s="280">
        <v>1</v>
      </c>
      <c r="EJ34" s="280">
        <v>1</v>
      </c>
      <c r="EK34" s="280">
        <v>0</v>
      </c>
      <c r="EL34" s="280">
        <v>1</v>
      </c>
      <c r="EM34" s="280">
        <v>1</v>
      </c>
      <c r="EN34" s="277">
        <v>4</v>
      </c>
      <c r="EO34" s="282">
        <v>4</v>
      </c>
      <c r="EP34" s="276">
        <v>3</v>
      </c>
      <c r="EQ34" s="280">
        <v>1</v>
      </c>
      <c r="ER34" s="277">
        <v>4</v>
      </c>
      <c r="ES34" s="279">
        <v>0</v>
      </c>
      <c r="ET34" s="280">
        <v>5</v>
      </c>
      <c r="EU34" s="280">
        <v>6</v>
      </c>
      <c r="EV34" s="280">
        <v>1</v>
      </c>
      <c r="EW34" s="280">
        <v>4</v>
      </c>
      <c r="EX34" s="280">
        <v>0</v>
      </c>
      <c r="EY34" s="277">
        <v>16</v>
      </c>
      <c r="EZ34" s="282">
        <v>20</v>
      </c>
    </row>
    <row r="35" spans="2:156" ht="19.5" customHeight="1" x14ac:dyDescent="0.2">
      <c r="B35" s="261" t="s">
        <v>33</v>
      </c>
      <c r="C35" s="276">
        <v>0</v>
      </c>
      <c r="D35" s="280">
        <v>0</v>
      </c>
      <c r="E35" s="384">
        <v>0</v>
      </c>
      <c r="F35" s="279">
        <v>0</v>
      </c>
      <c r="G35" s="280">
        <v>1</v>
      </c>
      <c r="H35" s="280">
        <v>0</v>
      </c>
      <c r="I35" s="280">
        <v>2</v>
      </c>
      <c r="J35" s="280">
        <v>1</v>
      </c>
      <c r="K35" s="280">
        <v>0</v>
      </c>
      <c r="L35" s="281">
        <v>4</v>
      </c>
      <c r="M35" s="282">
        <v>4</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1</v>
      </c>
      <c r="AE35" s="280">
        <v>2</v>
      </c>
      <c r="AF35" s="280">
        <v>1</v>
      </c>
      <c r="AG35" s="280">
        <v>0</v>
      </c>
      <c r="AH35" s="277">
        <v>5</v>
      </c>
      <c r="AI35" s="282">
        <v>5</v>
      </c>
      <c r="AJ35" s="276">
        <v>2</v>
      </c>
      <c r="AK35" s="280">
        <v>0</v>
      </c>
      <c r="AL35" s="277">
        <v>2</v>
      </c>
      <c r="AM35" s="279">
        <v>0</v>
      </c>
      <c r="AN35" s="280">
        <v>0</v>
      </c>
      <c r="AO35" s="280">
        <v>2</v>
      </c>
      <c r="AP35" s="280">
        <v>1</v>
      </c>
      <c r="AQ35" s="280">
        <v>2</v>
      </c>
      <c r="AR35" s="280">
        <v>0</v>
      </c>
      <c r="AS35" s="277">
        <v>5</v>
      </c>
      <c r="AT35" s="282">
        <v>7</v>
      </c>
      <c r="AU35" s="276">
        <v>0</v>
      </c>
      <c r="AV35" s="280">
        <v>0</v>
      </c>
      <c r="AW35" s="277">
        <v>0</v>
      </c>
      <c r="AX35" s="279">
        <v>0</v>
      </c>
      <c r="AY35" s="280">
        <v>2</v>
      </c>
      <c r="AZ35" s="280">
        <v>0</v>
      </c>
      <c r="BA35" s="280">
        <v>2</v>
      </c>
      <c r="BB35" s="280">
        <v>1</v>
      </c>
      <c r="BC35" s="280">
        <v>0</v>
      </c>
      <c r="BD35" s="281">
        <v>5</v>
      </c>
      <c r="BE35" s="282">
        <v>5</v>
      </c>
      <c r="BF35" s="276">
        <v>0</v>
      </c>
      <c r="BG35" s="280">
        <v>0</v>
      </c>
      <c r="BH35" s="277">
        <v>0</v>
      </c>
      <c r="BI35" s="279">
        <v>0</v>
      </c>
      <c r="BJ35" s="280">
        <v>2</v>
      </c>
      <c r="BK35" s="280">
        <v>0</v>
      </c>
      <c r="BL35" s="280">
        <v>0</v>
      </c>
      <c r="BM35" s="280">
        <v>1</v>
      </c>
      <c r="BN35" s="280">
        <v>0</v>
      </c>
      <c r="BO35" s="277">
        <v>3</v>
      </c>
      <c r="BP35" s="282">
        <v>3</v>
      </c>
      <c r="BQ35" s="276">
        <v>0</v>
      </c>
      <c r="BR35" s="280">
        <v>0</v>
      </c>
      <c r="BS35" s="277">
        <v>0</v>
      </c>
      <c r="BT35" s="279">
        <v>0</v>
      </c>
      <c r="BU35" s="280">
        <v>3</v>
      </c>
      <c r="BV35" s="280">
        <v>0</v>
      </c>
      <c r="BW35" s="280">
        <v>0</v>
      </c>
      <c r="BX35" s="280">
        <v>1</v>
      </c>
      <c r="BY35" s="280">
        <v>0</v>
      </c>
      <c r="BZ35" s="277">
        <v>4</v>
      </c>
      <c r="CA35" s="282">
        <v>4</v>
      </c>
      <c r="CB35" s="276">
        <v>0</v>
      </c>
      <c r="CC35" s="280">
        <v>0</v>
      </c>
      <c r="CD35" s="277">
        <v>0</v>
      </c>
      <c r="CE35" s="279">
        <v>0</v>
      </c>
      <c r="CF35" s="280">
        <v>0</v>
      </c>
      <c r="CG35" s="280">
        <v>0</v>
      </c>
      <c r="CH35" s="280">
        <v>1</v>
      </c>
      <c r="CI35" s="280">
        <v>1</v>
      </c>
      <c r="CJ35" s="280">
        <v>0</v>
      </c>
      <c r="CK35" s="277">
        <v>2</v>
      </c>
      <c r="CL35" s="282">
        <v>2</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0</v>
      </c>
      <c r="DU35" s="280">
        <v>1</v>
      </c>
      <c r="DV35" s="277">
        <v>1</v>
      </c>
      <c r="DW35" s="279">
        <v>0</v>
      </c>
      <c r="DX35" s="280">
        <v>2</v>
      </c>
      <c r="DY35" s="280">
        <v>2</v>
      </c>
      <c r="DZ35" s="280">
        <v>2</v>
      </c>
      <c r="EA35" s="280">
        <v>1</v>
      </c>
      <c r="EB35" s="280">
        <v>1</v>
      </c>
      <c r="EC35" s="277">
        <v>8</v>
      </c>
      <c r="ED35" s="282">
        <v>9</v>
      </c>
      <c r="EE35" s="276">
        <v>1</v>
      </c>
      <c r="EF35" s="280">
        <v>0</v>
      </c>
      <c r="EG35" s="277">
        <v>1</v>
      </c>
      <c r="EH35" s="279">
        <v>0</v>
      </c>
      <c r="EI35" s="280">
        <v>1</v>
      </c>
      <c r="EJ35" s="280">
        <v>0</v>
      </c>
      <c r="EK35" s="280">
        <v>1</v>
      </c>
      <c r="EL35" s="280">
        <v>1</v>
      </c>
      <c r="EM35" s="280">
        <v>0</v>
      </c>
      <c r="EN35" s="277">
        <v>3</v>
      </c>
      <c r="EO35" s="282">
        <v>4</v>
      </c>
      <c r="EP35" s="276">
        <v>2</v>
      </c>
      <c r="EQ35" s="280">
        <v>1</v>
      </c>
      <c r="ER35" s="277">
        <v>3</v>
      </c>
      <c r="ES35" s="279">
        <v>0</v>
      </c>
      <c r="ET35" s="280">
        <v>6</v>
      </c>
      <c r="EU35" s="280">
        <v>2</v>
      </c>
      <c r="EV35" s="280">
        <v>3</v>
      </c>
      <c r="EW35" s="280">
        <v>2</v>
      </c>
      <c r="EX35" s="280">
        <v>0</v>
      </c>
      <c r="EY35" s="277">
        <v>13</v>
      </c>
      <c r="EZ35" s="282">
        <v>16</v>
      </c>
    </row>
    <row r="36" spans="2:156" ht="19.5" customHeight="1" x14ac:dyDescent="0.2">
      <c r="B36" s="261" t="s">
        <v>34</v>
      </c>
      <c r="C36" s="276">
        <v>0</v>
      </c>
      <c r="D36" s="280">
        <v>0</v>
      </c>
      <c r="E36" s="384">
        <v>0</v>
      </c>
      <c r="F36" s="279">
        <v>0</v>
      </c>
      <c r="G36" s="280">
        <v>1</v>
      </c>
      <c r="H36" s="280">
        <v>0</v>
      </c>
      <c r="I36" s="280">
        <v>1</v>
      </c>
      <c r="J36" s="280">
        <v>0</v>
      </c>
      <c r="K36" s="280">
        <v>1</v>
      </c>
      <c r="L36" s="281">
        <v>3</v>
      </c>
      <c r="M36" s="282">
        <v>3</v>
      </c>
      <c r="N36" s="276">
        <v>0</v>
      </c>
      <c r="O36" s="280">
        <v>0</v>
      </c>
      <c r="P36" s="277">
        <v>0</v>
      </c>
      <c r="Q36" s="279">
        <v>0</v>
      </c>
      <c r="R36" s="280">
        <v>0</v>
      </c>
      <c r="S36" s="280">
        <v>0</v>
      </c>
      <c r="T36" s="280">
        <v>1</v>
      </c>
      <c r="U36" s="280">
        <v>0</v>
      </c>
      <c r="V36" s="280">
        <v>0</v>
      </c>
      <c r="W36" s="277">
        <v>1</v>
      </c>
      <c r="X36" s="282">
        <v>1</v>
      </c>
      <c r="Y36" s="276">
        <v>0</v>
      </c>
      <c r="Z36" s="280">
        <v>0</v>
      </c>
      <c r="AA36" s="277">
        <v>0</v>
      </c>
      <c r="AB36" s="279">
        <v>0</v>
      </c>
      <c r="AC36" s="280">
        <v>0</v>
      </c>
      <c r="AD36" s="280">
        <v>0</v>
      </c>
      <c r="AE36" s="280">
        <v>1</v>
      </c>
      <c r="AF36" s="280">
        <v>0</v>
      </c>
      <c r="AG36" s="280">
        <v>0</v>
      </c>
      <c r="AH36" s="277">
        <v>1</v>
      </c>
      <c r="AI36" s="282">
        <v>1</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2</v>
      </c>
      <c r="AZ36" s="280">
        <v>1</v>
      </c>
      <c r="BA36" s="280">
        <v>0</v>
      </c>
      <c r="BB36" s="280">
        <v>0</v>
      </c>
      <c r="BC36" s="280">
        <v>1</v>
      </c>
      <c r="BD36" s="281">
        <v>4</v>
      </c>
      <c r="BE36" s="282">
        <v>4</v>
      </c>
      <c r="BF36" s="276">
        <v>0</v>
      </c>
      <c r="BG36" s="280">
        <v>0</v>
      </c>
      <c r="BH36" s="277">
        <v>0</v>
      </c>
      <c r="BI36" s="279">
        <v>0</v>
      </c>
      <c r="BJ36" s="280">
        <v>0</v>
      </c>
      <c r="BK36" s="280">
        <v>1</v>
      </c>
      <c r="BL36" s="280">
        <v>1</v>
      </c>
      <c r="BM36" s="280">
        <v>1</v>
      </c>
      <c r="BN36" s="280">
        <v>0</v>
      </c>
      <c r="BO36" s="277">
        <v>3</v>
      </c>
      <c r="BP36" s="282">
        <v>3</v>
      </c>
      <c r="BQ36" s="276">
        <v>0</v>
      </c>
      <c r="BR36" s="280">
        <v>0</v>
      </c>
      <c r="BS36" s="277">
        <v>0</v>
      </c>
      <c r="BT36" s="279">
        <v>0</v>
      </c>
      <c r="BU36" s="280">
        <v>1</v>
      </c>
      <c r="BV36" s="280">
        <v>0</v>
      </c>
      <c r="BW36" s="280">
        <v>0</v>
      </c>
      <c r="BX36" s="280">
        <v>0</v>
      </c>
      <c r="BY36" s="280">
        <v>0</v>
      </c>
      <c r="BZ36" s="277">
        <v>1</v>
      </c>
      <c r="CA36" s="282">
        <v>1</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2</v>
      </c>
      <c r="DY36" s="280">
        <v>2</v>
      </c>
      <c r="DZ36" s="280">
        <v>2</v>
      </c>
      <c r="EA36" s="280">
        <v>1</v>
      </c>
      <c r="EB36" s="280">
        <v>1</v>
      </c>
      <c r="EC36" s="277">
        <v>8</v>
      </c>
      <c r="ED36" s="282">
        <v>8</v>
      </c>
      <c r="EE36" s="276">
        <v>0</v>
      </c>
      <c r="EF36" s="280">
        <v>0</v>
      </c>
      <c r="EG36" s="277">
        <v>0</v>
      </c>
      <c r="EH36" s="279">
        <v>0</v>
      </c>
      <c r="EI36" s="280">
        <v>0</v>
      </c>
      <c r="EJ36" s="280">
        <v>1</v>
      </c>
      <c r="EK36" s="280">
        <v>0</v>
      </c>
      <c r="EL36" s="280">
        <v>0</v>
      </c>
      <c r="EM36" s="280">
        <v>0</v>
      </c>
      <c r="EN36" s="277">
        <v>1</v>
      </c>
      <c r="EO36" s="282">
        <v>1</v>
      </c>
      <c r="EP36" s="276">
        <v>0</v>
      </c>
      <c r="EQ36" s="280">
        <v>0</v>
      </c>
      <c r="ER36" s="277">
        <v>0</v>
      </c>
      <c r="ES36" s="279">
        <v>0</v>
      </c>
      <c r="ET36" s="280">
        <v>3</v>
      </c>
      <c r="EU36" s="280">
        <v>2</v>
      </c>
      <c r="EV36" s="280">
        <v>3</v>
      </c>
      <c r="EW36" s="280">
        <v>1</v>
      </c>
      <c r="EX36" s="280">
        <v>1</v>
      </c>
      <c r="EY36" s="277">
        <v>10</v>
      </c>
      <c r="EZ36" s="282">
        <v>10</v>
      </c>
    </row>
    <row r="37" spans="2:156" ht="19.5" customHeight="1" x14ac:dyDescent="0.2">
      <c r="B37" s="261" t="s">
        <v>35</v>
      </c>
      <c r="C37" s="276">
        <v>0</v>
      </c>
      <c r="D37" s="280">
        <v>0</v>
      </c>
      <c r="E37" s="384">
        <v>0</v>
      </c>
      <c r="F37" s="279">
        <v>0</v>
      </c>
      <c r="G37" s="280">
        <v>4</v>
      </c>
      <c r="H37" s="280">
        <v>3</v>
      </c>
      <c r="I37" s="280">
        <v>2</v>
      </c>
      <c r="J37" s="280">
        <v>1</v>
      </c>
      <c r="K37" s="280">
        <v>0</v>
      </c>
      <c r="L37" s="281">
        <v>10</v>
      </c>
      <c r="M37" s="282">
        <v>1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2</v>
      </c>
      <c r="AD37" s="280">
        <v>0</v>
      </c>
      <c r="AE37" s="280">
        <v>1</v>
      </c>
      <c r="AF37" s="280">
        <v>2</v>
      </c>
      <c r="AG37" s="280">
        <v>0</v>
      </c>
      <c r="AH37" s="277">
        <v>5</v>
      </c>
      <c r="AI37" s="282">
        <v>5</v>
      </c>
      <c r="AJ37" s="276">
        <v>0</v>
      </c>
      <c r="AK37" s="280">
        <v>0</v>
      </c>
      <c r="AL37" s="277">
        <v>0</v>
      </c>
      <c r="AM37" s="279">
        <v>0</v>
      </c>
      <c r="AN37" s="280">
        <v>2</v>
      </c>
      <c r="AO37" s="280">
        <v>0</v>
      </c>
      <c r="AP37" s="280">
        <v>0</v>
      </c>
      <c r="AQ37" s="280">
        <v>0</v>
      </c>
      <c r="AR37" s="280">
        <v>0</v>
      </c>
      <c r="AS37" s="277">
        <v>2</v>
      </c>
      <c r="AT37" s="282">
        <v>2</v>
      </c>
      <c r="AU37" s="276">
        <v>3</v>
      </c>
      <c r="AV37" s="280">
        <v>0</v>
      </c>
      <c r="AW37" s="277">
        <v>3</v>
      </c>
      <c r="AX37" s="279">
        <v>0</v>
      </c>
      <c r="AY37" s="280">
        <v>4</v>
      </c>
      <c r="AZ37" s="280">
        <v>3</v>
      </c>
      <c r="BA37" s="280">
        <v>3</v>
      </c>
      <c r="BB37" s="280">
        <v>7</v>
      </c>
      <c r="BC37" s="280">
        <v>0</v>
      </c>
      <c r="BD37" s="281">
        <v>17</v>
      </c>
      <c r="BE37" s="282">
        <v>20</v>
      </c>
      <c r="BF37" s="276">
        <v>0</v>
      </c>
      <c r="BG37" s="280">
        <v>0</v>
      </c>
      <c r="BH37" s="277">
        <v>0</v>
      </c>
      <c r="BI37" s="279">
        <v>0</v>
      </c>
      <c r="BJ37" s="280">
        <v>4</v>
      </c>
      <c r="BK37" s="280">
        <v>2</v>
      </c>
      <c r="BL37" s="280">
        <v>1</v>
      </c>
      <c r="BM37" s="280">
        <v>1</v>
      </c>
      <c r="BN37" s="280">
        <v>0</v>
      </c>
      <c r="BO37" s="277">
        <v>8</v>
      </c>
      <c r="BP37" s="282">
        <v>8</v>
      </c>
      <c r="BQ37" s="276">
        <v>1</v>
      </c>
      <c r="BR37" s="280">
        <v>2</v>
      </c>
      <c r="BS37" s="277">
        <v>3</v>
      </c>
      <c r="BT37" s="279">
        <v>0</v>
      </c>
      <c r="BU37" s="280">
        <v>0</v>
      </c>
      <c r="BV37" s="280">
        <v>2</v>
      </c>
      <c r="BW37" s="280">
        <v>0</v>
      </c>
      <c r="BX37" s="280">
        <v>1</v>
      </c>
      <c r="BY37" s="280">
        <v>0</v>
      </c>
      <c r="BZ37" s="277">
        <v>3</v>
      </c>
      <c r="CA37" s="282">
        <v>6</v>
      </c>
      <c r="CB37" s="276">
        <v>0</v>
      </c>
      <c r="CC37" s="280">
        <v>0</v>
      </c>
      <c r="CD37" s="277">
        <v>0</v>
      </c>
      <c r="CE37" s="279">
        <v>0</v>
      </c>
      <c r="CF37" s="280">
        <v>0</v>
      </c>
      <c r="CG37" s="280">
        <v>0</v>
      </c>
      <c r="CH37" s="280">
        <v>0</v>
      </c>
      <c r="CI37" s="280">
        <v>1</v>
      </c>
      <c r="CJ37" s="280">
        <v>0</v>
      </c>
      <c r="CK37" s="277">
        <v>1</v>
      </c>
      <c r="CL37" s="282">
        <v>1</v>
      </c>
      <c r="CM37" s="276">
        <v>0</v>
      </c>
      <c r="CN37" s="280">
        <v>0</v>
      </c>
      <c r="CO37" s="277">
        <v>0</v>
      </c>
      <c r="CP37" s="279">
        <v>0</v>
      </c>
      <c r="CQ37" s="280">
        <v>1</v>
      </c>
      <c r="CR37" s="280">
        <v>0</v>
      </c>
      <c r="CS37" s="280">
        <v>0</v>
      </c>
      <c r="CT37" s="280">
        <v>0</v>
      </c>
      <c r="CU37" s="280">
        <v>0</v>
      </c>
      <c r="CV37" s="277">
        <v>1</v>
      </c>
      <c r="CW37" s="282">
        <v>1</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2</v>
      </c>
      <c r="DU37" s="280">
        <v>1</v>
      </c>
      <c r="DV37" s="277">
        <v>3</v>
      </c>
      <c r="DW37" s="279">
        <v>0</v>
      </c>
      <c r="DX37" s="280">
        <v>5</v>
      </c>
      <c r="DY37" s="280">
        <v>8</v>
      </c>
      <c r="DZ37" s="280">
        <v>2</v>
      </c>
      <c r="EA37" s="280">
        <v>3</v>
      </c>
      <c r="EB37" s="280">
        <v>0</v>
      </c>
      <c r="EC37" s="277">
        <v>18</v>
      </c>
      <c r="ED37" s="282">
        <v>21</v>
      </c>
      <c r="EE37" s="276">
        <v>3</v>
      </c>
      <c r="EF37" s="280">
        <v>0</v>
      </c>
      <c r="EG37" s="277">
        <v>3</v>
      </c>
      <c r="EH37" s="279">
        <v>0</v>
      </c>
      <c r="EI37" s="280">
        <v>3</v>
      </c>
      <c r="EJ37" s="280">
        <v>1</v>
      </c>
      <c r="EK37" s="280">
        <v>4</v>
      </c>
      <c r="EL37" s="280">
        <v>3</v>
      </c>
      <c r="EM37" s="280">
        <v>0</v>
      </c>
      <c r="EN37" s="277">
        <v>11</v>
      </c>
      <c r="EO37" s="282">
        <v>14</v>
      </c>
      <c r="EP37" s="276">
        <v>2</v>
      </c>
      <c r="EQ37" s="280">
        <v>3</v>
      </c>
      <c r="ER37" s="277">
        <v>5</v>
      </c>
      <c r="ES37" s="279">
        <v>0</v>
      </c>
      <c r="ET37" s="280">
        <v>12</v>
      </c>
      <c r="EU37" s="280">
        <v>9</v>
      </c>
      <c r="EV37" s="280">
        <v>2</v>
      </c>
      <c r="EW37" s="280">
        <v>4</v>
      </c>
      <c r="EX37" s="280">
        <v>0</v>
      </c>
      <c r="EY37" s="277">
        <v>27</v>
      </c>
      <c r="EZ37" s="282">
        <v>32</v>
      </c>
    </row>
    <row r="38" spans="2:156" ht="19.5" customHeight="1" x14ac:dyDescent="0.2">
      <c r="B38" s="261" t="s">
        <v>36</v>
      </c>
      <c r="C38" s="276">
        <v>0</v>
      </c>
      <c r="D38" s="280">
        <v>0</v>
      </c>
      <c r="E38" s="384">
        <v>0</v>
      </c>
      <c r="F38" s="279">
        <v>0</v>
      </c>
      <c r="G38" s="280">
        <v>2</v>
      </c>
      <c r="H38" s="280">
        <v>0</v>
      </c>
      <c r="I38" s="280">
        <v>0</v>
      </c>
      <c r="J38" s="280">
        <v>0</v>
      </c>
      <c r="K38" s="280">
        <v>0</v>
      </c>
      <c r="L38" s="281">
        <v>2</v>
      </c>
      <c r="M38" s="282">
        <v>2</v>
      </c>
      <c r="N38" s="276">
        <v>0</v>
      </c>
      <c r="O38" s="280">
        <v>0</v>
      </c>
      <c r="P38" s="277">
        <v>0</v>
      </c>
      <c r="Q38" s="279">
        <v>0</v>
      </c>
      <c r="R38" s="280">
        <v>0</v>
      </c>
      <c r="S38" s="280">
        <v>0</v>
      </c>
      <c r="T38" s="280">
        <v>0</v>
      </c>
      <c r="U38" s="280">
        <v>0</v>
      </c>
      <c r="V38" s="280">
        <v>0</v>
      </c>
      <c r="W38" s="277">
        <v>0</v>
      </c>
      <c r="X38" s="282">
        <v>0</v>
      </c>
      <c r="Y38" s="276">
        <v>0</v>
      </c>
      <c r="Z38" s="280">
        <v>3</v>
      </c>
      <c r="AA38" s="277">
        <v>3</v>
      </c>
      <c r="AB38" s="279">
        <v>0</v>
      </c>
      <c r="AC38" s="280">
        <v>4</v>
      </c>
      <c r="AD38" s="280">
        <v>3</v>
      </c>
      <c r="AE38" s="280">
        <v>2</v>
      </c>
      <c r="AF38" s="280">
        <v>0</v>
      </c>
      <c r="AG38" s="280">
        <v>0</v>
      </c>
      <c r="AH38" s="277">
        <v>9</v>
      </c>
      <c r="AI38" s="282">
        <v>12</v>
      </c>
      <c r="AJ38" s="276">
        <v>0</v>
      </c>
      <c r="AK38" s="280">
        <v>0</v>
      </c>
      <c r="AL38" s="277">
        <v>0</v>
      </c>
      <c r="AM38" s="279">
        <v>0</v>
      </c>
      <c r="AN38" s="280">
        <v>2</v>
      </c>
      <c r="AO38" s="280">
        <v>0</v>
      </c>
      <c r="AP38" s="280">
        <v>0</v>
      </c>
      <c r="AQ38" s="280">
        <v>0</v>
      </c>
      <c r="AR38" s="280">
        <v>0</v>
      </c>
      <c r="AS38" s="277">
        <v>2</v>
      </c>
      <c r="AT38" s="282">
        <v>2</v>
      </c>
      <c r="AU38" s="276">
        <v>0</v>
      </c>
      <c r="AV38" s="280">
        <v>0</v>
      </c>
      <c r="AW38" s="277">
        <v>0</v>
      </c>
      <c r="AX38" s="279">
        <v>0</v>
      </c>
      <c r="AY38" s="280">
        <v>1</v>
      </c>
      <c r="AZ38" s="280">
        <v>2</v>
      </c>
      <c r="BA38" s="280">
        <v>3</v>
      </c>
      <c r="BB38" s="280">
        <v>3</v>
      </c>
      <c r="BC38" s="280">
        <v>0</v>
      </c>
      <c r="BD38" s="281">
        <v>9</v>
      </c>
      <c r="BE38" s="282">
        <v>9</v>
      </c>
      <c r="BF38" s="276">
        <v>0</v>
      </c>
      <c r="BG38" s="280">
        <v>0</v>
      </c>
      <c r="BH38" s="277">
        <v>0</v>
      </c>
      <c r="BI38" s="279">
        <v>0</v>
      </c>
      <c r="BJ38" s="280">
        <v>2</v>
      </c>
      <c r="BK38" s="280">
        <v>2</v>
      </c>
      <c r="BL38" s="280">
        <v>2</v>
      </c>
      <c r="BM38" s="280">
        <v>1</v>
      </c>
      <c r="BN38" s="280">
        <v>1</v>
      </c>
      <c r="BO38" s="277">
        <v>8</v>
      </c>
      <c r="BP38" s="282">
        <v>8</v>
      </c>
      <c r="BQ38" s="276">
        <v>0</v>
      </c>
      <c r="BR38" s="280">
        <v>0</v>
      </c>
      <c r="BS38" s="277">
        <v>0</v>
      </c>
      <c r="BT38" s="279">
        <v>0</v>
      </c>
      <c r="BU38" s="280">
        <v>2</v>
      </c>
      <c r="BV38" s="280">
        <v>0</v>
      </c>
      <c r="BW38" s="280">
        <v>0</v>
      </c>
      <c r="BX38" s="280">
        <v>0</v>
      </c>
      <c r="BY38" s="280">
        <v>0</v>
      </c>
      <c r="BZ38" s="277">
        <v>2</v>
      </c>
      <c r="CA38" s="282">
        <v>2</v>
      </c>
      <c r="CB38" s="276">
        <v>0</v>
      </c>
      <c r="CC38" s="280">
        <v>0</v>
      </c>
      <c r="CD38" s="277">
        <v>0</v>
      </c>
      <c r="CE38" s="279">
        <v>0</v>
      </c>
      <c r="CF38" s="280">
        <v>0</v>
      </c>
      <c r="CG38" s="280">
        <v>1</v>
      </c>
      <c r="CH38" s="280">
        <v>0</v>
      </c>
      <c r="CI38" s="280">
        <v>1</v>
      </c>
      <c r="CJ38" s="280">
        <v>0</v>
      </c>
      <c r="CK38" s="277">
        <v>2</v>
      </c>
      <c r="CL38" s="282">
        <v>2</v>
      </c>
      <c r="CM38" s="276">
        <v>0</v>
      </c>
      <c r="CN38" s="280">
        <v>0</v>
      </c>
      <c r="CO38" s="277">
        <v>0</v>
      </c>
      <c r="CP38" s="279">
        <v>0</v>
      </c>
      <c r="CQ38" s="280">
        <v>1</v>
      </c>
      <c r="CR38" s="280">
        <v>0</v>
      </c>
      <c r="CS38" s="280">
        <v>0</v>
      </c>
      <c r="CT38" s="280">
        <v>0</v>
      </c>
      <c r="CU38" s="280">
        <v>0</v>
      </c>
      <c r="CV38" s="277">
        <v>1</v>
      </c>
      <c r="CW38" s="282">
        <v>1</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1</v>
      </c>
      <c r="DV38" s="277">
        <v>1</v>
      </c>
      <c r="DW38" s="279">
        <v>0</v>
      </c>
      <c r="DX38" s="280">
        <v>5</v>
      </c>
      <c r="DY38" s="280">
        <v>4</v>
      </c>
      <c r="DZ38" s="280">
        <v>3</v>
      </c>
      <c r="EA38" s="280">
        <v>2</v>
      </c>
      <c r="EB38" s="280">
        <v>1</v>
      </c>
      <c r="EC38" s="277">
        <v>15</v>
      </c>
      <c r="ED38" s="282">
        <v>16</v>
      </c>
      <c r="EE38" s="276">
        <v>0</v>
      </c>
      <c r="EF38" s="280">
        <v>0</v>
      </c>
      <c r="EG38" s="277">
        <v>0</v>
      </c>
      <c r="EH38" s="279">
        <v>0</v>
      </c>
      <c r="EI38" s="280">
        <v>0</v>
      </c>
      <c r="EJ38" s="280">
        <v>2</v>
      </c>
      <c r="EK38" s="280">
        <v>1</v>
      </c>
      <c r="EL38" s="280">
        <v>2</v>
      </c>
      <c r="EM38" s="280">
        <v>0</v>
      </c>
      <c r="EN38" s="277">
        <v>5</v>
      </c>
      <c r="EO38" s="282">
        <v>5</v>
      </c>
      <c r="EP38" s="276">
        <v>0</v>
      </c>
      <c r="EQ38" s="280">
        <v>4</v>
      </c>
      <c r="ER38" s="277">
        <v>4</v>
      </c>
      <c r="ES38" s="279">
        <v>0</v>
      </c>
      <c r="ET38" s="280">
        <v>9</v>
      </c>
      <c r="EU38" s="280">
        <v>4</v>
      </c>
      <c r="EV38" s="280">
        <v>3</v>
      </c>
      <c r="EW38" s="280">
        <v>3</v>
      </c>
      <c r="EX38" s="280">
        <v>1</v>
      </c>
      <c r="EY38" s="277">
        <v>20</v>
      </c>
      <c r="EZ38" s="282">
        <v>24</v>
      </c>
    </row>
    <row r="39" spans="2:156" ht="19.5" customHeight="1" thickBot="1" x14ac:dyDescent="0.25">
      <c r="B39" s="262" t="s">
        <v>37</v>
      </c>
      <c r="C39" s="283">
        <v>0</v>
      </c>
      <c r="D39" s="287">
        <v>0</v>
      </c>
      <c r="E39" s="385">
        <v>0</v>
      </c>
      <c r="F39" s="286">
        <v>0</v>
      </c>
      <c r="G39" s="287">
        <v>0</v>
      </c>
      <c r="H39" s="287">
        <v>0</v>
      </c>
      <c r="I39" s="287">
        <v>0</v>
      </c>
      <c r="J39" s="287">
        <v>0</v>
      </c>
      <c r="K39" s="287">
        <v>1</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1</v>
      </c>
      <c r="BD39" s="288">
        <v>2</v>
      </c>
      <c r="BE39" s="289">
        <v>2</v>
      </c>
      <c r="BF39" s="283">
        <v>0</v>
      </c>
      <c r="BG39" s="287">
        <v>0</v>
      </c>
      <c r="BH39" s="284">
        <v>0</v>
      </c>
      <c r="BI39" s="286">
        <v>0</v>
      </c>
      <c r="BJ39" s="287">
        <v>0</v>
      </c>
      <c r="BK39" s="287">
        <v>0</v>
      </c>
      <c r="BL39" s="287">
        <v>0</v>
      </c>
      <c r="BM39" s="287">
        <v>0</v>
      </c>
      <c r="BN39" s="287">
        <v>0</v>
      </c>
      <c r="BO39" s="284">
        <v>0</v>
      </c>
      <c r="BP39" s="289">
        <v>0</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1</v>
      </c>
      <c r="CK39" s="284">
        <v>1</v>
      </c>
      <c r="CL39" s="289">
        <v>1</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0</v>
      </c>
      <c r="DZ39" s="287">
        <v>0</v>
      </c>
      <c r="EA39" s="287">
        <v>0</v>
      </c>
      <c r="EB39" s="287">
        <v>1</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0</v>
      </c>
      <c r="EU39" s="287">
        <v>0</v>
      </c>
      <c r="EV39" s="287">
        <v>0</v>
      </c>
      <c r="EW39" s="287">
        <v>0</v>
      </c>
      <c r="EX39" s="287">
        <v>1</v>
      </c>
      <c r="EY39" s="284">
        <v>1</v>
      </c>
      <c r="EZ39" s="289">
        <v>2</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77734375" style="255" customWidth="1"/>
    <col min="18" max="27" width="9" style="255"/>
    <col min="28" max="28" width="6.88671875" style="255" customWidth="1"/>
    <col min="29" max="38" width="9" style="255"/>
    <col min="39" max="39" width="7.21875" style="255" customWidth="1"/>
    <col min="40" max="49" width="9" style="255"/>
    <col min="50" max="50" width="7.44140625" style="255" customWidth="1"/>
    <col min="51" max="60" width="9" style="255"/>
    <col min="61" max="61" width="7.6640625" style="255" customWidth="1"/>
    <col min="62" max="71" width="9" style="255"/>
    <col min="72" max="72" width="7.88671875" style="255" customWidth="1"/>
    <col min="73" max="82" width="9" style="255"/>
    <col min="83" max="83" width="7" style="255" customWidth="1"/>
    <col min="84" max="93" width="9" style="255"/>
    <col min="94" max="94" width="7.6640625" style="255" customWidth="1"/>
    <col min="95" max="16384" width="9" style="255"/>
  </cols>
  <sheetData>
    <row r="1" spans="2:112" ht="24" customHeight="1" x14ac:dyDescent="0.2">
      <c r="B1" s="290" t="s">
        <v>123</v>
      </c>
      <c r="J1" s="526">
        <f>第１表!F2</f>
        <v>4</v>
      </c>
      <c r="K1" s="526"/>
      <c r="L1" s="248">
        <f>第１表!G2</f>
        <v>10</v>
      </c>
      <c r="M1" s="531">
        <f>IF(L1&lt;3,L1+12-2,L1-2)</f>
        <v>8</v>
      </c>
      <c r="N1" s="531"/>
    </row>
    <row r="2" spans="2:112" ht="24" customHeight="1" thickBot="1" x14ac:dyDescent="0.25">
      <c r="B2" s="290" t="s">
        <v>139</v>
      </c>
    </row>
    <row r="3" spans="2:112" ht="13.8" thickBot="1" x14ac:dyDescent="0.25">
      <c r="B3" s="551"/>
      <c r="C3" s="554" t="s">
        <v>112</v>
      </c>
      <c r="D3" s="554"/>
      <c r="E3" s="554"/>
      <c r="F3" s="554"/>
      <c r="G3" s="554"/>
      <c r="H3" s="554"/>
      <c r="I3" s="554"/>
      <c r="J3" s="554"/>
      <c r="K3" s="554"/>
      <c r="L3" s="554"/>
      <c r="M3" s="555"/>
      <c r="N3" s="549" t="s">
        <v>111</v>
      </c>
      <c r="O3" s="549"/>
      <c r="P3" s="549"/>
      <c r="Q3" s="549"/>
      <c r="R3" s="549"/>
      <c r="S3" s="549"/>
      <c r="T3" s="549"/>
      <c r="U3" s="549"/>
      <c r="V3" s="549"/>
      <c r="W3" s="549"/>
      <c r="X3" s="550"/>
      <c r="Y3" s="548" t="s">
        <v>110</v>
      </c>
      <c r="Z3" s="549"/>
      <c r="AA3" s="549"/>
      <c r="AB3" s="549"/>
      <c r="AC3" s="549"/>
      <c r="AD3" s="549"/>
      <c r="AE3" s="549"/>
      <c r="AF3" s="549"/>
      <c r="AG3" s="549"/>
      <c r="AH3" s="549"/>
      <c r="AI3" s="550"/>
      <c r="AJ3" s="548" t="s">
        <v>109</v>
      </c>
      <c r="AK3" s="549"/>
      <c r="AL3" s="549"/>
      <c r="AM3" s="549"/>
      <c r="AN3" s="549"/>
      <c r="AO3" s="549"/>
      <c r="AP3" s="549"/>
      <c r="AQ3" s="549"/>
      <c r="AR3" s="549"/>
      <c r="AS3" s="549"/>
      <c r="AT3" s="550"/>
      <c r="AU3" s="548" t="s">
        <v>108</v>
      </c>
      <c r="AV3" s="549"/>
      <c r="AW3" s="549"/>
      <c r="AX3" s="549"/>
      <c r="AY3" s="549"/>
      <c r="AZ3" s="549"/>
      <c r="BA3" s="549"/>
      <c r="BB3" s="549"/>
      <c r="BC3" s="549"/>
      <c r="BD3" s="549"/>
      <c r="BE3" s="550"/>
      <c r="BF3" s="548" t="s">
        <v>107</v>
      </c>
      <c r="BG3" s="549"/>
      <c r="BH3" s="549"/>
      <c r="BI3" s="549"/>
      <c r="BJ3" s="549"/>
      <c r="BK3" s="549"/>
      <c r="BL3" s="549"/>
      <c r="BM3" s="549"/>
      <c r="BN3" s="549"/>
      <c r="BO3" s="549"/>
      <c r="BP3" s="550"/>
      <c r="BQ3" s="548" t="s">
        <v>106</v>
      </c>
      <c r="BR3" s="549"/>
      <c r="BS3" s="549"/>
      <c r="BT3" s="549"/>
      <c r="BU3" s="549"/>
      <c r="BV3" s="549"/>
      <c r="BW3" s="549"/>
      <c r="BX3" s="549"/>
      <c r="BY3" s="549"/>
      <c r="BZ3" s="549"/>
      <c r="CA3" s="550"/>
      <c r="CB3" s="548" t="s">
        <v>128</v>
      </c>
      <c r="CC3" s="549"/>
      <c r="CD3" s="549"/>
      <c r="CE3" s="549"/>
      <c r="CF3" s="549"/>
      <c r="CG3" s="549"/>
      <c r="CH3" s="549"/>
      <c r="CI3" s="549"/>
      <c r="CJ3" s="549"/>
      <c r="CK3" s="549"/>
      <c r="CL3" s="550"/>
      <c r="CM3" s="548" t="s">
        <v>105</v>
      </c>
      <c r="CN3" s="549"/>
      <c r="CO3" s="549"/>
      <c r="CP3" s="549"/>
      <c r="CQ3" s="549"/>
      <c r="CR3" s="549"/>
      <c r="CS3" s="549"/>
      <c r="CT3" s="549"/>
      <c r="CU3" s="549"/>
      <c r="CV3" s="549"/>
      <c r="CW3" s="550"/>
      <c r="CX3" s="548" t="s">
        <v>160</v>
      </c>
      <c r="CY3" s="549"/>
      <c r="CZ3" s="549"/>
      <c r="DA3" s="549"/>
      <c r="DB3" s="549"/>
      <c r="DC3" s="549"/>
      <c r="DD3" s="549"/>
      <c r="DE3" s="549"/>
      <c r="DF3" s="549"/>
      <c r="DG3" s="549"/>
      <c r="DH3" s="550"/>
    </row>
    <row r="4" spans="2:112" x14ac:dyDescent="0.2">
      <c r="B4" s="552"/>
      <c r="C4" s="556" t="s">
        <v>61</v>
      </c>
      <c r="D4" s="535"/>
      <c r="E4" s="536"/>
      <c r="F4" s="537" t="s">
        <v>62</v>
      </c>
      <c r="G4" s="535"/>
      <c r="H4" s="535"/>
      <c r="I4" s="535"/>
      <c r="J4" s="535"/>
      <c r="K4" s="535"/>
      <c r="L4" s="538"/>
      <c r="M4" s="532" t="s">
        <v>52</v>
      </c>
      <c r="N4" s="556" t="s">
        <v>61</v>
      </c>
      <c r="O4" s="535"/>
      <c r="P4" s="536"/>
      <c r="Q4" s="537" t="s">
        <v>62</v>
      </c>
      <c r="R4" s="535"/>
      <c r="S4" s="535"/>
      <c r="T4" s="535"/>
      <c r="U4" s="535"/>
      <c r="V4" s="535"/>
      <c r="W4" s="536"/>
      <c r="X4" s="532" t="s">
        <v>52</v>
      </c>
      <c r="Y4" s="534" t="s">
        <v>61</v>
      </c>
      <c r="Z4" s="535"/>
      <c r="AA4" s="538"/>
      <c r="AB4" s="537" t="s">
        <v>62</v>
      </c>
      <c r="AC4" s="535"/>
      <c r="AD4" s="535"/>
      <c r="AE4" s="535"/>
      <c r="AF4" s="535"/>
      <c r="AG4" s="535"/>
      <c r="AH4" s="536"/>
      <c r="AI4" s="532" t="s">
        <v>52</v>
      </c>
      <c r="AJ4" s="534" t="s">
        <v>61</v>
      </c>
      <c r="AK4" s="535"/>
      <c r="AL4" s="536"/>
      <c r="AM4" s="537" t="s">
        <v>62</v>
      </c>
      <c r="AN4" s="535"/>
      <c r="AO4" s="535"/>
      <c r="AP4" s="535"/>
      <c r="AQ4" s="535"/>
      <c r="AR4" s="535"/>
      <c r="AS4" s="536"/>
      <c r="AT4" s="532" t="s">
        <v>52</v>
      </c>
      <c r="AU4" s="534" t="s">
        <v>61</v>
      </c>
      <c r="AV4" s="535"/>
      <c r="AW4" s="538"/>
      <c r="AX4" s="537" t="s">
        <v>62</v>
      </c>
      <c r="AY4" s="535"/>
      <c r="AZ4" s="535"/>
      <c r="BA4" s="535"/>
      <c r="BB4" s="535"/>
      <c r="BC4" s="535"/>
      <c r="BD4" s="538"/>
      <c r="BE4" s="532" t="s">
        <v>52</v>
      </c>
      <c r="BF4" s="534" t="s">
        <v>61</v>
      </c>
      <c r="BG4" s="535"/>
      <c r="BH4" s="536"/>
      <c r="BI4" s="537" t="s">
        <v>62</v>
      </c>
      <c r="BJ4" s="535"/>
      <c r="BK4" s="535"/>
      <c r="BL4" s="535"/>
      <c r="BM4" s="535"/>
      <c r="BN4" s="535"/>
      <c r="BO4" s="536"/>
      <c r="BP4" s="532" t="s">
        <v>52</v>
      </c>
      <c r="BQ4" s="534" t="s">
        <v>61</v>
      </c>
      <c r="BR4" s="535"/>
      <c r="BS4" s="536"/>
      <c r="BT4" s="537" t="s">
        <v>62</v>
      </c>
      <c r="BU4" s="535"/>
      <c r="BV4" s="535"/>
      <c r="BW4" s="535"/>
      <c r="BX4" s="535"/>
      <c r="BY4" s="535"/>
      <c r="BZ4" s="536"/>
      <c r="CA4" s="532" t="s">
        <v>52</v>
      </c>
      <c r="CB4" s="534" t="s">
        <v>61</v>
      </c>
      <c r="CC4" s="535"/>
      <c r="CD4" s="536"/>
      <c r="CE4" s="537" t="s">
        <v>62</v>
      </c>
      <c r="CF4" s="535"/>
      <c r="CG4" s="535"/>
      <c r="CH4" s="535"/>
      <c r="CI4" s="535"/>
      <c r="CJ4" s="535"/>
      <c r="CK4" s="536"/>
      <c r="CL4" s="532" t="s">
        <v>52</v>
      </c>
      <c r="CM4" s="534" t="s">
        <v>61</v>
      </c>
      <c r="CN4" s="535"/>
      <c r="CO4" s="536"/>
      <c r="CP4" s="537" t="s">
        <v>62</v>
      </c>
      <c r="CQ4" s="535"/>
      <c r="CR4" s="535"/>
      <c r="CS4" s="535"/>
      <c r="CT4" s="535"/>
      <c r="CU4" s="535"/>
      <c r="CV4" s="536"/>
      <c r="CW4" s="532" t="s">
        <v>52</v>
      </c>
      <c r="CX4" s="534" t="s">
        <v>61</v>
      </c>
      <c r="CY4" s="535"/>
      <c r="CZ4" s="536"/>
      <c r="DA4" s="537" t="s">
        <v>62</v>
      </c>
      <c r="DB4" s="535"/>
      <c r="DC4" s="535"/>
      <c r="DD4" s="535"/>
      <c r="DE4" s="535"/>
      <c r="DF4" s="535"/>
      <c r="DG4" s="536"/>
      <c r="DH4" s="532" t="s">
        <v>52</v>
      </c>
    </row>
    <row r="5" spans="2:112" ht="28.5" customHeight="1" thickBot="1" x14ac:dyDescent="0.25">
      <c r="B5" s="553"/>
      <c r="C5" s="264" t="s">
        <v>43</v>
      </c>
      <c r="D5" s="259" t="s">
        <v>44</v>
      </c>
      <c r="E5" s="382" t="s">
        <v>45</v>
      </c>
      <c r="F5" s="267" t="s">
        <v>83</v>
      </c>
      <c r="G5" s="259" t="s">
        <v>47</v>
      </c>
      <c r="H5" s="259" t="s">
        <v>48</v>
      </c>
      <c r="I5" s="259" t="s">
        <v>49</v>
      </c>
      <c r="J5" s="259" t="s">
        <v>50</v>
      </c>
      <c r="K5" s="259" t="s">
        <v>51</v>
      </c>
      <c r="L5" s="268" t="s">
        <v>45</v>
      </c>
      <c r="M5" s="533"/>
      <c r="N5" s="264" t="s">
        <v>43</v>
      </c>
      <c r="O5" s="259" t="s">
        <v>44</v>
      </c>
      <c r="P5" s="265" t="s">
        <v>45</v>
      </c>
      <c r="Q5" s="267" t="s">
        <v>83</v>
      </c>
      <c r="R5" s="259" t="s">
        <v>47</v>
      </c>
      <c r="S5" s="259" t="s">
        <v>48</v>
      </c>
      <c r="T5" s="259" t="s">
        <v>49</v>
      </c>
      <c r="U5" s="259" t="s">
        <v>50</v>
      </c>
      <c r="V5" s="259" t="s">
        <v>51</v>
      </c>
      <c r="W5" s="265" t="s">
        <v>45</v>
      </c>
      <c r="X5" s="533"/>
      <c r="Y5" s="311" t="s">
        <v>43</v>
      </c>
      <c r="Z5" s="259" t="s">
        <v>44</v>
      </c>
      <c r="AA5" s="268" t="s">
        <v>45</v>
      </c>
      <c r="AB5" s="267" t="s">
        <v>83</v>
      </c>
      <c r="AC5" s="259" t="s">
        <v>47</v>
      </c>
      <c r="AD5" s="259" t="s">
        <v>48</v>
      </c>
      <c r="AE5" s="259" t="s">
        <v>49</v>
      </c>
      <c r="AF5" s="259" t="s">
        <v>50</v>
      </c>
      <c r="AG5" s="259" t="s">
        <v>51</v>
      </c>
      <c r="AH5" s="265" t="s">
        <v>45</v>
      </c>
      <c r="AI5" s="533"/>
      <c r="AJ5" s="263" t="s">
        <v>43</v>
      </c>
      <c r="AK5" s="259" t="s">
        <v>44</v>
      </c>
      <c r="AL5" s="265" t="s">
        <v>45</v>
      </c>
      <c r="AM5" s="267" t="s">
        <v>83</v>
      </c>
      <c r="AN5" s="259" t="s">
        <v>47</v>
      </c>
      <c r="AO5" s="259" t="s">
        <v>48</v>
      </c>
      <c r="AP5" s="259" t="s">
        <v>49</v>
      </c>
      <c r="AQ5" s="259" t="s">
        <v>50</v>
      </c>
      <c r="AR5" s="259" t="s">
        <v>51</v>
      </c>
      <c r="AS5" s="265" t="s">
        <v>45</v>
      </c>
      <c r="AT5" s="533"/>
      <c r="AU5" s="311" t="s">
        <v>43</v>
      </c>
      <c r="AV5" s="259" t="s">
        <v>44</v>
      </c>
      <c r="AW5" s="268" t="s">
        <v>45</v>
      </c>
      <c r="AX5" s="267" t="s">
        <v>83</v>
      </c>
      <c r="AY5" s="259" t="s">
        <v>47</v>
      </c>
      <c r="AZ5" s="259" t="s">
        <v>48</v>
      </c>
      <c r="BA5" s="259" t="s">
        <v>49</v>
      </c>
      <c r="BB5" s="259" t="s">
        <v>50</v>
      </c>
      <c r="BC5" s="259" t="s">
        <v>51</v>
      </c>
      <c r="BD5" s="268" t="s">
        <v>45</v>
      </c>
      <c r="BE5" s="533"/>
      <c r="BF5" s="311" t="s">
        <v>43</v>
      </c>
      <c r="BG5" s="259" t="s">
        <v>44</v>
      </c>
      <c r="BH5" s="265" t="s">
        <v>45</v>
      </c>
      <c r="BI5" s="267" t="s">
        <v>83</v>
      </c>
      <c r="BJ5" s="259" t="s">
        <v>47</v>
      </c>
      <c r="BK5" s="259" t="s">
        <v>48</v>
      </c>
      <c r="BL5" s="259" t="s">
        <v>49</v>
      </c>
      <c r="BM5" s="259" t="s">
        <v>50</v>
      </c>
      <c r="BN5" s="259" t="s">
        <v>51</v>
      </c>
      <c r="BO5" s="265" t="s">
        <v>45</v>
      </c>
      <c r="BP5" s="533"/>
      <c r="BQ5" s="311" t="s">
        <v>43</v>
      </c>
      <c r="BR5" s="259" t="s">
        <v>44</v>
      </c>
      <c r="BS5" s="265" t="s">
        <v>45</v>
      </c>
      <c r="BT5" s="267" t="s">
        <v>83</v>
      </c>
      <c r="BU5" s="259" t="s">
        <v>47</v>
      </c>
      <c r="BV5" s="259" t="s">
        <v>48</v>
      </c>
      <c r="BW5" s="259" t="s">
        <v>49</v>
      </c>
      <c r="BX5" s="259" t="s">
        <v>50</v>
      </c>
      <c r="BY5" s="259" t="s">
        <v>51</v>
      </c>
      <c r="BZ5" s="265" t="s">
        <v>45</v>
      </c>
      <c r="CA5" s="533"/>
      <c r="CB5" s="311" t="s">
        <v>43</v>
      </c>
      <c r="CC5" s="259" t="s">
        <v>44</v>
      </c>
      <c r="CD5" s="265" t="s">
        <v>45</v>
      </c>
      <c r="CE5" s="267" t="s">
        <v>83</v>
      </c>
      <c r="CF5" s="259" t="s">
        <v>47</v>
      </c>
      <c r="CG5" s="259" t="s">
        <v>48</v>
      </c>
      <c r="CH5" s="259" t="s">
        <v>49</v>
      </c>
      <c r="CI5" s="259" t="s">
        <v>50</v>
      </c>
      <c r="CJ5" s="259" t="s">
        <v>51</v>
      </c>
      <c r="CK5" s="265" t="s">
        <v>45</v>
      </c>
      <c r="CL5" s="533"/>
      <c r="CM5" s="311" t="s">
        <v>43</v>
      </c>
      <c r="CN5" s="259" t="s">
        <v>44</v>
      </c>
      <c r="CO5" s="265" t="s">
        <v>45</v>
      </c>
      <c r="CP5" s="267" t="s">
        <v>83</v>
      </c>
      <c r="CQ5" s="259" t="s">
        <v>47</v>
      </c>
      <c r="CR5" s="259" t="s">
        <v>48</v>
      </c>
      <c r="CS5" s="259" t="s">
        <v>49</v>
      </c>
      <c r="CT5" s="259" t="s">
        <v>50</v>
      </c>
      <c r="CU5" s="259" t="s">
        <v>51</v>
      </c>
      <c r="CV5" s="265" t="s">
        <v>45</v>
      </c>
      <c r="CW5" s="533"/>
      <c r="CX5" s="365" t="s">
        <v>43</v>
      </c>
      <c r="CY5" s="259" t="s">
        <v>44</v>
      </c>
      <c r="CZ5" s="265" t="s">
        <v>45</v>
      </c>
      <c r="DA5" s="267" t="s">
        <v>83</v>
      </c>
      <c r="DB5" s="259" t="s">
        <v>47</v>
      </c>
      <c r="DC5" s="259" t="s">
        <v>48</v>
      </c>
      <c r="DD5" s="259" t="s">
        <v>49</v>
      </c>
      <c r="DE5" s="259" t="s">
        <v>50</v>
      </c>
      <c r="DF5" s="259" t="s">
        <v>51</v>
      </c>
      <c r="DG5" s="265" t="s">
        <v>45</v>
      </c>
      <c r="DH5" s="533"/>
    </row>
    <row r="6" spans="2:112" ht="18.75" customHeight="1" x14ac:dyDescent="0.2">
      <c r="B6" s="260" t="s">
        <v>4</v>
      </c>
      <c r="C6" s="269">
        <v>0</v>
      </c>
      <c r="D6" s="273">
        <v>0</v>
      </c>
      <c r="E6" s="383">
        <v>0</v>
      </c>
      <c r="F6" s="272">
        <v>0</v>
      </c>
      <c r="G6" s="273">
        <v>213596</v>
      </c>
      <c r="H6" s="273">
        <v>335521</v>
      </c>
      <c r="I6" s="273">
        <v>344401</v>
      </c>
      <c r="J6" s="273">
        <v>417216</v>
      </c>
      <c r="K6" s="273">
        <v>400687</v>
      </c>
      <c r="L6" s="274">
        <v>1711421</v>
      </c>
      <c r="M6" s="275">
        <v>1711421</v>
      </c>
      <c r="N6" s="269">
        <v>9</v>
      </c>
      <c r="O6" s="273">
        <v>100</v>
      </c>
      <c r="P6" s="270">
        <v>109</v>
      </c>
      <c r="Q6" s="272">
        <v>0</v>
      </c>
      <c r="R6" s="273">
        <v>433</v>
      </c>
      <c r="S6" s="273">
        <v>1958</v>
      </c>
      <c r="T6" s="273">
        <v>3653</v>
      </c>
      <c r="U6" s="273">
        <v>9437</v>
      </c>
      <c r="V6" s="273">
        <v>18257</v>
      </c>
      <c r="W6" s="270">
        <v>33738</v>
      </c>
      <c r="X6" s="275">
        <v>33847</v>
      </c>
      <c r="Y6" s="269">
        <v>11828</v>
      </c>
      <c r="Z6" s="273">
        <v>38207</v>
      </c>
      <c r="AA6" s="270">
        <v>50035</v>
      </c>
      <c r="AB6" s="272">
        <v>0</v>
      </c>
      <c r="AC6" s="273">
        <v>102570</v>
      </c>
      <c r="AD6" s="273">
        <v>157720</v>
      </c>
      <c r="AE6" s="273">
        <v>100567</v>
      </c>
      <c r="AF6" s="273">
        <v>92130</v>
      </c>
      <c r="AG6" s="273">
        <v>77881</v>
      </c>
      <c r="AH6" s="270">
        <v>530868</v>
      </c>
      <c r="AI6" s="275">
        <v>580903</v>
      </c>
      <c r="AJ6" s="269">
        <v>2076</v>
      </c>
      <c r="AK6" s="273">
        <v>7797</v>
      </c>
      <c r="AL6" s="270">
        <v>9873</v>
      </c>
      <c r="AM6" s="272">
        <v>0</v>
      </c>
      <c r="AN6" s="273">
        <v>12559</v>
      </c>
      <c r="AO6" s="273">
        <v>21188</v>
      </c>
      <c r="AP6" s="273">
        <v>12946</v>
      </c>
      <c r="AQ6" s="273">
        <v>12383</v>
      </c>
      <c r="AR6" s="273">
        <v>7306</v>
      </c>
      <c r="AS6" s="270">
        <v>66382</v>
      </c>
      <c r="AT6" s="275">
        <v>76255</v>
      </c>
      <c r="AU6" s="269">
        <v>1</v>
      </c>
      <c r="AV6" s="273">
        <v>0</v>
      </c>
      <c r="AW6" s="270">
        <v>1</v>
      </c>
      <c r="AX6" s="272">
        <v>0</v>
      </c>
      <c r="AY6" s="273">
        <v>178666</v>
      </c>
      <c r="AZ6" s="273">
        <v>178463</v>
      </c>
      <c r="BA6" s="273">
        <v>110554</v>
      </c>
      <c r="BB6" s="273">
        <v>65684</v>
      </c>
      <c r="BC6" s="273">
        <v>31681</v>
      </c>
      <c r="BD6" s="274">
        <v>565048</v>
      </c>
      <c r="BE6" s="275">
        <v>565049</v>
      </c>
      <c r="BF6" s="269">
        <v>0</v>
      </c>
      <c r="BG6" s="273">
        <v>0</v>
      </c>
      <c r="BH6" s="270">
        <v>0</v>
      </c>
      <c r="BI6" s="272">
        <v>0</v>
      </c>
      <c r="BJ6" s="273">
        <v>28031</v>
      </c>
      <c r="BK6" s="273">
        <v>44040</v>
      </c>
      <c r="BL6" s="273">
        <v>26276</v>
      </c>
      <c r="BM6" s="273">
        <v>16805</v>
      </c>
      <c r="BN6" s="273">
        <v>6092</v>
      </c>
      <c r="BO6" s="270">
        <v>121244</v>
      </c>
      <c r="BP6" s="275">
        <v>121244</v>
      </c>
      <c r="BQ6" s="269">
        <v>256</v>
      </c>
      <c r="BR6" s="273">
        <v>1092</v>
      </c>
      <c r="BS6" s="270">
        <v>1348</v>
      </c>
      <c r="BT6" s="272">
        <v>0</v>
      </c>
      <c r="BU6" s="273">
        <v>14586</v>
      </c>
      <c r="BV6" s="273">
        <v>29686</v>
      </c>
      <c r="BW6" s="273">
        <v>50813</v>
      </c>
      <c r="BX6" s="273">
        <v>39826</v>
      </c>
      <c r="BY6" s="273">
        <v>19482</v>
      </c>
      <c r="BZ6" s="270">
        <v>154393</v>
      </c>
      <c r="CA6" s="275">
        <v>155741</v>
      </c>
      <c r="CB6" s="269">
        <v>6</v>
      </c>
      <c r="CC6" s="273">
        <v>76</v>
      </c>
      <c r="CD6" s="270">
        <v>82</v>
      </c>
      <c r="CE6" s="272">
        <v>0</v>
      </c>
      <c r="CF6" s="273">
        <v>1287</v>
      </c>
      <c r="CG6" s="273">
        <v>2601</v>
      </c>
      <c r="CH6" s="273">
        <v>3763</v>
      </c>
      <c r="CI6" s="273">
        <v>3189</v>
      </c>
      <c r="CJ6" s="273">
        <v>1975</v>
      </c>
      <c r="CK6" s="270">
        <v>12815</v>
      </c>
      <c r="CL6" s="275">
        <v>12897</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1</v>
      </c>
      <c r="DC6" s="273">
        <v>0</v>
      </c>
      <c r="DD6" s="273">
        <v>4</v>
      </c>
      <c r="DE6" s="273">
        <v>0</v>
      </c>
      <c r="DF6" s="273">
        <v>0</v>
      </c>
      <c r="DG6" s="270">
        <v>5</v>
      </c>
      <c r="DH6" s="275">
        <v>5</v>
      </c>
    </row>
    <row r="7" spans="2:112" ht="18.75" customHeight="1" x14ac:dyDescent="0.2">
      <c r="B7" s="261" t="s">
        <v>5</v>
      </c>
      <c r="C7" s="276">
        <v>0</v>
      </c>
      <c r="D7" s="280">
        <v>0</v>
      </c>
      <c r="E7" s="384">
        <v>0</v>
      </c>
      <c r="F7" s="279">
        <v>0</v>
      </c>
      <c r="G7" s="280">
        <v>72966</v>
      </c>
      <c r="H7" s="280">
        <v>145254</v>
      </c>
      <c r="I7" s="280">
        <v>128846</v>
      </c>
      <c r="J7" s="280">
        <v>144013</v>
      </c>
      <c r="K7" s="280">
        <v>146581</v>
      </c>
      <c r="L7" s="281">
        <v>637660</v>
      </c>
      <c r="M7" s="282">
        <v>637660</v>
      </c>
      <c r="N7" s="276">
        <v>4</v>
      </c>
      <c r="O7" s="280">
        <v>30</v>
      </c>
      <c r="P7" s="277">
        <v>34</v>
      </c>
      <c r="Q7" s="279">
        <v>0</v>
      </c>
      <c r="R7" s="280">
        <v>118</v>
      </c>
      <c r="S7" s="280">
        <v>788</v>
      </c>
      <c r="T7" s="280">
        <v>1331</v>
      </c>
      <c r="U7" s="280">
        <v>3828</v>
      </c>
      <c r="V7" s="280">
        <v>7991</v>
      </c>
      <c r="W7" s="277">
        <v>14056</v>
      </c>
      <c r="X7" s="282">
        <v>14090</v>
      </c>
      <c r="Y7" s="276">
        <v>5194</v>
      </c>
      <c r="Z7" s="280">
        <v>19327</v>
      </c>
      <c r="AA7" s="277">
        <v>24521</v>
      </c>
      <c r="AB7" s="279">
        <v>0</v>
      </c>
      <c r="AC7" s="280">
        <v>37756</v>
      </c>
      <c r="AD7" s="280">
        <v>83349</v>
      </c>
      <c r="AE7" s="280">
        <v>49521</v>
      </c>
      <c r="AF7" s="280">
        <v>43344</v>
      </c>
      <c r="AG7" s="280">
        <v>35323</v>
      </c>
      <c r="AH7" s="277">
        <v>249293</v>
      </c>
      <c r="AI7" s="282">
        <v>273814</v>
      </c>
      <c r="AJ7" s="276">
        <v>847</v>
      </c>
      <c r="AK7" s="280">
        <v>4104</v>
      </c>
      <c r="AL7" s="277">
        <v>4951</v>
      </c>
      <c r="AM7" s="279">
        <v>0</v>
      </c>
      <c r="AN7" s="280">
        <v>3061</v>
      </c>
      <c r="AO7" s="280">
        <v>8934</v>
      </c>
      <c r="AP7" s="280">
        <v>5016</v>
      </c>
      <c r="AQ7" s="280">
        <v>4971</v>
      </c>
      <c r="AR7" s="280">
        <v>2653</v>
      </c>
      <c r="AS7" s="277">
        <v>24635</v>
      </c>
      <c r="AT7" s="282">
        <v>29586</v>
      </c>
      <c r="AU7" s="276">
        <v>1</v>
      </c>
      <c r="AV7" s="280">
        <v>0</v>
      </c>
      <c r="AW7" s="277">
        <v>1</v>
      </c>
      <c r="AX7" s="279">
        <v>0</v>
      </c>
      <c r="AY7" s="280">
        <v>56283</v>
      </c>
      <c r="AZ7" s="280">
        <v>71302</v>
      </c>
      <c r="BA7" s="280">
        <v>39465</v>
      </c>
      <c r="BB7" s="280">
        <v>21833</v>
      </c>
      <c r="BC7" s="280">
        <v>10728</v>
      </c>
      <c r="BD7" s="281">
        <v>199611</v>
      </c>
      <c r="BE7" s="282">
        <v>199612</v>
      </c>
      <c r="BF7" s="276">
        <v>0</v>
      </c>
      <c r="BG7" s="280">
        <v>0</v>
      </c>
      <c r="BH7" s="277">
        <v>0</v>
      </c>
      <c r="BI7" s="279">
        <v>0</v>
      </c>
      <c r="BJ7" s="280">
        <v>7915</v>
      </c>
      <c r="BK7" s="280">
        <v>19944</v>
      </c>
      <c r="BL7" s="280">
        <v>11401</v>
      </c>
      <c r="BM7" s="280">
        <v>7156</v>
      </c>
      <c r="BN7" s="280">
        <v>2724</v>
      </c>
      <c r="BO7" s="277">
        <v>49140</v>
      </c>
      <c r="BP7" s="282">
        <v>49140</v>
      </c>
      <c r="BQ7" s="276">
        <v>109</v>
      </c>
      <c r="BR7" s="280">
        <v>475</v>
      </c>
      <c r="BS7" s="277">
        <v>584</v>
      </c>
      <c r="BT7" s="279">
        <v>0</v>
      </c>
      <c r="BU7" s="280">
        <v>4355</v>
      </c>
      <c r="BV7" s="280">
        <v>11957</v>
      </c>
      <c r="BW7" s="280">
        <v>19317</v>
      </c>
      <c r="BX7" s="280">
        <v>14857</v>
      </c>
      <c r="BY7" s="280">
        <v>7116</v>
      </c>
      <c r="BZ7" s="277">
        <v>57602</v>
      </c>
      <c r="CA7" s="282">
        <v>58186</v>
      </c>
      <c r="CB7" s="276">
        <v>0</v>
      </c>
      <c r="CC7" s="280">
        <v>59</v>
      </c>
      <c r="CD7" s="277">
        <v>59</v>
      </c>
      <c r="CE7" s="279">
        <v>0</v>
      </c>
      <c r="CF7" s="280">
        <v>730</v>
      </c>
      <c r="CG7" s="280">
        <v>1525</v>
      </c>
      <c r="CH7" s="280">
        <v>2304</v>
      </c>
      <c r="CI7" s="280">
        <v>1836</v>
      </c>
      <c r="CJ7" s="280">
        <v>1126</v>
      </c>
      <c r="CK7" s="277">
        <v>7521</v>
      </c>
      <c r="CL7" s="282">
        <v>7580</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4</v>
      </c>
      <c r="DE7" s="280">
        <v>0</v>
      </c>
      <c r="DF7" s="280">
        <v>0</v>
      </c>
      <c r="DG7" s="277">
        <v>4</v>
      </c>
      <c r="DH7" s="282">
        <v>4</v>
      </c>
    </row>
    <row r="8" spans="2:112" ht="18.75" customHeight="1" x14ac:dyDescent="0.2">
      <c r="B8" s="261" t="s">
        <v>6</v>
      </c>
      <c r="C8" s="276">
        <v>0</v>
      </c>
      <c r="D8" s="280">
        <v>0</v>
      </c>
      <c r="E8" s="384">
        <v>0</v>
      </c>
      <c r="F8" s="279">
        <v>0</v>
      </c>
      <c r="G8" s="280">
        <v>36875</v>
      </c>
      <c r="H8" s="280">
        <v>47535</v>
      </c>
      <c r="I8" s="280">
        <v>55742</v>
      </c>
      <c r="J8" s="280">
        <v>66059</v>
      </c>
      <c r="K8" s="280">
        <v>70451</v>
      </c>
      <c r="L8" s="281">
        <v>276662</v>
      </c>
      <c r="M8" s="282">
        <v>276662</v>
      </c>
      <c r="N8" s="276">
        <v>0</v>
      </c>
      <c r="O8" s="280">
        <v>26</v>
      </c>
      <c r="P8" s="277">
        <v>26</v>
      </c>
      <c r="Q8" s="279">
        <v>0</v>
      </c>
      <c r="R8" s="280">
        <v>54</v>
      </c>
      <c r="S8" s="280">
        <v>234</v>
      </c>
      <c r="T8" s="280">
        <v>465</v>
      </c>
      <c r="U8" s="280">
        <v>1315</v>
      </c>
      <c r="V8" s="280">
        <v>2553</v>
      </c>
      <c r="W8" s="277">
        <v>4621</v>
      </c>
      <c r="X8" s="282">
        <v>4647</v>
      </c>
      <c r="Y8" s="276">
        <v>1994</v>
      </c>
      <c r="Z8" s="280">
        <v>5654</v>
      </c>
      <c r="AA8" s="277">
        <v>7648</v>
      </c>
      <c r="AB8" s="279">
        <v>0</v>
      </c>
      <c r="AC8" s="280">
        <v>21949</v>
      </c>
      <c r="AD8" s="280">
        <v>22407</v>
      </c>
      <c r="AE8" s="280">
        <v>15435</v>
      </c>
      <c r="AF8" s="280">
        <v>15557</v>
      </c>
      <c r="AG8" s="280">
        <v>12767</v>
      </c>
      <c r="AH8" s="277">
        <v>88115</v>
      </c>
      <c r="AI8" s="282">
        <v>95763</v>
      </c>
      <c r="AJ8" s="276">
        <v>139</v>
      </c>
      <c r="AK8" s="280">
        <v>511</v>
      </c>
      <c r="AL8" s="277">
        <v>650</v>
      </c>
      <c r="AM8" s="279">
        <v>0</v>
      </c>
      <c r="AN8" s="280">
        <v>2096</v>
      </c>
      <c r="AO8" s="280">
        <v>2379</v>
      </c>
      <c r="AP8" s="280">
        <v>1616</v>
      </c>
      <c r="AQ8" s="280">
        <v>1561</v>
      </c>
      <c r="AR8" s="280">
        <v>891</v>
      </c>
      <c r="AS8" s="277">
        <v>8543</v>
      </c>
      <c r="AT8" s="282">
        <v>9193</v>
      </c>
      <c r="AU8" s="276">
        <v>0</v>
      </c>
      <c r="AV8" s="280">
        <v>0</v>
      </c>
      <c r="AW8" s="277">
        <v>0</v>
      </c>
      <c r="AX8" s="279">
        <v>0</v>
      </c>
      <c r="AY8" s="280">
        <v>31432</v>
      </c>
      <c r="AZ8" s="280">
        <v>23960</v>
      </c>
      <c r="BA8" s="280">
        <v>15374</v>
      </c>
      <c r="BB8" s="280">
        <v>10326</v>
      </c>
      <c r="BC8" s="280">
        <v>4958</v>
      </c>
      <c r="BD8" s="281">
        <v>86050</v>
      </c>
      <c r="BE8" s="282">
        <v>86050</v>
      </c>
      <c r="BF8" s="276">
        <v>0</v>
      </c>
      <c r="BG8" s="280">
        <v>0</v>
      </c>
      <c r="BH8" s="277">
        <v>0</v>
      </c>
      <c r="BI8" s="279">
        <v>0</v>
      </c>
      <c r="BJ8" s="280">
        <v>4102</v>
      </c>
      <c r="BK8" s="280">
        <v>4944</v>
      </c>
      <c r="BL8" s="280">
        <v>3641</v>
      </c>
      <c r="BM8" s="280">
        <v>2644</v>
      </c>
      <c r="BN8" s="280">
        <v>884</v>
      </c>
      <c r="BO8" s="277">
        <v>16215</v>
      </c>
      <c r="BP8" s="282">
        <v>16215</v>
      </c>
      <c r="BQ8" s="276">
        <v>21</v>
      </c>
      <c r="BR8" s="280">
        <v>85</v>
      </c>
      <c r="BS8" s="277">
        <v>106</v>
      </c>
      <c r="BT8" s="279">
        <v>0</v>
      </c>
      <c r="BU8" s="280">
        <v>2187</v>
      </c>
      <c r="BV8" s="280">
        <v>3287</v>
      </c>
      <c r="BW8" s="280">
        <v>5028</v>
      </c>
      <c r="BX8" s="280">
        <v>4535</v>
      </c>
      <c r="BY8" s="280">
        <v>2237</v>
      </c>
      <c r="BZ8" s="277">
        <v>17274</v>
      </c>
      <c r="CA8" s="282">
        <v>17380</v>
      </c>
      <c r="CB8" s="276">
        <v>0</v>
      </c>
      <c r="CC8" s="280">
        <v>3</v>
      </c>
      <c r="CD8" s="277">
        <v>3</v>
      </c>
      <c r="CE8" s="279">
        <v>0</v>
      </c>
      <c r="CF8" s="280">
        <v>86</v>
      </c>
      <c r="CG8" s="280">
        <v>307</v>
      </c>
      <c r="CH8" s="280">
        <v>456</v>
      </c>
      <c r="CI8" s="280">
        <v>468</v>
      </c>
      <c r="CJ8" s="280">
        <v>221</v>
      </c>
      <c r="CK8" s="277">
        <v>1538</v>
      </c>
      <c r="CL8" s="282">
        <v>1541</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18.75" customHeight="1" x14ac:dyDescent="0.2">
      <c r="B9" s="261" t="s">
        <v>14</v>
      </c>
      <c r="C9" s="276">
        <v>0</v>
      </c>
      <c r="D9" s="280">
        <v>0</v>
      </c>
      <c r="E9" s="384">
        <v>0</v>
      </c>
      <c r="F9" s="279">
        <v>0</v>
      </c>
      <c r="G9" s="280">
        <v>14176</v>
      </c>
      <c r="H9" s="280">
        <v>25469</v>
      </c>
      <c r="I9" s="280">
        <v>26805</v>
      </c>
      <c r="J9" s="280">
        <v>28417</v>
      </c>
      <c r="K9" s="280">
        <v>23440</v>
      </c>
      <c r="L9" s="281">
        <v>118307</v>
      </c>
      <c r="M9" s="282">
        <v>118307</v>
      </c>
      <c r="N9" s="276">
        <v>5</v>
      </c>
      <c r="O9" s="280">
        <v>14</v>
      </c>
      <c r="P9" s="277">
        <v>19</v>
      </c>
      <c r="Q9" s="279">
        <v>0</v>
      </c>
      <c r="R9" s="280">
        <v>27</v>
      </c>
      <c r="S9" s="280">
        <v>74</v>
      </c>
      <c r="T9" s="280">
        <v>279</v>
      </c>
      <c r="U9" s="280">
        <v>528</v>
      </c>
      <c r="V9" s="280">
        <v>1308</v>
      </c>
      <c r="W9" s="277">
        <v>2216</v>
      </c>
      <c r="X9" s="282">
        <v>2235</v>
      </c>
      <c r="Y9" s="276">
        <v>746</v>
      </c>
      <c r="Z9" s="280">
        <v>3226</v>
      </c>
      <c r="AA9" s="277">
        <v>3972</v>
      </c>
      <c r="AB9" s="279">
        <v>0</v>
      </c>
      <c r="AC9" s="280">
        <v>5373</v>
      </c>
      <c r="AD9" s="280">
        <v>10605</v>
      </c>
      <c r="AE9" s="280">
        <v>7540</v>
      </c>
      <c r="AF9" s="280">
        <v>7003</v>
      </c>
      <c r="AG9" s="280">
        <v>5833</v>
      </c>
      <c r="AH9" s="277">
        <v>36354</v>
      </c>
      <c r="AI9" s="282">
        <v>40326</v>
      </c>
      <c r="AJ9" s="276">
        <v>83</v>
      </c>
      <c r="AK9" s="280">
        <v>522</v>
      </c>
      <c r="AL9" s="277">
        <v>605</v>
      </c>
      <c r="AM9" s="279">
        <v>0</v>
      </c>
      <c r="AN9" s="280">
        <v>291</v>
      </c>
      <c r="AO9" s="280">
        <v>1039</v>
      </c>
      <c r="AP9" s="280">
        <v>624</v>
      </c>
      <c r="AQ9" s="280">
        <v>607</v>
      </c>
      <c r="AR9" s="280">
        <v>305</v>
      </c>
      <c r="AS9" s="277">
        <v>2866</v>
      </c>
      <c r="AT9" s="282">
        <v>3471</v>
      </c>
      <c r="AU9" s="276">
        <v>0</v>
      </c>
      <c r="AV9" s="280">
        <v>0</v>
      </c>
      <c r="AW9" s="277">
        <v>0</v>
      </c>
      <c r="AX9" s="279">
        <v>0</v>
      </c>
      <c r="AY9" s="280">
        <v>13241</v>
      </c>
      <c r="AZ9" s="280">
        <v>15827</v>
      </c>
      <c r="BA9" s="280">
        <v>11333</v>
      </c>
      <c r="BB9" s="280">
        <v>6936</v>
      </c>
      <c r="BC9" s="280">
        <v>3305</v>
      </c>
      <c r="BD9" s="281">
        <v>50642</v>
      </c>
      <c r="BE9" s="282">
        <v>50642</v>
      </c>
      <c r="BF9" s="276">
        <v>0</v>
      </c>
      <c r="BG9" s="280">
        <v>0</v>
      </c>
      <c r="BH9" s="277">
        <v>0</v>
      </c>
      <c r="BI9" s="279">
        <v>0</v>
      </c>
      <c r="BJ9" s="280">
        <v>988</v>
      </c>
      <c r="BK9" s="280">
        <v>2622</v>
      </c>
      <c r="BL9" s="280">
        <v>1777</v>
      </c>
      <c r="BM9" s="280">
        <v>1200</v>
      </c>
      <c r="BN9" s="280">
        <v>370</v>
      </c>
      <c r="BO9" s="277">
        <v>6957</v>
      </c>
      <c r="BP9" s="282">
        <v>6957</v>
      </c>
      <c r="BQ9" s="276">
        <v>17</v>
      </c>
      <c r="BR9" s="280">
        <v>98</v>
      </c>
      <c r="BS9" s="277">
        <v>115</v>
      </c>
      <c r="BT9" s="279">
        <v>0</v>
      </c>
      <c r="BU9" s="280">
        <v>909</v>
      </c>
      <c r="BV9" s="280">
        <v>2326</v>
      </c>
      <c r="BW9" s="280">
        <v>4541</v>
      </c>
      <c r="BX9" s="280">
        <v>3592</v>
      </c>
      <c r="BY9" s="280">
        <v>1691</v>
      </c>
      <c r="BZ9" s="277">
        <v>13059</v>
      </c>
      <c r="CA9" s="282">
        <v>13174</v>
      </c>
      <c r="CB9" s="276">
        <v>0</v>
      </c>
      <c r="CC9" s="280">
        <v>0</v>
      </c>
      <c r="CD9" s="277">
        <v>0</v>
      </c>
      <c r="CE9" s="279">
        <v>0</v>
      </c>
      <c r="CF9" s="280">
        <v>0</v>
      </c>
      <c r="CG9" s="280">
        <v>32</v>
      </c>
      <c r="CH9" s="280">
        <v>70</v>
      </c>
      <c r="CI9" s="280">
        <v>56</v>
      </c>
      <c r="CJ9" s="280">
        <v>44</v>
      </c>
      <c r="CK9" s="277">
        <v>202</v>
      </c>
      <c r="CL9" s="282">
        <v>202</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18.75" customHeight="1" x14ac:dyDescent="0.2">
      <c r="B10" s="261" t="s">
        <v>7</v>
      </c>
      <c r="C10" s="276">
        <v>0</v>
      </c>
      <c r="D10" s="280">
        <v>0</v>
      </c>
      <c r="E10" s="384">
        <v>0</v>
      </c>
      <c r="F10" s="279">
        <v>0</v>
      </c>
      <c r="G10" s="280">
        <v>17078</v>
      </c>
      <c r="H10" s="280">
        <v>18921</v>
      </c>
      <c r="I10" s="280">
        <v>19450</v>
      </c>
      <c r="J10" s="280">
        <v>29327</v>
      </c>
      <c r="K10" s="280">
        <v>24591</v>
      </c>
      <c r="L10" s="281">
        <v>109367</v>
      </c>
      <c r="M10" s="282">
        <v>109367</v>
      </c>
      <c r="N10" s="276">
        <v>0</v>
      </c>
      <c r="O10" s="280">
        <v>0</v>
      </c>
      <c r="P10" s="277">
        <v>0</v>
      </c>
      <c r="Q10" s="279">
        <v>0</v>
      </c>
      <c r="R10" s="280">
        <v>47</v>
      </c>
      <c r="S10" s="280">
        <v>192</v>
      </c>
      <c r="T10" s="280">
        <v>245</v>
      </c>
      <c r="U10" s="280">
        <v>670</v>
      </c>
      <c r="V10" s="280">
        <v>891</v>
      </c>
      <c r="W10" s="277">
        <v>2045</v>
      </c>
      <c r="X10" s="282">
        <v>2045</v>
      </c>
      <c r="Y10" s="276">
        <v>87</v>
      </c>
      <c r="Z10" s="280">
        <v>165</v>
      </c>
      <c r="AA10" s="277">
        <v>252</v>
      </c>
      <c r="AB10" s="279">
        <v>0</v>
      </c>
      <c r="AC10" s="280">
        <v>4177</v>
      </c>
      <c r="AD10" s="280">
        <v>4671</v>
      </c>
      <c r="AE10" s="280">
        <v>3176</v>
      </c>
      <c r="AF10" s="280">
        <v>3369</v>
      </c>
      <c r="AG10" s="280">
        <v>2828</v>
      </c>
      <c r="AH10" s="277">
        <v>18221</v>
      </c>
      <c r="AI10" s="282">
        <v>18473</v>
      </c>
      <c r="AJ10" s="276">
        <v>34</v>
      </c>
      <c r="AK10" s="280">
        <v>22</v>
      </c>
      <c r="AL10" s="277">
        <v>56</v>
      </c>
      <c r="AM10" s="279">
        <v>0</v>
      </c>
      <c r="AN10" s="280">
        <v>626</v>
      </c>
      <c r="AO10" s="280">
        <v>845</v>
      </c>
      <c r="AP10" s="280">
        <v>477</v>
      </c>
      <c r="AQ10" s="280">
        <v>598</v>
      </c>
      <c r="AR10" s="280">
        <v>348</v>
      </c>
      <c r="AS10" s="277">
        <v>2894</v>
      </c>
      <c r="AT10" s="282">
        <v>2950</v>
      </c>
      <c r="AU10" s="276">
        <v>0</v>
      </c>
      <c r="AV10" s="280">
        <v>0</v>
      </c>
      <c r="AW10" s="277">
        <v>0</v>
      </c>
      <c r="AX10" s="279">
        <v>0</v>
      </c>
      <c r="AY10" s="280">
        <v>12914</v>
      </c>
      <c r="AZ10" s="280">
        <v>8859</v>
      </c>
      <c r="BA10" s="280">
        <v>5092</v>
      </c>
      <c r="BB10" s="280">
        <v>2973</v>
      </c>
      <c r="BC10" s="280">
        <v>1235</v>
      </c>
      <c r="BD10" s="281">
        <v>31073</v>
      </c>
      <c r="BE10" s="282">
        <v>31073</v>
      </c>
      <c r="BF10" s="276">
        <v>0</v>
      </c>
      <c r="BG10" s="280">
        <v>0</v>
      </c>
      <c r="BH10" s="277">
        <v>0</v>
      </c>
      <c r="BI10" s="279">
        <v>0</v>
      </c>
      <c r="BJ10" s="280">
        <v>1896</v>
      </c>
      <c r="BK10" s="280">
        <v>1669</v>
      </c>
      <c r="BL10" s="280">
        <v>1021</v>
      </c>
      <c r="BM10" s="280">
        <v>446</v>
      </c>
      <c r="BN10" s="280">
        <v>154</v>
      </c>
      <c r="BO10" s="277">
        <v>5186</v>
      </c>
      <c r="BP10" s="282">
        <v>5186</v>
      </c>
      <c r="BQ10" s="276">
        <v>5</v>
      </c>
      <c r="BR10" s="280">
        <v>5</v>
      </c>
      <c r="BS10" s="277">
        <v>10</v>
      </c>
      <c r="BT10" s="279">
        <v>0</v>
      </c>
      <c r="BU10" s="280">
        <v>1351</v>
      </c>
      <c r="BV10" s="280">
        <v>1871</v>
      </c>
      <c r="BW10" s="280">
        <v>2426</v>
      </c>
      <c r="BX10" s="280">
        <v>1722</v>
      </c>
      <c r="BY10" s="280">
        <v>867</v>
      </c>
      <c r="BZ10" s="277">
        <v>8237</v>
      </c>
      <c r="CA10" s="282">
        <v>8247</v>
      </c>
      <c r="CB10" s="276">
        <v>0</v>
      </c>
      <c r="CC10" s="280">
        <v>0</v>
      </c>
      <c r="CD10" s="277">
        <v>0</v>
      </c>
      <c r="CE10" s="279">
        <v>0</v>
      </c>
      <c r="CF10" s="280">
        <v>72</v>
      </c>
      <c r="CG10" s="280">
        <v>104</v>
      </c>
      <c r="CH10" s="280">
        <v>158</v>
      </c>
      <c r="CI10" s="280">
        <v>52</v>
      </c>
      <c r="CJ10" s="280">
        <v>69</v>
      </c>
      <c r="CK10" s="277">
        <v>455</v>
      </c>
      <c r="CL10" s="282">
        <v>455</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18.75" customHeight="1" x14ac:dyDescent="0.2">
      <c r="B11" s="261" t="s">
        <v>8</v>
      </c>
      <c r="C11" s="276">
        <v>0</v>
      </c>
      <c r="D11" s="280">
        <v>0</v>
      </c>
      <c r="E11" s="384">
        <v>0</v>
      </c>
      <c r="F11" s="279">
        <v>0</v>
      </c>
      <c r="G11" s="280">
        <v>6393</v>
      </c>
      <c r="H11" s="280">
        <v>11420</v>
      </c>
      <c r="I11" s="280">
        <v>12956</v>
      </c>
      <c r="J11" s="280">
        <v>15874</v>
      </c>
      <c r="K11" s="280">
        <v>16347</v>
      </c>
      <c r="L11" s="281">
        <v>62990</v>
      </c>
      <c r="M11" s="282">
        <v>62990</v>
      </c>
      <c r="N11" s="276">
        <v>0</v>
      </c>
      <c r="O11" s="280">
        <v>0</v>
      </c>
      <c r="P11" s="277">
        <v>0</v>
      </c>
      <c r="Q11" s="279">
        <v>0</v>
      </c>
      <c r="R11" s="280">
        <v>10</v>
      </c>
      <c r="S11" s="280">
        <v>68</v>
      </c>
      <c r="T11" s="280">
        <v>131</v>
      </c>
      <c r="U11" s="280">
        <v>312</v>
      </c>
      <c r="V11" s="280">
        <v>525</v>
      </c>
      <c r="W11" s="277">
        <v>1046</v>
      </c>
      <c r="X11" s="282">
        <v>1046</v>
      </c>
      <c r="Y11" s="276">
        <v>220</v>
      </c>
      <c r="Z11" s="280">
        <v>439</v>
      </c>
      <c r="AA11" s="277">
        <v>659</v>
      </c>
      <c r="AB11" s="279">
        <v>0</v>
      </c>
      <c r="AC11" s="280">
        <v>1684</v>
      </c>
      <c r="AD11" s="280">
        <v>2608</v>
      </c>
      <c r="AE11" s="280">
        <v>1744</v>
      </c>
      <c r="AF11" s="280">
        <v>1780</v>
      </c>
      <c r="AG11" s="280">
        <v>1733</v>
      </c>
      <c r="AH11" s="277">
        <v>9549</v>
      </c>
      <c r="AI11" s="282">
        <v>10208</v>
      </c>
      <c r="AJ11" s="276">
        <v>76</v>
      </c>
      <c r="AK11" s="280">
        <v>178</v>
      </c>
      <c r="AL11" s="277">
        <v>254</v>
      </c>
      <c r="AM11" s="279">
        <v>0</v>
      </c>
      <c r="AN11" s="280">
        <v>527</v>
      </c>
      <c r="AO11" s="280">
        <v>864</v>
      </c>
      <c r="AP11" s="280">
        <v>661</v>
      </c>
      <c r="AQ11" s="280">
        <v>553</v>
      </c>
      <c r="AR11" s="280">
        <v>313</v>
      </c>
      <c r="AS11" s="277">
        <v>2918</v>
      </c>
      <c r="AT11" s="282">
        <v>3172</v>
      </c>
      <c r="AU11" s="276">
        <v>0</v>
      </c>
      <c r="AV11" s="280">
        <v>0</v>
      </c>
      <c r="AW11" s="277">
        <v>0</v>
      </c>
      <c r="AX11" s="279">
        <v>0</v>
      </c>
      <c r="AY11" s="280">
        <v>4888</v>
      </c>
      <c r="AZ11" s="280">
        <v>5481</v>
      </c>
      <c r="BA11" s="280">
        <v>3745</v>
      </c>
      <c r="BB11" s="280">
        <v>2073</v>
      </c>
      <c r="BC11" s="280">
        <v>1443</v>
      </c>
      <c r="BD11" s="281">
        <v>17630</v>
      </c>
      <c r="BE11" s="282">
        <v>17630</v>
      </c>
      <c r="BF11" s="276">
        <v>0</v>
      </c>
      <c r="BG11" s="280">
        <v>0</v>
      </c>
      <c r="BH11" s="277">
        <v>0</v>
      </c>
      <c r="BI11" s="279">
        <v>0</v>
      </c>
      <c r="BJ11" s="280">
        <v>666</v>
      </c>
      <c r="BK11" s="280">
        <v>1180</v>
      </c>
      <c r="BL11" s="280">
        <v>606</v>
      </c>
      <c r="BM11" s="280">
        <v>386</v>
      </c>
      <c r="BN11" s="280">
        <v>113</v>
      </c>
      <c r="BO11" s="277">
        <v>2951</v>
      </c>
      <c r="BP11" s="282">
        <v>2951</v>
      </c>
      <c r="BQ11" s="276">
        <v>15</v>
      </c>
      <c r="BR11" s="280">
        <v>29</v>
      </c>
      <c r="BS11" s="277">
        <v>44</v>
      </c>
      <c r="BT11" s="279">
        <v>0</v>
      </c>
      <c r="BU11" s="280">
        <v>422</v>
      </c>
      <c r="BV11" s="280">
        <v>1171</v>
      </c>
      <c r="BW11" s="280">
        <v>2675</v>
      </c>
      <c r="BX11" s="280">
        <v>1489</v>
      </c>
      <c r="BY11" s="280">
        <v>916</v>
      </c>
      <c r="BZ11" s="277">
        <v>6673</v>
      </c>
      <c r="CA11" s="282">
        <v>6717</v>
      </c>
      <c r="CB11" s="276">
        <v>0</v>
      </c>
      <c r="CC11" s="280">
        <v>0</v>
      </c>
      <c r="CD11" s="277">
        <v>0</v>
      </c>
      <c r="CE11" s="279">
        <v>0</v>
      </c>
      <c r="CF11" s="280">
        <v>0</v>
      </c>
      <c r="CG11" s="280">
        <v>39</v>
      </c>
      <c r="CH11" s="280">
        <v>48</v>
      </c>
      <c r="CI11" s="280">
        <v>32</v>
      </c>
      <c r="CJ11" s="280">
        <v>0</v>
      </c>
      <c r="CK11" s="277">
        <v>119</v>
      </c>
      <c r="CL11" s="282">
        <v>119</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18.75" customHeight="1" x14ac:dyDescent="0.2">
      <c r="B12" s="261" t="s">
        <v>9</v>
      </c>
      <c r="C12" s="276">
        <v>0</v>
      </c>
      <c r="D12" s="280">
        <v>0</v>
      </c>
      <c r="E12" s="384">
        <v>0</v>
      </c>
      <c r="F12" s="279">
        <v>0</v>
      </c>
      <c r="G12" s="280">
        <v>6128</v>
      </c>
      <c r="H12" s="280">
        <v>8264</v>
      </c>
      <c r="I12" s="280">
        <v>10217</v>
      </c>
      <c r="J12" s="280">
        <v>15021</v>
      </c>
      <c r="K12" s="280">
        <v>14694</v>
      </c>
      <c r="L12" s="281">
        <v>54324</v>
      </c>
      <c r="M12" s="282">
        <v>54324</v>
      </c>
      <c r="N12" s="276">
        <v>0</v>
      </c>
      <c r="O12" s="280">
        <v>0</v>
      </c>
      <c r="P12" s="277">
        <v>0</v>
      </c>
      <c r="Q12" s="279">
        <v>0</v>
      </c>
      <c r="R12" s="280">
        <v>27</v>
      </c>
      <c r="S12" s="280">
        <v>15</v>
      </c>
      <c r="T12" s="280">
        <v>68</v>
      </c>
      <c r="U12" s="280">
        <v>263</v>
      </c>
      <c r="V12" s="280">
        <v>500</v>
      </c>
      <c r="W12" s="277">
        <v>873</v>
      </c>
      <c r="X12" s="282">
        <v>873</v>
      </c>
      <c r="Y12" s="276">
        <v>200</v>
      </c>
      <c r="Z12" s="280">
        <v>407</v>
      </c>
      <c r="AA12" s="277">
        <v>607</v>
      </c>
      <c r="AB12" s="279">
        <v>0</v>
      </c>
      <c r="AC12" s="280">
        <v>3353</v>
      </c>
      <c r="AD12" s="280">
        <v>3005</v>
      </c>
      <c r="AE12" s="280">
        <v>2128</v>
      </c>
      <c r="AF12" s="280">
        <v>2367</v>
      </c>
      <c r="AG12" s="280">
        <v>2316</v>
      </c>
      <c r="AH12" s="277">
        <v>13169</v>
      </c>
      <c r="AI12" s="282">
        <v>13776</v>
      </c>
      <c r="AJ12" s="276">
        <v>18</v>
      </c>
      <c r="AK12" s="280">
        <v>156</v>
      </c>
      <c r="AL12" s="277">
        <v>174</v>
      </c>
      <c r="AM12" s="279">
        <v>0</v>
      </c>
      <c r="AN12" s="280">
        <v>524</v>
      </c>
      <c r="AO12" s="280">
        <v>632</v>
      </c>
      <c r="AP12" s="280">
        <v>576</v>
      </c>
      <c r="AQ12" s="280">
        <v>559</v>
      </c>
      <c r="AR12" s="280">
        <v>503</v>
      </c>
      <c r="AS12" s="277">
        <v>2794</v>
      </c>
      <c r="AT12" s="282">
        <v>2968</v>
      </c>
      <c r="AU12" s="276">
        <v>0</v>
      </c>
      <c r="AV12" s="280">
        <v>0</v>
      </c>
      <c r="AW12" s="277">
        <v>0</v>
      </c>
      <c r="AX12" s="279">
        <v>0</v>
      </c>
      <c r="AY12" s="280">
        <v>3996</v>
      </c>
      <c r="AZ12" s="280">
        <v>3216</v>
      </c>
      <c r="BA12" s="280">
        <v>2069</v>
      </c>
      <c r="BB12" s="280">
        <v>1430</v>
      </c>
      <c r="BC12" s="280">
        <v>472</v>
      </c>
      <c r="BD12" s="281">
        <v>11183</v>
      </c>
      <c r="BE12" s="282">
        <v>11183</v>
      </c>
      <c r="BF12" s="276">
        <v>0</v>
      </c>
      <c r="BG12" s="280">
        <v>0</v>
      </c>
      <c r="BH12" s="277">
        <v>0</v>
      </c>
      <c r="BI12" s="279">
        <v>0</v>
      </c>
      <c r="BJ12" s="280">
        <v>821</v>
      </c>
      <c r="BK12" s="280">
        <v>912</v>
      </c>
      <c r="BL12" s="280">
        <v>554</v>
      </c>
      <c r="BM12" s="280">
        <v>491</v>
      </c>
      <c r="BN12" s="280">
        <v>132</v>
      </c>
      <c r="BO12" s="277">
        <v>2910</v>
      </c>
      <c r="BP12" s="282">
        <v>2910</v>
      </c>
      <c r="BQ12" s="276">
        <v>8</v>
      </c>
      <c r="BR12" s="280">
        <v>17</v>
      </c>
      <c r="BS12" s="277">
        <v>25</v>
      </c>
      <c r="BT12" s="279">
        <v>0</v>
      </c>
      <c r="BU12" s="280">
        <v>364</v>
      </c>
      <c r="BV12" s="280">
        <v>953</v>
      </c>
      <c r="BW12" s="280">
        <v>1392</v>
      </c>
      <c r="BX12" s="280">
        <v>1181</v>
      </c>
      <c r="BY12" s="280">
        <v>571</v>
      </c>
      <c r="BZ12" s="277">
        <v>4461</v>
      </c>
      <c r="CA12" s="282">
        <v>4486</v>
      </c>
      <c r="CB12" s="276">
        <v>6</v>
      </c>
      <c r="CC12" s="280">
        <v>0</v>
      </c>
      <c r="CD12" s="277">
        <v>6</v>
      </c>
      <c r="CE12" s="279">
        <v>0</v>
      </c>
      <c r="CF12" s="280">
        <v>44</v>
      </c>
      <c r="CG12" s="280">
        <v>89</v>
      </c>
      <c r="CH12" s="280">
        <v>78</v>
      </c>
      <c r="CI12" s="280">
        <v>87</v>
      </c>
      <c r="CJ12" s="280">
        <v>125</v>
      </c>
      <c r="CK12" s="277">
        <v>423</v>
      </c>
      <c r="CL12" s="282">
        <v>429</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18.75" customHeight="1" x14ac:dyDescent="0.2">
      <c r="B13" s="261" t="s">
        <v>10</v>
      </c>
      <c r="C13" s="276">
        <v>0</v>
      </c>
      <c r="D13" s="280">
        <v>0</v>
      </c>
      <c r="E13" s="384">
        <v>0</v>
      </c>
      <c r="F13" s="279">
        <v>0</v>
      </c>
      <c r="G13" s="280">
        <v>17626</v>
      </c>
      <c r="H13" s="280">
        <v>15569</v>
      </c>
      <c r="I13" s="280">
        <v>17561</v>
      </c>
      <c r="J13" s="280">
        <v>25772</v>
      </c>
      <c r="K13" s="280">
        <v>22137</v>
      </c>
      <c r="L13" s="281">
        <v>98665</v>
      </c>
      <c r="M13" s="282">
        <v>98665</v>
      </c>
      <c r="N13" s="276">
        <v>0</v>
      </c>
      <c r="O13" s="280">
        <v>0</v>
      </c>
      <c r="P13" s="277">
        <v>0</v>
      </c>
      <c r="Q13" s="279">
        <v>0</v>
      </c>
      <c r="R13" s="280">
        <v>30</v>
      </c>
      <c r="S13" s="280">
        <v>120</v>
      </c>
      <c r="T13" s="280">
        <v>179</v>
      </c>
      <c r="U13" s="280">
        <v>459</v>
      </c>
      <c r="V13" s="280">
        <v>819</v>
      </c>
      <c r="W13" s="277">
        <v>1607</v>
      </c>
      <c r="X13" s="282">
        <v>1607</v>
      </c>
      <c r="Y13" s="276">
        <v>828</v>
      </c>
      <c r="Z13" s="280">
        <v>2237</v>
      </c>
      <c r="AA13" s="277">
        <v>3065</v>
      </c>
      <c r="AB13" s="279">
        <v>0</v>
      </c>
      <c r="AC13" s="280">
        <v>7275</v>
      </c>
      <c r="AD13" s="280">
        <v>5337</v>
      </c>
      <c r="AE13" s="280">
        <v>3337</v>
      </c>
      <c r="AF13" s="280">
        <v>3118</v>
      </c>
      <c r="AG13" s="280">
        <v>3306</v>
      </c>
      <c r="AH13" s="277">
        <v>22373</v>
      </c>
      <c r="AI13" s="282">
        <v>25438</v>
      </c>
      <c r="AJ13" s="276">
        <v>203</v>
      </c>
      <c r="AK13" s="280">
        <v>389</v>
      </c>
      <c r="AL13" s="277">
        <v>592</v>
      </c>
      <c r="AM13" s="279">
        <v>0</v>
      </c>
      <c r="AN13" s="280">
        <v>1145</v>
      </c>
      <c r="AO13" s="280">
        <v>1141</v>
      </c>
      <c r="AP13" s="280">
        <v>552</v>
      </c>
      <c r="AQ13" s="280">
        <v>436</v>
      </c>
      <c r="AR13" s="280">
        <v>558</v>
      </c>
      <c r="AS13" s="277">
        <v>3832</v>
      </c>
      <c r="AT13" s="282">
        <v>4424</v>
      </c>
      <c r="AU13" s="276">
        <v>0</v>
      </c>
      <c r="AV13" s="280">
        <v>0</v>
      </c>
      <c r="AW13" s="277">
        <v>0</v>
      </c>
      <c r="AX13" s="279">
        <v>0</v>
      </c>
      <c r="AY13" s="280">
        <v>12637</v>
      </c>
      <c r="AZ13" s="280">
        <v>7422</v>
      </c>
      <c r="BA13" s="280">
        <v>5071</v>
      </c>
      <c r="BB13" s="280">
        <v>2749</v>
      </c>
      <c r="BC13" s="280">
        <v>1407</v>
      </c>
      <c r="BD13" s="281">
        <v>29286</v>
      </c>
      <c r="BE13" s="282">
        <v>29286</v>
      </c>
      <c r="BF13" s="276">
        <v>0</v>
      </c>
      <c r="BG13" s="280">
        <v>0</v>
      </c>
      <c r="BH13" s="277">
        <v>0</v>
      </c>
      <c r="BI13" s="279">
        <v>0</v>
      </c>
      <c r="BJ13" s="280">
        <v>1742</v>
      </c>
      <c r="BK13" s="280">
        <v>1155</v>
      </c>
      <c r="BL13" s="280">
        <v>676</v>
      </c>
      <c r="BM13" s="280">
        <v>406</v>
      </c>
      <c r="BN13" s="280">
        <v>150</v>
      </c>
      <c r="BO13" s="277">
        <v>4129</v>
      </c>
      <c r="BP13" s="282">
        <v>4129</v>
      </c>
      <c r="BQ13" s="276">
        <v>34</v>
      </c>
      <c r="BR13" s="280">
        <v>102</v>
      </c>
      <c r="BS13" s="277">
        <v>136</v>
      </c>
      <c r="BT13" s="279">
        <v>0</v>
      </c>
      <c r="BU13" s="280">
        <v>1252</v>
      </c>
      <c r="BV13" s="280">
        <v>1557</v>
      </c>
      <c r="BW13" s="280">
        <v>2354</v>
      </c>
      <c r="BX13" s="280">
        <v>1750</v>
      </c>
      <c r="BY13" s="280">
        <v>1144</v>
      </c>
      <c r="BZ13" s="277">
        <v>8057</v>
      </c>
      <c r="CA13" s="282">
        <v>8193</v>
      </c>
      <c r="CB13" s="276">
        <v>0</v>
      </c>
      <c r="CC13" s="280">
        <v>8</v>
      </c>
      <c r="CD13" s="277">
        <v>8</v>
      </c>
      <c r="CE13" s="279">
        <v>0</v>
      </c>
      <c r="CF13" s="280">
        <v>70</v>
      </c>
      <c r="CG13" s="280">
        <v>51</v>
      </c>
      <c r="CH13" s="280">
        <v>95</v>
      </c>
      <c r="CI13" s="280">
        <v>64</v>
      </c>
      <c r="CJ13" s="280">
        <v>28</v>
      </c>
      <c r="CK13" s="277">
        <v>308</v>
      </c>
      <c r="CL13" s="282">
        <v>316</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18.75" customHeight="1" x14ac:dyDescent="0.2">
      <c r="B14" s="261" t="s">
        <v>11</v>
      </c>
      <c r="C14" s="276">
        <v>0</v>
      </c>
      <c r="D14" s="280">
        <v>0</v>
      </c>
      <c r="E14" s="384">
        <v>0</v>
      </c>
      <c r="F14" s="279">
        <v>0</v>
      </c>
      <c r="G14" s="280">
        <v>6452</v>
      </c>
      <c r="H14" s="280">
        <v>7123</v>
      </c>
      <c r="I14" s="280">
        <v>9077</v>
      </c>
      <c r="J14" s="280">
        <v>10262</v>
      </c>
      <c r="K14" s="280">
        <v>9323</v>
      </c>
      <c r="L14" s="281">
        <v>42237</v>
      </c>
      <c r="M14" s="282">
        <v>42237</v>
      </c>
      <c r="N14" s="276">
        <v>0</v>
      </c>
      <c r="O14" s="280">
        <v>5</v>
      </c>
      <c r="P14" s="277">
        <v>5</v>
      </c>
      <c r="Q14" s="279">
        <v>0</v>
      </c>
      <c r="R14" s="280">
        <v>8</v>
      </c>
      <c r="S14" s="280">
        <v>55</v>
      </c>
      <c r="T14" s="280">
        <v>139</v>
      </c>
      <c r="U14" s="280">
        <v>233</v>
      </c>
      <c r="V14" s="280">
        <v>329</v>
      </c>
      <c r="W14" s="277">
        <v>764</v>
      </c>
      <c r="X14" s="282">
        <v>769</v>
      </c>
      <c r="Y14" s="276">
        <v>200</v>
      </c>
      <c r="Z14" s="280">
        <v>486</v>
      </c>
      <c r="AA14" s="277">
        <v>686</v>
      </c>
      <c r="AB14" s="279">
        <v>0</v>
      </c>
      <c r="AC14" s="280">
        <v>2553</v>
      </c>
      <c r="AD14" s="280">
        <v>1980</v>
      </c>
      <c r="AE14" s="280">
        <v>1859</v>
      </c>
      <c r="AF14" s="280">
        <v>1656</v>
      </c>
      <c r="AG14" s="280">
        <v>1604</v>
      </c>
      <c r="AH14" s="277">
        <v>9652</v>
      </c>
      <c r="AI14" s="282">
        <v>10338</v>
      </c>
      <c r="AJ14" s="276">
        <v>18</v>
      </c>
      <c r="AK14" s="280">
        <v>81</v>
      </c>
      <c r="AL14" s="277">
        <v>99</v>
      </c>
      <c r="AM14" s="279">
        <v>0</v>
      </c>
      <c r="AN14" s="280">
        <v>532</v>
      </c>
      <c r="AO14" s="280">
        <v>310</v>
      </c>
      <c r="AP14" s="280">
        <v>397</v>
      </c>
      <c r="AQ14" s="280">
        <v>279</v>
      </c>
      <c r="AR14" s="280">
        <v>58</v>
      </c>
      <c r="AS14" s="277">
        <v>1576</v>
      </c>
      <c r="AT14" s="282">
        <v>1675</v>
      </c>
      <c r="AU14" s="276">
        <v>0</v>
      </c>
      <c r="AV14" s="280">
        <v>0</v>
      </c>
      <c r="AW14" s="277">
        <v>0</v>
      </c>
      <c r="AX14" s="279">
        <v>0</v>
      </c>
      <c r="AY14" s="280">
        <v>6522</v>
      </c>
      <c r="AZ14" s="280">
        <v>3746</v>
      </c>
      <c r="BA14" s="280">
        <v>3128</v>
      </c>
      <c r="BB14" s="280">
        <v>1863</v>
      </c>
      <c r="BC14" s="280">
        <v>956</v>
      </c>
      <c r="BD14" s="281">
        <v>16215</v>
      </c>
      <c r="BE14" s="282">
        <v>16215</v>
      </c>
      <c r="BF14" s="276">
        <v>0</v>
      </c>
      <c r="BG14" s="280">
        <v>0</v>
      </c>
      <c r="BH14" s="277">
        <v>0</v>
      </c>
      <c r="BI14" s="279">
        <v>0</v>
      </c>
      <c r="BJ14" s="280">
        <v>1221</v>
      </c>
      <c r="BK14" s="280">
        <v>759</v>
      </c>
      <c r="BL14" s="280">
        <v>588</v>
      </c>
      <c r="BM14" s="280">
        <v>366</v>
      </c>
      <c r="BN14" s="280">
        <v>108</v>
      </c>
      <c r="BO14" s="277">
        <v>3042</v>
      </c>
      <c r="BP14" s="282">
        <v>3042</v>
      </c>
      <c r="BQ14" s="276">
        <v>10</v>
      </c>
      <c r="BR14" s="280">
        <v>27</v>
      </c>
      <c r="BS14" s="277">
        <v>37</v>
      </c>
      <c r="BT14" s="279">
        <v>0</v>
      </c>
      <c r="BU14" s="280">
        <v>658</v>
      </c>
      <c r="BV14" s="280">
        <v>823</v>
      </c>
      <c r="BW14" s="280">
        <v>1177</v>
      </c>
      <c r="BX14" s="280">
        <v>979</v>
      </c>
      <c r="BY14" s="280">
        <v>453</v>
      </c>
      <c r="BZ14" s="277">
        <v>4090</v>
      </c>
      <c r="CA14" s="282">
        <v>4127</v>
      </c>
      <c r="CB14" s="276">
        <v>0</v>
      </c>
      <c r="CC14" s="280">
        <v>0</v>
      </c>
      <c r="CD14" s="277">
        <v>0</v>
      </c>
      <c r="CE14" s="279">
        <v>0</v>
      </c>
      <c r="CF14" s="280">
        <v>58</v>
      </c>
      <c r="CG14" s="280">
        <v>75</v>
      </c>
      <c r="CH14" s="280">
        <v>97</v>
      </c>
      <c r="CI14" s="280">
        <v>65</v>
      </c>
      <c r="CJ14" s="280">
        <v>48</v>
      </c>
      <c r="CK14" s="277">
        <v>343</v>
      </c>
      <c r="CL14" s="282">
        <v>343</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18.75" customHeight="1" x14ac:dyDescent="0.2">
      <c r="B15" s="261" t="s">
        <v>12</v>
      </c>
      <c r="C15" s="276">
        <v>0</v>
      </c>
      <c r="D15" s="280">
        <v>0</v>
      </c>
      <c r="E15" s="384">
        <v>0</v>
      </c>
      <c r="F15" s="279">
        <v>0</v>
      </c>
      <c r="G15" s="280">
        <v>5967</v>
      </c>
      <c r="H15" s="280">
        <v>7803</v>
      </c>
      <c r="I15" s="280">
        <v>9343</v>
      </c>
      <c r="J15" s="280">
        <v>12897</v>
      </c>
      <c r="K15" s="280">
        <v>11891</v>
      </c>
      <c r="L15" s="281">
        <v>47901</v>
      </c>
      <c r="M15" s="282">
        <v>47901</v>
      </c>
      <c r="N15" s="276">
        <v>0</v>
      </c>
      <c r="O15" s="280">
        <v>18</v>
      </c>
      <c r="P15" s="277">
        <v>18</v>
      </c>
      <c r="Q15" s="279">
        <v>0</v>
      </c>
      <c r="R15" s="280">
        <v>16</v>
      </c>
      <c r="S15" s="280">
        <v>51</v>
      </c>
      <c r="T15" s="280">
        <v>93</v>
      </c>
      <c r="U15" s="280">
        <v>281</v>
      </c>
      <c r="V15" s="280">
        <v>370</v>
      </c>
      <c r="W15" s="277">
        <v>811</v>
      </c>
      <c r="X15" s="282">
        <v>829</v>
      </c>
      <c r="Y15" s="276">
        <v>478</v>
      </c>
      <c r="Z15" s="280">
        <v>1439</v>
      </c>
      <c r="AA15" s="277">
        <v>1917</v>
      </c>
      <c r="AB15" s="279">
        <v>0</v>
      </c>
      <c r="AC15" s="280">
        <v>1847</v>
      </c>
      <c r="AD15" s="280">
        <v>2576</v>
      </c>
      <c r="AE15" s="280">
        <v>2075</v>
      </c>
      <c r="AF15" s="280">
        <v>1763</v>
      </c>
      <c r="AG15" s="280">
        <v>1442</v>
      </c>
      <c r="AH15" s="277">
        <v>9703</v>
      </c>
      <c r="AI15" s="282">
        <v>11620</v>
      </c>
      <c r="AJ15" s="276">
        <v>24</v>
      </c>
      <c r="AK15" s="280">
        <v>218</v>
      </c>
      <c r="AL15" s="277">
        <v>242</v>
      </c>
      <c r="AM15" s="279">
        <v>0</v>
      </c>
      <c r="AN15" s="280">
        <v>158</v>
      </c>
      <c r="AO15" s="280">
        <v>581</v>
      </c>
      <c r="AP15" s="280">
        <v>249</v>
      </c>
      <c r="AQ15" s="280">
        <v>325</v>
      </c>
      <c r="AR15" s="280">
        <v>194</v>
      </c>
      <c r="AS15" s="277">
        <v>1507</v>
      </c>
      <c r="AT15" s="282">
        <v>1749</v>
      </c>
      <c r="AU15" s="276">
        <v>0</v>
      </c>
      <c r="AV15" s="280">
        <v>0</v>
      </c>
      <c r="AW15" s="277">
        <v>0</v>
      </c>
      <c r="AX15" s="279">
        <v>0</v>
      </c>
      <c r="AY15" s="280">
        <v>4891</v>
      </c>
      <c r="AZ15" s="280">
        <v>3839</v>
      </c>
      <c r="BA15" s="280">
        <v>3292</v>
      </c>
      <c r="BB15" s="280">
        <v>2141</v>
      </c>
      <c r="BC15" s="280">
        <v>971</v>
      </c>
      <c r="BD15" s="281">
        <v>15134</v>
      </c>
      <c r="BE15" s="282">
        <v>15134</v>
      </c>
      <c r="BF15" s="276">
        <v>0</v>
      </c>
      <c r="BG15" s="280">
        <v>0</v>
      </c>
      <c r="BH15" s="277">
        <v>0</v>
      </c>
      <c r="BI15" s="279">
        <v>0</v>
      </c>
      <c r="BJ15" s="280">
        <v>792</v>
      </c>
      <c r="BK15" s="280">
        <v>1138</v>
      </c>
      <c r="BL15" s="280">
        <v>765</v>
      </c>
      <c r="BM15" s="280">
        <v>476</v>
      </c>
      <c r="BN15" s="280">
        <v>271</v>
      </c>
      <c r="BO15" s="277">
        <v>3442</v>
      </c>
      <c r="BP15" s="282">
        <v>3442</v>
      </c>
      <c r="BQ15" s="276">
        <v>-2</v>
      </c>
      <c r="BR15" s="280">
        <v>41</v>
      </c>
      <c r="BS15" s="277">
        <v>39</v>
      </c>
      <c r="BT15" s="279">
        <v>0</v>
      </c>
      <c r="BU15" s="280">
        <v>566</v>
      </c>
      <c r="BV15" s="280">
        <v>616</v>
      </c>
      <c r="BW15" s="280">
        <v>1124</v>
      </c>
      <c r="BX15" s="280">
        <v>1255</v>
      </c>
      <c r="BY15" s="280">
        <v>610</v>
      </c>
      <c r="BZ15" s="277">
        <v>4171</v>
      </c>
      <c r="CA15" s="282">
        <v>4210</v>
      </c>
      <c r="CB15" s="276">
        <v>0</v>
      </c>
      <c r="CC15" s="280">
        <v>0</v>
      </c>
      <c r="CD15" s="277">
        <v>0</v>
      </c>
      <c r="CE15" s="279">
        <v>0</v>
      </c>
      <c r="CF15" s="280">
        <v>1</v>
      </c>
      <c r="CG15" s="280">
        <v>49</v>
      </c>
      <c r="CH15" s="280">
        <v>44</v>
      </c>
      <c r="CI15" s="280">
        <v>31</v>
      </c>
      <c r="CJ15" s="280">
        <v>6</v>
      </c>
      <c r="CK15" s="277">
        <v>131</v>
      </c>
      <c r="CL15" s="282">
        <v>131</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18.75" customHeight="1" x14ac:dyDescent="0.2">
      <c r="B16" s="261" t="s">
        <v>13</v>
      </c>
      <c r="C16" s="276">
        <v>0</v>
      </c>
      <c r="D16" s="280">
        <v>0</v>
      </c>
      <c r="E16" s="384">
        <v>0</v>
      </c>
      <c r="F16" s="279">
        <v>0</v>
      </c>
      <c r="G16" s="280">
        <v>2104</v>
      </c>
      <c r="H16" s="280">
        <v>3952</v>
      </c>
      <c r="I16" s="280">
        <v>3760</v>
      </c>
      <c r="J16" s="280">
        <v>4967</v>
      </c>
      <c r="K16" s="280">
        <v>5496</v>
      </c>
      <c r="L16" s="281">
        <v>20279</v>
      </c>
      <c r="M16" s="282">
        <v>20279</v>
      </c>
      <c r="N16" s="276">
        <v>0</v>
      </c>
      <c r="O16" s="280">
        <v>0</v>
      </c>
      <c r="P16" s="277">
        <v>0</v>
      </c>
      <c r="Q16" s="279">
        <v>0</v>
      </c>
      <c r="R16" s="280">
        <v>4</v>
      </c>
      <c r="S16" s="280">
        <v>16</v>
      </c>
      <c r="T16" s="280">
        <v>22</v>
      </c>
      <c r="U16" s="280">
        <v>66</v>
      </c>
      <c r="V16" s="280">
        <v>161</v>
      </c>
      <c r="W16" s="277">
        <v>269</v>
      </c>
      <c r="X16" s="282">
        <v>269</v>
      </c>
      <c r="Y16" s="276">
        <v>40</v>
      </c>
      <c r="Z16" s="280">
        <v>150</v>
      </c>
      <c r="AA16" s="277">
        <v>190</v>
      </c>
      <c r="AB16" s="279">
        <v>0</v>
      </c>
      <c r="AC16" s="280">
        <v>1064</v>
      </c>
      <c r="AD16" s="280">
        <v>1222</v>
      </c>
      <c r="AE16" s="280">
        <v>903</v>
      </c>
      <c r="AF16" s="280">
        <v>972</v>
      </c>
      <c r="AG16" s="280">
        <v>918</v>
      </c>
      <c r="AH16" s="277">
        <v>5079</v>
      </c>
      <c r="AI16" s="282">
        <v>5269</v>
      </c>
      <c r="AJ16" s="276">
        <v>10</v>
      </c>
      <c r="AK16" s="280">
        <v>69</v>
      </c>
      <c r="AL16" s="277">
        <v>79</v>
      </c>
      <c r="AM16" s="279">
        <v>0</v>
      </c>
      <c r="AN16" s="280">
        <v>151</v>
      </c>
      <c r="AO16" s="280">
        <v>275</v>
      </c>
      <c r="AP16" s="280">
        <v>72</v>
      </c>
      <c r="AQ16" s="280">
        <v>144</v>
      </c>
      <c r="AR16" s="280">
        <v>88</v>
      </c>
      <c r="AS16" s="277">
        <v>730</v>
      </c>
      <c r="AT16" s="282">
        <v>809</v>
      </c>
      <c r="AU16" s="276">
        <v>0</v>
      </c>
      <c r="AV16" s="280">
        <v>0</v>
      </c>
      <c r="AW16" s="277">
        <v>0</v>
      </c>
      <c r="AX16" s="279">
        <v>0</v>
      </c>
      <c r="AY16" s="280">
        <v>1383</v>
      </c>
      <c r="AZ16" s="280">
        <v>1308</v>
      </c>
      <c r="BA16" s="280">
        <v>1108</v>
      </c>
      <c r="BB16" s="280">
        <v>692</v>
      </c>
      <c r="BC16" s="280">
        <v>314</v>
      </c>
      <c r="BD16" s="281">
        <v>4805</v>
      </c>
      <c r="BE16" s="282">
        <v>4805</v>
      </c>
      <c r="BF16" s="276">
        <v>0</v>
      </c>
      <c r="BG16" s="280">
        <v>0</v>
      </c>
      <c r="BH16" s="277">
        <v>0</v>
      </c>
      <c r="BI16" s="279">
        <v>0</v>
      </c>
      <c r="BJ16" s="280">
        <v>161</v>
      </c>
      <c r="BK16" s="280">
        <v>292</v>
      </c>
      <c r="BL16" s="280">
        <v>145</v>
      </c>
      <c r="BM16" s="280">
        <v>176</v>
      </c>
      <c r="BN16" s="280">
        <v>64</v>
      </c>
      <c r="BO16" s="277">
        <v>838</v>
      </c>
      <c r="BP16" s="282">
        <v>838</v>
      </c>
      <c r="BQ16" s="276">
        <v>0</v>
      </c>
      <c r="BR16" s="280">
        <v>3</v>
      </c>
      <c r="BS16" s="277">
        <v>3</v>
      </c>
      <c r="BT16" s="279">
        <v>0</v>
      </c>
      <c r="BU16" s="280">
        <v>121</v>
      </c>
      <c r="BV16" s="280">
        <v>86</v>
      </c>
      <c r="BW16" s="280">
        <v>423</v>
      </c>
      <c r="BX16" s="280">
        <v>449</v>
      </c>
      <c r="BY16" s="280">
        <v>343</v>
      </c>
      <c r="BZ16" s="277">
        <v>1422</v>
      </c>
      <c r="CA16" s="282">
        <v>1425</v>
      </c>
      <c r="CB16" s="276">
        <v>0</v>
      </c>
      <c r="CC16" s="280">
        <v>0</v>
      </c>
      <c r="CD16" s="277">
        <v>0</v>
      </c>
      <c r="CE16" s="279">
        <v>0</v>
      </c>
      <c r="CF16" s="280">
        <v>7</v>
      </c>
      <c r="CG16" s="280">
        <v>1</v>
      </c>
      <c r="CH16" s="280">
        <v>13</v>
      </c>
      <c r="CI16" s="280">
        <v>7</v>
      </c>
      <c r="CJ16" s="280">
        <v>8</v>
      </c>
      <c r="CK16" s="277">
        <v>36</v>
      </c>
      <c r="CL16" s="282">
        <v>36</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18.75" customHeight="1" x14ac:dyDescent="0.2">
      <c r="B17" s="261" t="s">
        <v>15</v>
      </c>
      <c r="C17" s="276">
        <v>0</v>
      </c>
      <c r="D17" s="280">
        <v>0</v>
      </c>
      <c r="E17" s="384">
        <v>0</v>
      </c>
      <c r="F17" s="279">
        <v>0</v>
      </c>
      <c r="G17" s="280">
        <v>1102</v>
      </c>
      <c r="H17" s="280">
        <v>2108</v>
      </c>
      <c r="I17" s="280">
        <v>1766</v>
      </c>
      <c r="J17" s="280">
        <v>1762</v>
      </c>
      <c r="K17" s="280">
        <v>3189</v>
      </c>
      <c r="L17" s="281">
        <v>9927</v>
      </c>
      <c r="M17" s="282">
        <v>9927</v>
      </c>
      <c r="N17" s="276">
        <v>0</v>
      </c>
      <c r="O17" s="280">
        <v>0</v>
      </c>
      <c r="P17" s="277">
        <v>0</v>
      </c>
      <c r="Q17" s="279">
        <v>0</v>
      </c>
      <c r="R17" s="280">
        <v>0</v>
      </c>
      <c r="S17" s="280">
        <v>18</v>
      </c>
      <c r="T17" s="280">
        <v>30</v>
      </c>
      <c r="U17" s="280">
        <v>91</v>
      </c>
      <c r="V17" s="280">
        <v>151</v>
      </c>
      <c r="W17" s="277">
        <v>290</v>
      </c>
      <c r="X17" s="282">
        <v>290</v>
      </c>
      <c r="Y17" s="276">
        <v>3</v>
      </c>
      <c r="Z17" s="280">
        <v>89</v>
      </c>
      <c r="AA17" s="277">
        <v>92</v>
      </c>
      <c r="AB17" s="279">
        <v>0</v>
      </c>
      <c r="AC17" s="280">
        <v>347</v>
      </c>
      <c r="AD17" s="280">
        <v>621</v>
      </c>
      <c r="AE17" s="280">
        <v>315</v>
      </c>
      <c r="AF17" s="280">
        <v>319</v>
      </c>
      <c r="AG17" s="280">
        <v>435</v>
      </c>
      <c r="AH17" s="277">
        <v>2037</v>
      </c>
      <c r="AI17" s="282">
        <v>2129</v>
      </c>
      <c r="AJ17" s="276">
        <v>0</v>
      </c>
      <c r="AK17" s="280">
        <v>6</v>
      </c>
      <c r="AL17" s="277">
        <v>6</v>
      </c>
      <c r="AM17" s="279">
        <v>0</v>
      </c>
      <c r="AN17" s="280">
        <v>67</v>
      </c>
      <c r="AO17" s="280">
        <v>129</v>
      </c>
      <c r="AP17" s="280">
        <v>77</v>
      </c>
      <c r="AQ17" s="280">
        <v>36</v>
      </c>
      <c r="AR17" s="280">
        <v>64</v>
      </c>
      <c r="AS17" s="277">
        <v>373</v>
      </c>
      <c r="AT17" s="282">
        <v>379</v>
      </c>
      <c r="AU17" s="276">
        <v>0</v>
      </c>
      <c r="AV17" s="280">
        <v>0</v>
      </c>
      <c r="AW17" s="277">
        <v>0</v>
      </c>
      <c r="AX17" s="279">
        <v>0</v>
      </c>
      <c r="AY17" s="280">
        <v>727</v>
      </c>
      <c r="AZ17" s="280">
        <v>1221</v>
      </c>
      <c r="BA17" s="280">
        <v>514</v>
      </c>
      <c r="BB17" s="280">
        <v>180</v>
      </c>
      <c r="BC17" s="280">
        <v>149</v>
      </c>
      <c r="BD17" s="281">
        <v>2791</v>
      </c>
      <c r="BE17" s="282">
        <v>2791</v>
      </c>
      <c r="BF17" s="276">
        <v>0</v>
      </c>
      <c r="BG17" s="280">
        <v>0</v>
      </c>
      <c r="BH17" s="277">
        <v>0</v>
      </c>
      <c r="BI17" s="279">
        <v>0</v>
      </c>
      <c r="BJ17" s="280">
        <v>198</v>
      </c>
      <c r="BK17" s="280">
        <v>234</v>
      </c>
      <c r="BL17" s="280">
        <v>180</v>
      </c>
      <c r="BM17" s="280">
        <v>86</v>
      </c>
      <c r="BN17" s="280">
        <v>27</v>
      </c>
      <c r="BO17" s="277">
        <v>725</v>
      </c>
      <c r="BP17" s="282">
        <v>725</v>
      </c>
      <c r="BQ17" s="276">
        <v>0</v>
      </c>
      <c r="BR17" s="280">
        <v>0</v>
      </c>
      <c r="BS17" s="277">
        <v>0</v>
      </c>
      <c r="BT17" s="279">
        <v>0</v>
      </c>
      <c r="BU17" s="280">
        <v>21</v>
      </c>
      <c r="BV17" s="280">
        <v>303</v>
      </c>
      <c r="BW17" s="280">
        <v>717</v>
      </c>
      <c r="BX17" s="280">
        <v>885</v>
      </c>
      <c r="BY17" s="280">
        <v>381</v>
      </c>
      <c r="BZ17" s="277">
        <v>2307</v>
      </c>
      <c r="CA17" s="282">
        <v>2307</v>
      </c>
      <c r="CB17" s="276">
        <v>0</v>
      </c>
      <c r="CC17" s="280">
        <v>0</v>
      </c>
      <c r="CD17" s="277">
        <v>0</v>
      </c>
      <c r="CE17" s="279">
        <v>0</v>
      </c>
      <c r="CF17" s="280">
        <v>41</v>
      </c>
      <c r="CG17" s="280">
        <v>17</v>
      </c>
      <c r="CH17" s="280">
        <v>7</v>
      </c>
      <c r="CI17" s="280">
        <v>13</v>
      </c>
      <c r="CJ17" s="280">
        <v>0</v>
      </c>
      <c r="CK17" s="277">
        <v>78</v>
      </c>
      <c r="CL17" s="282">
        <v>78</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18.75" customHeight="1" x14ac:dyDescent="0.2">
      <c r="B18" s="261" t="s">
        <v>16</v>
      </c>
      <c r="C18" s="276">
        <v>0</v>
      </c>
      <c r="D18" s="280">
        <v>0</v>
      </c>
      <c r="E18" s="384">
        <v>0</v>
      </c>
      <c r="F18" s="279">
        <v>0</v>
      </c>
      <c r="G18" s="280">
        <v>2211</v>
      </c>
      <c r="H18" s="280">
        <v>3698</v>
      </c>
      <c r="I18" s="280">
        <v>4327</v>
      </c>
      <c r="J18" s="280">
        <v>6017</v>
      </c>
      <c r="K18" s="280">
        <v>3397</v>
      </c>
      <c r="L18" s="281">
        <v>19650</v>
      </c>
      <c r="M18" s="282">
        <v>19650</v>
      </c>
      <c r="N18" s="276">
        <v>0</v>
      </c>
      <c r="O18" s="280">
        <v>0</v>
      </c>
      <c r="P18" s="277">
        <v>0</v>
      </c>
      <c r="Q18" s="279">
        <v>0</v>
      </c>
      <c r="R18" s="280">
        <v>4</v>
      </c>
      <c r="S18" s="280">
        <v>49</v>
      </c>
      <c r="T18" s="280">
        <v>72</v>
      </c>
      <c r="U18" s="280">
        <v>116</v>
      </c>
      <c r="V18" s="280">
        <v>260</v>
      </c>
      <c r="W18" s="277">
        <v>501</v>
      </c>
      <c r="X18" s="282">
        <v>501</v>
      </c>
      <c r="Y18" s="276">
        <v>114</v>
      </c>
      <c r="Z18" s="280">
        <v>331</v>
      </c>
      <c r="AA18" s="277">
        <v>445</v>
      </c>
      <c r="AB18" s="279">
        <v>0</v>
      </c>
      <c r="AC18" s="280">
        <v>1382</v>
      </c>
      <c r="AD18" s="280">
        <v>2367</v>
      </c>
      <c r="AE18" s="280">
        <v>1548</v>
      </c>
      <c r="AF18" s="280">
        <v>1535</v>
      </c>
      <c r="AG18" s="280">
        <v>1033</v>
      </c>
      <c r="AH18" s="277">
        <v>7865</v>
      </c>
      <c r="AI18" s="282">
        <v>8310</v>
      </c>
      <c r="AJ18" s="276">
        <v>0</v>
      </c>
      <c r="AK18" s="280">
        <v>143</v>
      </c>
      <c r="AL18" s="277">
        <v>143</v>
      </c>
      <c r="AM18" s="279">
        <v>0</v>
      </c>
      <c r="AN18" s="280">
        <v>186</v>
      </c>
      <c r="AO18" s="280">
        <v>314</v>
      </c>
      <c r="AP18" s="280">
        <v>289</v>
      </c>
      <c r="AQ18" s="280">
        <v>133</v>
      </c>
      <c r="AR18" s="280">
        <v>121</v>
      </c>
      <c r="AS18" s="277">
        <v>1043</v>
      </c>
      <c r="AT18" s="282">
        <v>1186</v>
      </c>
      <c r="AU18" s="276">
        <v>0</v>
      </c>
      <c r="AV18" s="280">
        <v>0</v>
      </c>
      <c r="AW18" s="277">
        <v>0</v>
      </c>
      <c r="AX18" s="279">
        <v>0</v>
      </c>
      <c r="AY18" s="280">
        <v>2674</v>
      </c>
      <c r="AZ18" s="280">
        <v>4269</v>
      </c>
      <c r="BA18" s="280">
        <v>3004</v>
      </c>
      <c r="BB18" s="280">
        <v>2040</v>
      </c>
      <c r="BC18" s="280">
        <v>1158</v>
      </c>
      <c r="BD18" s="281">
        <v>13145</v>
      </c>
      <c r="BE18" s="282">
        <v>13145</v>
      </c>
      <c r="BF18" s="276">
        <v>0</v>
      </c>
      <c r="BG18" s="280">
        <v>0</v>
      </c>
      <c r="BH18" s="277">
        <v>0</v>
      </c>
      <c r="BI18" s="279">
        <v>0</v>
      </c>
      <c r="BJ18" s="280">
        <v>1326</v>
      </c>
      <c r="BK18" s="280">
        <v>2043</v>
      </c>
      <c r="BL18" s="280">
        <v>899</v>
      </c>
      <c r="BM18" s="280">
        <v>500</v>
      </c>
      <c r="BN18" s="280">
        <v>125</v>
      </c>
      <c r="BO18" s="277">
        <v>4893</v>
      </c>
      <c r="BP18" s="282">
        <v>4893</v>
      </c>
      <c r="BQ18" s="276">
        <v>0</v>
      </c>
      <c r="BR18" s="280">
        <v>24</v>
      </c>
      <c r="BS18" s="277">
        <v>24</v>
      </c>
      <c r="BT18" s="279">
        <v>0</v>
      </c>
      <c r="BU18" s="280">
        <v>213</v>
      </c>
      <c r="BV18" s="280">
        <v>445</v>
      </c>
      <c r="BW18" s="280">
        <v>981</v>
      </c>
      <c r="BX18" s="280">
        <v>562</v>
      </c>
      <c r="BY18" s="280">
        <v>236</v>
      </c>
      <c r="BZ18" s="277">
        <v>2437</v>
      </c>
      <c r="CA18" s="282">
        <v>2461</v>
      </c>
      <c r="CB18" s="276">
        <v>0</v>
      </c>
      <c r="CC18" s="280">
        <v>0</v>
      </c>
      <c r="CD18" s="277">
        <v>0</v>
      </c>
      <c r="CE18" s="279">
        <v>0</v>
      </c>
      <c r="CF18" s="280">
        <v>19</v>
      </c>
      <c r="CG18" s="280">
        <v>30</v>
      </c>
      <c r="CH18" s="280">
        <v>69</v>
      </c>
      <c r="CI18" s="280">
        <v>41</v>
      </c>
      <c r="CJ18" s="280">
        <v>19</v>
      </c>
      <c r="CK18" s="277">
        <v>178</v>
      </c>
      <c r="CL18" s="282">
        <v>178</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18.75" customHeight="1" x14ac:dyDescent="0.2">
      <c r="B19" s="261" t="s">
        <v>17</v>
      </c>
      <c r="C19" s="276">
        <v>0</v>
      </c>
      <c r="D19" s="280">
        <v>0</v>
      </c>
      <c r="E19" s="384">
        <v>0</v>
      </c>
      <c r="F19" s="279">
        <v>0</v>
      </c>
      <c r="G19" s="280">
        <v>2395</v>
      </c>
      <c r="H19" s="280">
        <v>7151</v>
      </c>
      <c r="I19" s="280">
        <v>7763</v>
      </c>
      <c r="J19" s="280">
        <v>9995</v>
      </c>
      <c r="K19" s="280">
        <v>10573</v>
      </c>
      <c r="L19" s="281">
        <v>37877</v>
      </c>
      <c r="M19" s="282">
        <v>37877</v>
      </c>
      <c r="N19" s="276">
        <v>0</v>
      </c>
      <c r="O19" s="280">
        <v>7</v>
      </c>
      <c r="P19" s="277">
        <v>7</v>
      </c>
      <c r="Q19" s="279">
        <v>0</v>
      </c>
      <c r="R19" s="280">
        <v>18</v>
      </c>
      <c r="S19" s="280">
        <v>19</v>
      </c>
      <c r="T19" s="280">
        <v>83</v>
      </c>
      <c r="U19" s="280">
        <v>182</v>
      </c>
      <c r="V19" s="280">
        <v>360</v>
      </c>
      <c r="W19" s="277">
        <v>662</v>
      </c>
      <c r="X19" s="282">
        <v>669</v>
      </c>
      <c r="Y19" s="276">
        <v>122</v>
      </c>
      <c r="Z19" s="280">
        <v>529</v>
      </c>
      <c r="AA19" s="277">
        <v>651</v>
      </c>
      <c r="AB19" s="279">
        <v>0</v>
      </c>
      <c r="AC19" s="280">
        <v>1112</v>
      </c>
      <c r="AD19" s="280">
        <v>2655</v>
      </c>
      <c r="AE19" s="280">
        <v>1795</v>
      </c>
      <c r="AF19" s="280">
        <v>1568</v>
      </c>
      <c r="AG19" s="280">
        <v>1520</v>
      </c>
      <c r="AH19" s="277">
        <v>8650</v>
      </c>
      <c r="AI19" s="282">
        <v>9301</v>
      </c>
      <c r="AJ19" s="276">
        <v>18</v>
      </c>
      <c r="AK19" s="280">
        <v>74</v>
      </c>
      <c r="AL19" s="277">
        <v>92</v>
      </c>
      <c r="AM19" s="279">
        <v>0</v>
      </c>
      <c r="AN19" s="280">
        <v>100</v>
      </c>
      <c r="AO19" s="280">
        <v>382</v>
      </c>
      <c r="AP19" s="280">
        <v>298</v>
      </c>
      <c r="AQ19" s="280">
        <v>150</v>
      </c>
      <c r="AR19" s="280">
        <v>129</v>
      </c>
      <c r="AS19" s="277">
        <v>1059</v>
      </c>
      <c r="AT19" s="282">
        <v>1151</v>
      </c>
      <c r="AU19" s="276">
        <v>0</v>
      </c>
      <c r="AV19" s="280">
        <v>0</v>
      </c>
      <c r="AW19" s="277">
        <v>0</v>
      </c>
      <c r="AX19" s="279">
        <v>0</v>
      </c>
      <c r="AY19" s="280">
        <v>3013</v>
      </c>
      <c r="AZ19" s="280">
        <v>5162</v>
      </c>
      <c r="BA19" s="280">
        <v>3027</v>
      </c>
      <c r="BB19" s="280">
        <v>1964</v>
      </c>
      <c r="BC19" s="280">
        <v>892</v>
      </c>
      <c r="BD19" s="281">
        <v>14058</v>
      </c>
      <c r="BE19" s="282">
        <v>14058</v>
      </c>
      <c r="BF19" s="276">
        <v>0</v>
      </c>
      <c r="BG19" s="280">
        <v>0</v>
      </c>
      <c r="BH19" s="277">
        <v>0</v>
      </c>
      <c r="BI19" s="279">
        <v>0</v>
      </c>
      <c r="BJ19" s="280">
        <v>617</v>
      </c>
      <c r="BK19" s="280">
        <v>1517</v>
      </c>
      <c r="BL19" s="280">
        <v>671</v>
      </c>
      <c r="BM19" s="280">
        <v>396</v>
      </c>
      <c r="BN19" s="280">
        <v>197</v>
      </c>
      <c r="BO19" s="277">
        <v>3398</v>
      </c>
      <c r="BP19" s="282">
        <v>3398</v>
      </c>
      <c r="BQ19" s="276">
        <v>7</v>
      </c>
      <c r="BR19" s="280">
        <v>69</v>
      </c>
      <c r="BS19" s="277">
        <v>76</v>
      </c>
      <c r="BT19" s="279">
        <v>0</v>
      </c>
      <c r="BU19" s="280">
        <v>395</v>
      </c>
      <c r="BV19" s="280">
        <v>616</v>
      </c>
      <c r="BW19" s="280">
        <v>1157</v>
      </c>
      <c r="BX19" s="280">
        <v>1112</v>
      </c>
      <c r="BY19" s="280">
        <v>512</v>
      </c>
      <c r="BZ19" s="277">
        <v>3792</v>
      </c>
      <c r="CA19" s="282">
        <v>3868</v>
      </c>
      <c r="CB19" s="276">
        <v>0</v>
      </c>
      <c r="CC19" s="280">
        <v>0</v>
      </c>
      <c r="CD19" s="277">
        <v>0</v>
      </c>
      <c r="CE19" s="279">
        <v>0</v>
      </c>
      <c r="CF19" s="280">
        <v>22</v>
      </c>
      <c r="CG19" s="280">
        <v>75</v>
      </c>
      <c r="CH19" s="280">
        <v>36</v>
      </c>
      <c r="CI19" s="280">
        <v>75</v>
      </c>
      <c r="CJ19" s="280">
        <v>74</v>
      </c>
      <c r="CK19" s="277">
        <v>282</v>
      </c>
      <c r="CL19" s="282">
        <v>282</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18.75" customHeight="1" x14ac:dyDescent="0.2">
      <c r="B20" s="261" t="s">
        <v>18</v>
      </c>
      <c r="C20" s="276">
        <v>0</v>
      </c>
      <c r="D20" s="280">
        <v>0</v>
      </c>
      <c r="E20" s="384">
        <v>0</v>
      </c>
      <c r="F20" s="279">
        <v>0</v>
      </c>
      <c r="G20" s="280">
        <v>5172</v>
      </c>
      <c r="H20" s="280">
        <v>7653</v>
      </c>
      <c r="I20" s="280">
        <v>8864</v>
      </c>
      <c r="J20" s="280">
        <v>13595</v>
      </c>
      <c r="K20" s="280">
        <v>9553</v>
      </c>
      <c r="L20" s="281">
        <v>44837</v>
      </c>
      <c r="M20" s="282">
        <v>44837</v>
      </c>
      <c r="N20" s="276">
        <v>0</v>
      </c>
      <c r="O20" s="280">
        <v>0</v>
      </c>
      <c r="P20" s="277">
        <v>0</v>
      </c>
      <c r="Q20" s="279">
        <v>0</v>
      </c>
      <c r="R20" s="280">
        <v>8</v>
      </c>
      <c r="S20" s="280">
        <v>50</v>
      </c>
      <c r="T20" s="280">
        <v>90</v>
      </c>
      <c r="U20" s="280">
        <v>190</v>
      </c>
      <c r="V20" s="280">
        <v>393</v>
      </c>
      <c r="W20" s="277">
        <v>731</v>
      </c>
      <c r="X20" s="282">
        <v>731</v>
      </c>
      <c r="Y20" s="276">
        <v>250</v>
      </c>
      <c r="Z20" s="280">
        <v>743</v>
      </c>
      <c r="AA20" s="277">
        <v>993</v>
      </c>
      <c r="AB20" s="279">
        <v>0</v>
      </c>
      <c r="AC20" s="280">
        <v>2723</v>
      </c>
      <c r="AD20" s="280">
        <v>2923</v>
      </c>
      <c r="AE20" s="280">
        <v>2086</v>
      </c>
      <c r="AF20" s="280">
        <v>1774</v>
      </c>
      <c r="AG20" s="280">
        <v>1580</v>
      </c>
      <c r="AH20" s="277">
        <v>11086</v>
      </c>
      <c r="AI20" s="282">
        <v>12079</v>
      </c>
      <c r="AJ20" s="276">
        <v>82</v>
      </c>
      <c r="AK20" s="280">
        <v>87</v>
      </c>
      <c r="AL20" s="277">
        <v>169</v>
      </c>
      <c r="AM20" s="279">
        <v>0</v>
      </c>
      <c r="AN20" s="280">
        <v>514</v>
      </c>
      <c r="AO20" s="280">
        <v>703</v>
      </c>
      <c r="AP20" s="280">
        <v>437</v>
      </c>
      <c r="AQ20" s="280">
        <v>365</v>
      </c>
      <c r="AR20" s="280">
        <v>221</v>
      </c>
      <c r="AS20" s="277">
        <v>2240</v>
      </c>
      <c r="AT20" s="282">
        <v>2409</v>
      </c>
      <c r="AU20" s="276">
        <v>0</v>
      </c>
      <c r="AV20" s="280">
        <v>0</v>
      </c>
      <c r="AW20" s="277">
        <v>0</v>
      </c>
      <c r="AX20" s="279">
        <v>0</v>
      </c>
      <c r="AY20" s="280">
        <v>5651</v>
      </c>
      <c r="AZ20" s="280">
        <v>5781</v>
      </c>
      <c r="BA20" s="280">
        <v>3710</v>
      </c>
      <c r="BB20" s="280">
        <v>2217</v>
      </c>
      <c r="BC20" s="280">
        <v>850</v>
      </c>
      <c r="BD20" s="281">
        <v>18209</v>
      </c>
      <c r="BE20" s="282">
        <v>18209</v>
      </c>
      <c r="BF20" s="276">
        <v>0</v>
      </c>
      <c r="BG20" s="280">
        <v>0</v>
      </c>
      <c r="BH20" s="277">
        <v>0</v>
      </c>
      <c r="BI20" s="279">
        <v>0</v>
      </c>
      <c r="BJ20" s="280">
        <v>996</v>
      </c>
      <c r="BK20" s="280">
        <v>1080</v>
      </c>
      <c r="BL20" s="280">
        <v>653</v>
      </c>
      <c r="BM20" s="280">
        <v>412</v>
      </c>
      <c r="BN20" s="280">
        <v>81</v>
      </c>
      <c r="BO20" s="277">
        <v>3222</v>
      </c>
      <c r="BP20" s="282">
        <v>3222</v>
      </c>
      <c r="BQ20" s="276">
        <v>0</v>
      </c>
      <c r="BR20" s="280">
        <v>9</v>
      </c>
      <c r="BS20" s="277">
        <v>9</v>
      </c>
      <c r="BT20" s="279">
        <v>0</v>
      </c>
      <c r="BU20" s="280">
        <v>377</v>
      </c>
      <c r="BV20" s="280">
        <v>819</v>
      </c>
      <c r="BW20" s="280">
        <v>1853</v>
      </c>
      <c r="BX20" s="280">
        <v>1412</v>
      </c>
      <c r="BY20" s="280">
        <v>478</v>
      </c>
      <c r="BZ20" s="277">
        <v>4939</v>
      </c>
      <c r="CA20" s="282">
        <v>4948</v>
      </c>
      <c r="CB20" s="276">
        <v>0</v>
      </c>
      <c r="CC20" s="280">
        <v>0</v>
      </c>
      <c r="CD20" s="277">
        <v>0</v>
      </c>
      <c r="CE20" s="279">
        <v>0</v>
      </c>
      <c r="CF20" s="280">
        <v>2</v>
      </c>
      <c r="CG20" s="280">
        <v>9</v>
      </c>
      <c r="CH20" s="280">
        <v>11</v>
      </c>
      <c r="CI20" s="280">
        <v>25</v>
      </c>
      <c r="CJ20" s="280">
        <v>0</v>
      </c>
      <c r="CK20" s="277">
        <v>47</v>
      </c>
      <c r="CL20" s="282">
        <v>47</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18.75" customHeight="1" x14ac:dyDescent="0.2">
      <c r="B21" s="261" t="s">
        <v>19</v>
      </c>
      <c r="C21" s="276">
        <v>0</v>
      </c>
      <c r="D21" s="280">
        <v>0</v>
      </c>
      <c r="E21" s="384">
        <v>0</v>
      </c>
      <c r="F21" s="279">
        <v>0</v>
      </c>
      <c r="G21" s="280">
        <v>1915</v>
      </c>
      <c r="H21" s="280">
        <v>2611</v>
      </c>
      <c r="I21" s="280">
        <v>3098</v>
      </c>
      <c r="J21" s="280">
        <v>3364</v>
      </c>
      <c r="K21" s="280">
        <v>3065</v>
      </c>
      <c r="L21" s="281">
        <v>14053</v>
      </c>
      <c r="M21" s="282">
        <v>14053</v>
      </c>
      <c r="N21" s="276">
        <v>0</v>
      </c>
      <c r="O21" s="280">
        <v>0</v>
      </c>
      <c r="P21" s="277">
        <v>0</v>
      </c>
      <c r="Q21" s="279">
        <v>0</v>
      </c>
      <c r="R21" s="280">
        <v>16</v>
      </c>
      <c r="S21" s="280">
        <v>11</v>
      </c>
      <c r="T21" s="280">
        <v>45</v>
      </c>
      <c r="U21" s="280">
        <v>102</v>
      </c>
      <c r="V21" s="280">
        <v>160</v>
      </c>
      <c r="W21" s="277">
        <v>334</v>
      </c>
      <c r="X21" s="282">
        <v>334</v>
      </c>
      <c r="Y21" s="276">
        <v>106</v>
      </c>
      <c r="Z21" s="280">
        <v>251</v>
      </c>
      <c r="AA21" s="277">
        <v>357</v>
      </c>
      <c r="AB21" s="279">
        <v>0</v>
      </c>
      <c r="AC21" s="280">
        <v>1207</v>
      </c>
      <c r="AD21" s="280">
        <v>1194</v>
      </c>
      <c r="AE21" s="280">
        <v>931</v>
      </c>
      <c r="AF21" s="280">
        <v>624</v>
      </c>
      <c r="AG21" s="280">
        <v>687</v>
      </c>
      <c r="AH21" s="277">
        <v>4643</v>
      </c>
      <c r="AI21" s="282">
        <v>5000</v>
      </c>
      <c r="AJ21" s="276">
        <v>14</v>
      </c>
      <c r="AK21" s="280">
        <v>31</v>
      </c>
      <c r="AL21" s="277">
        <v>45</v>
      </c>
      <c r="AM21" s="279">
        <v>0</v>
      </c>
      <c r="AN21" s="280">
        <v>321</v>
      </c>
      <c r="AO21" s="280">
        <v>184</v>
      </c>
      <c r="AP21" s="280">
        <v>135</v>
      </c>
      <c r="AQ21" s="280">
        <v>233</v>
      </c>
      <c r="AR21" s="280">
        <v>44</v>
      </c>
      <c r="AS21" s="277">
        <v>917</v>
      </c>
      <c r="AT21" s="282">
        <v>962</v>
      </c>
      <c r="AU21" s="276">
        <v>0</v>
      </c>
      <c r="AV21" s="280">
        <v>0</v>
      </c>
      <c r="AW21" s="277">
        <v>0</v>
      </c>
      <c r="AX21" s="279">
        <v>0</v>
      </c>
      <c r="AY21" s="280">
        <v>2112</v>
      </c>
      <c r="AZ21" s="280">
        <v>2252</v>
      </c>
      <c r="BA21" s="280">
        <v>1325</v>
      </c>
      <c r="BB21" s="280">
        <v>523</v>
      </c>
      <c r="BC21" s="280">
        <v>453</v>
      </c>
      <c r="BD21" s="281">
        <v>6665</v>
      </c>
      <c r="BE21" s="282">
        <v>6665</v>
      </c>
      <c r="BF21" s="276">
        <v>0</v>
      </c>
      <c r="BG21" s="280">
        <v>0</v>
      </c>
      <c r="BH21" s="277">
        <v>0</v>
      </c>
      <c r="BI21" s="279">
        <v>0</v>
      </c>
      <c r="BJ21" s="280">
        <v>728</v>
      </c>
      <c r="BK21" s="280">
        <v>574</v>
      </c>
      <c r="BL21" s="280">
        <v>445</v>
      </c>
      <c r="BM21" s="280">
        <v>285</v>
      </c>
      <c r="BN21" s="280">
        <v>87</v>
      </c>
      <c r="BO21" s="277">
        <v>2119</v>
      </c>
      <c r="BP21" s="282">
        <v>2119</v>
      </c>
      <c r="BQ21" s="276">
        <v>0</v>
      </c>
      <c r="BR21" s="280">
        <v>5</v>
      </c>
      <c r="BS21" s="277">
        <v>5</v>
      </c>
      <c r="BT21" s="279">
        <v>0</v>
      </c>
      <c r="BU21" s="280">
        <v>130</v>
      </c>
      <c r="BV21" s="280">
        <v>344</v>
      </c>
      <c r="BW21" s="280">
        <v>473</v>
      </c>
      <c r="BX21" s="280">
        <v>293</v>
      </c>
      <c r="BY21" s="280">
        <v>160</v>
      </c>
      <c r="BZ21" s="277">
        <v>1400</v>
      </c>
      <c r="CA21" s="282">
        <v>1405</v>
      </c>
      <c r="CB21" s="276">
        <v>0</v>
      </c>
      <c r="CC21" s="280">
        <v>0</v>
      </c>
      <c r="CD21" s="277">
        <v>0</v>
      </c>
      <c r="CE21" s="279">
        <v>0</v>
      </c>
      <c r="CF21" s="280">
        <v>12</v>
      </c>
      <c r="CG21" s="280">
        <v>45</v>
      </c>
      <c r="CH21" s="280">
        <v>21</v>
      </c>
      <c r="CI21" s="280">
        <v>68</v>
      </c>
      <c r="CJ21" s="280">
        <v>47</v>
      </c>
      <c r="CK21" s="277">
        <v>193</v>
      </c>
      <c r="CL21" s="282">
        <v>193</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18.75" customHeight="1" x14ac:dyDescent="0.2">
      <c r="B22" s="261" t="s">
        <v>20</v>
      </c>
      <c r="C22" s="276">
        <v>0</v>
      </c>
      <c r="D22" s="280">
        <v>0</v>
      </c>
      <c r="E22" s="384">
        <v>0</v>
      </c>
      <c r="F22" s="279">
        <v>0</v>
      </c>
      <c r="G22" s="280">
        <v>2839</v>
      </c>
      <c r="H22" s="280">
        <v>2989</v>
      </c>
      <c r="I22" s="280">
        <v>4946</v>
      </c>
      <c r="J22" s="280">
        <v>4889</v>
      </c>
      <c r="K22" s="280">
        <v>3985</v>
      </c>
      <c r="L22" s="281">
        <v>19648</v>
      </c>
      <c r="M22" s="282">
        <v>19648</v>
      </c>
      <c r="N22" s="276">
        <v>0</v>
      </c>
      <c r="O22" s="280">
        <v>0</v>
      </c>
      <c r="P22" s="277">
        <v>0</v>
      </c>
      <c r="Q22" s="279">
        <v>0</v>
      </c>
      <c r="R22" s="280">
        <v>0</v>
      </c>
      <c r="S22" s="280">
        <v>18</v>
      </c>
      <c r="T22" s="280">
        <v>48</v>
      </c>
      <c r="U22" s="280">
        <v>98</v>
      </c>
      <c r="V22" s="280">
        <v>248</v>
      </c>
      <c r="W22" s="277">
        <v>412</v>
      </c>
      <c r="X22" s="282">
        <v>412</v>
      </c>
      <c r="Y22" s="276">
        <v>246</v>
      </c>
      <c r="Z22" s="280">
        <v>635</v>
      </c>
      <c r="AA22" s="277">
        <v>881</v>
      </c>
      <c r="AB22" s="279">
        <v>0</v>
      </c>
      <c r="AC22" s="280">
        <v>2240</v>
      </c>
      <c r="AD22" s="280">
        <v>1837</v>
      </c>
      <c r="AE22" s="280">
        <v>1143</v>
      </c>
      <c r="AF22" s="280">
        <v>830</v>
      </c>
      <c r="AG22" s="280">
        <v>669</v>
      </c>
      <c r="AH22" s="277">
        <v>6719</v>
      </c>
      <c r="AI22" s="282">
        <v>7600</v>
      </c>
      <c r="AJ22" s="276">
        <v>84</v>
      </c>
      <c r="AK22" s="280">
        <v>328</v>
      </c>
      <c r="AL22" s="277">
        <v>412</v>
      </c>
      <c r="AM22" s="279">
        <v>0</v>
      </c>
      <c r="AN22" s="280">
        <v>621</v>
      </c>
      <c r="AO22" s="280">
        <v>520</v>
      </c>
      <c r="AP22" s="280">
        <v>370</v>
      </c>
      <c r="AQ22" s="280">
        <v>386</v>
      </c>
      <c r="AR22" s="280">
        <v>147</v>
      </c>
      <c r="AS22" s="277">
        <v>2044</v>
      </c>
      <c r="AT22" s="282">
        <v>2456</v>
      </c>
      <c r="AU22" s="276">
        <v>0</v>
      </c>
      <c r="AV22" s="280">
        <v>0</v>
      </c>
      <c r="AW22" s="277">
        <v>0</v>
      </c>
      <c r="AX22" s="279">
        <v>0</v>
      </c>
      <c r="AY22" s="280">
        <v>2616</v>
      </c>
      <c r="AZ22" s="280">
        <v>1785</v>
      </c>
      <c r="BA22" s="280">
        <v>1485</v>
      </c>
      <c r="BB22" s="280">
        <v>768</v>
      </c>
      <c r="BC22" s="280">
        <v>346</v>
      </c>
      <c r="BD22" s="281">
        <v>7000</v>
      </c>
      <c r="BE22" s="282">
        <v>7000</v>
      </c>
      <c r="BF22" s="276">
        <v>0</v>
      </c>
      <c r="BG22" s="280">
        <v>0</v>
      </c>
      <c r="BH22" s="277">
        <v>0</v>
      </c>
      <c r="BI22" s="279">
        <v>0</v>
      </c>
      <c r="BJ22" s="280">
        <v>1234</v>
      </c>
      <c r="BK22" s="280">
        <v>884</v>
      </c>
      <c r="BL22" s="280">
        <v>566</v>
      </c>
      <c r="BM22" s="280">
        <v>340</v>
      </c>
      <c r="BN22" s="280">
        <v>103</v>
      </c>
      <c r="BO22" s="277">
        <v>3127</v>
      </c>
      <c r="BP22" s="282">
        <v>3127</v>
      </c>
      <c r="BQ22" s="276">
        <v>10</v>
      </c>
      <c r="BR22" s="280">
        <v>11</v>
      </c>
      <c r="BS22" s="277">
        <v>21</v>
      </c>
      <c r="BT22" s="279">
        <v>0</v>
      </c>
      <c r="BU22" s="280">
        <v>478</v>
      </c>
      <c r="BV22" s="280">
        <v>420</v>
      </c>
      <c r="BW22" s="280">
        <v>987</v>
      </c>
      <c r="BX22" s="280">
        <v>607</v>
      </c>
      <c r="BY22" s="280">
        <v>262</v>
      </c>
      <c r="BZ22" s="277">
        <v>2754</v>
      </c>
      <c r="CA22" s="282">
        <v>2775</v>
      </c>
      <c r="CB22" s="276">
        <v>0</v>
      </c>
      <c r="CC22" s="280">
        <v>0</v>
      </c>
      <c r="CD22" s="277">
        <v>0</v>
      </c>
      <c r="CE22" s="279">
        <v>0</v>
      </c>
      <c r="CF22" s="280">
        <v>14</v>
      </c>
      <c r="CG22" s="280">
        <v>25</v>
      </c>
      <c r="CH22" s="280">
        <v>74</v>
      </c>
      <c r="CI22" s="280">
        <v>64</v>
      </c>
      <c r="CJ22" s="280">
        <v>33</v>
      </c>
      <c r="CK22" s="277">
        <v>210</v>
      </c>
      <c r="CL22" s="282">
        <v>210</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18.75" customHeight="1" x14ac:dyDescent="0.2">
      <c r="B23" s="261" t="s">
        <v>21</v>
      </c>
      <c r="C23" s="276">
        <v>0</v>
      </c>
      <c r="D23" s="280">
        <v>0</v>
      </c>
      <c r="E23" s="384">
        <v>0</v>
      </c>
      <c r="F23" s="279">
        <v>0</v>
      </c>
      <c r="G23" s="280">
        <v>2511</v>
      </c>
      <c r="H23" s="280">
        <v>5949</v>
      </c>
      <c r="I23" s="280">
        <v>6310</v>
      </c>
      <c r="J23" s="280">
        <v>7534</v>
      </c>
      <c r="K23" s="280">
        <v>5461</v>
      </c>
      <c r="L23" s="281">
        <v>27765</v>
      </c>
      <c r="M23" s="282">
        <v>27765</v>
      </c>
      <c r="N23" s="276">
        <v>0</v>
      </c>
      <c r="O23" s="280">
        <v>0</v>
      </c>
      <c r="P23" s="277">
        <v>0</v>
      </c>
      <c r="Q23" s="279">
        <v>0</v>
      </c>
      <c r="R23" s="280">
        <v>0</v>
      </c>
      <c r="S23" s="280">
        <v>22</v>
      </c>
      <c r="T23" s="280">
        <v>104</v>
      </c>
      <c r="U23" s="280">
        <v>148</v>
      </c>
      <c r="V23" s="280">
        <v>200</v>
      </c>
      <c r="W23" s="277">
        <v>474</v>
      </c>
      <c r="X23" s="282">
        <v>474</v>
      </c>
      <c r="Y23" s="276">
        <v>333</v>
      </c>
      <c r="Z23" s="280">
        <v>513</v>
      </c>
      <c r="AA23" s="277">
        <v>846</v>
      </c>
      <c r="AB23" s="279">
        <v>0</v>
      </c>
      <c r="AC23" s="280">
        <v>1639</v>
      </c>
      <c r="AD23" s="280">
        <v>2664</v>
      </c>
      <c r="AE23" s="280">
        <v>1535</v>
      </c>
      <c r="AF23" s="280">
        <v>1333</v>
      </c>
      <c r="AG23" s="280">
        <v>765</v>
      </c>
      <c r="AH23" s="277">
        <v>7936</v>
      </c>
      <c r="AI23" s="282">
        <v>8782</v>
      </c>
      <c r="AJ23" s="276">
        <v>117</v>
      </c>
      <c r="AK23" s="280">
        <v>309</v>
      </c>
      <c r="AL23" s="277">
        <v>426</v>
      </c>
      <c r="AM23" s="279">
        <v>0</v>
      </c>
      <c r="AN23" s="280">
        <v>168</v>
      </c>
      <c r="AO23" s="280">
        <v>376</v>
      </c>
      <c r="AP23" s="280">
        <v>196</v>
      </c>
      <c r="AQ23" s="280">
        <v>207</v>
      </c>
      <c r="AR23" s="280">
        <v>58</v>
      </c>
      <c r="AS23" s="277">
        <v>1005</v>
      </c>
      <c r="AT23" s="282">
        <v>1431</v>
      </c>
      <c r="AU23" s="276">
        <v>0</v>
      </c>
      <c r="AV23" s="280">
        <v>0</v>
      </c>
      <c r="AW23" s="277">
        <v>0</v>
      </c>
      <c r="AX23" s="279">
        <v>0</v>
      </c>
      <c r="AY23" s="280">
        <v>2327</v>
      </c>
      <c r="AZ23" s="280">
        <v>2824</v>
      </c>
      <c r="BA23" s="280">
        <v>1821</v>
      </c>
      <c r="BB23" s="280">
        <v>932</v>
      </c>
      <c r="BC23" s="280">
        <v>367</v>
      </c>
      <c r="BD23" s="281">
        <v>8271</v>
      </c>
      <c r="BE23" s="282">
        <v>8271</v>
      </c>
      <c r="BF23" s="276">
        <v>0</v>
      </c>
      <c r="BG23" s="280">
        <v>0</v>
      </c>
      <c r="BH23" s="277">
        <v>0</v>
      </c>
      <c r="BI23" s="279">
        <v>0</v>
      </c>
      <c r="BJ23" s="280">
        <v>330</v>
      </c>
      <c r="BK23" s="280">
        <v>497</v>
      </c>
      <c r="BL23" s="280">
        <v>287</v>
      </c>
      <c r="BM23" s="280">
        <v>110</v>
      </c>
      <c r="BN23" s="280">
        <v>105</v>
      </c>
      <c r="BO23" s="277">
        <v>1329</v>
      </c>
      <c r="BP23" s="282">
        <v>1329</v>
      </c>
      <c r="BQ23" s="276">
        <v>6</v>
      </c>
      <c r="BR23" s="280">
        <v>8</v>
      </c>
      <c r="BS23" s="277">
        <v>14</v>
      </c>
      <c r="BT23" s="279">
        <v>0</v>
      </c>
      <c r="BU23" s="280">
        <v>156</v>
      </c>
      <c r="BV23" s="280">
        <v>290</v>
      </c>
      <c r="BW23" s="280">
        <v>1195</v>
      </c>
      <c r="BX23" s="280">
        <v>830</v>
      </c>
      <c r="BY23" s="280">
        <v>554</v>
      </c>
      <c r="BZ23" s="277">
        <v>3025</v>
      </c>
      <c r="CA23" s="282">
        <v>3039</v>
      </c>
      <c r="CB23" s="276">
        <v>0</v>
      </c>
      <c r="CC23" s="280">
        <v>0</v>
      </c>
      <c r="CD23" s="277">
        <v>0</v>
      </c>
      <c r="CE23" s="279">
        <v>0</v>
      </c>
      <c r="CF23" s="280">
        <v>0</v>
      </c>
      <c r="CG23" s="280">
        <v>35</v>
      </c>
      <c r="CH23" s="280">
        <v>11</v>
      </c>
      <c r="CI23" s="280">
        <v>27</v>
      </c>
      <c r="CJ23" s="280">
        <v>12</v>
      </c>
      <c r="CK23" s="277">
        <v>85</v>
      </c>
      <c r="CL23" s="282">
        <v>85</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18.75" customHeight="1" x14ac:dyDescent="0.2">
      <c r="B24" s="261" t="s">
        <v>22</v>
      </c>
      <c r="C24" s="276">
        <v>0</v>
      </c>
      <c r="D24" s="280">
        <v>0</v>
      </c>
      <c r="E24" s="384">
        <v>0</v>
      </c>
      <c r="F24" s="279">
        <v>0</v>
      </c>
      <c r="G24" s="280">
        <v>621</v>
      </c>
      <c r="H24" s="280">
        <v>1011</v>
      </c>
      <c r="I24" s="280">
        <v>657</v>
      </c>
      <c r="J24" s="280">
        <v>1363</v>
      </c>
      <c r="K24" s="280">
        <v>1755</v>
      </c>
      <c r="L24" s="281">
        <v>5407</v>
      </c>
      <c r="M24" s="282">
        <v>5407</v>
      </c>
      <c r="N24" s="276">
        <v>0</v>
      </c>
      <c r="O24" s="280">
        <v>0</v>
      </c>
      <c r="P24" s="277">
        <v>0</v>
      </c>
      <c r="Q24" s="279">
        <v>0</v>
      </c>
      <c r="R24" s="280">
        <v>4</v>
      </c>
      <c r="S24" s="280">
        <v>7</v>
      </c>
      <c r="T24" s="280">
        <v>20</v>
      </c>
      <c r="U24" s="280">
        <v>46</v>
      </c>
      <c r="V24" s="280">
        <v>130</v>
      </c>
      <c r="W24" s="277">
        <v>207</v>
      </c>
      <c r="X24" s="282">
        <v>207</v>
      </c>
      <c r="Y24" s="276">
        <v>15</v>
      </c>
      <c r="Z24" s="280">
        <v>73</v>
      </c>
      <c r="AA24" s="277">
        <v>88</v>
      </c>
      <c r="AB24" s="279">
        <v>0</v>
      </c>
      <c r="AC24" s="280">
        <v>335</v>
      </c>
      <c r="AD24" s="280">
        <v>547</v>
      </c>
      <c r="AE24" s="280">
        <v>168</v>
      </c>
      <c r="AF24" s="280">
        <v>280</v>
      </c>
      <c r="AG24" s="280">
        <v>312</v>
      </c>
      <c r="AH24" s="277">
        <v>1642</v>
      </c>
      <c r="AI24" s="282">
        <v>1730</v>
      </c>
      <c r="AJ24" s="276">
        <v>0</v>
      </c>
      <c r="AK24" s="280">
        <v>27</v>
      </c>
      <c r="AL24" s="277">
        <v>27</v>
      </c>
      <c r="AM24" s="279">
        <v>0</v>
      </c>
      <c r="AN24" s="280">
        <v>136</v>
      </c>
      <c r="AO24" s="280">
        <v>266</v>
      </c>
      <c r="AP24" s="280">
        <v>108</v>
      </c>
      <c r="AQ24" s="280">
        <v>44</v>
      </c>
      <c r="AR24" s="280">
        <v>56</v>
      </c>
      <c r="AS24" s="277">
        <v>610</v>
      </c>
      <c r="AT24" s="282">
        <v>637</v>
      </c>
      <c r="AU24" s="276">
        <v>0</v>
      </c>
      <c r="AV24" s="280">
        <v>0</v>
      </c>
      <c r="AW24" s="277">
        <v>0</v>
      </c>
      <c r="AX24" s="279">
        <v>0</v>
      </c>
      <c r="AY24" s="280">
        <v>1179</v>
      </c>
      <c r="AZ24" s="280">
        <v>1124</v>
      </c>
      <c r="BA24" s="280">
        <v>469</v>
      </c>
      <c r="BB24" s="280">
        <v>225</v>
      </c>
      <c r="BC24" s="280">
        <v>208</v>
      </c>
      <c r="BD24" s="281">
        <v>3205</v>
      </c>
      <c r="BE24" s="282">
        <v>3205</v>
      </c>
      <c r="BF24" s="276">
        <v>0</v>
      </c>
      <c r="BG24" s="280">
        <v>0</v>
      </c>
      <c r="BH24" s="277">
        <v>0</v>
      </c>
      <c r="BI24" s="279">
        <v>0</v>
      </c>
      <c r="BJ24" s="280">
        <v>102</v>
      </c>
      <c r="BK24" s="280">
        <v>120</v>
      </c>
      <c r="BL24" s="280">
        <v>114</v>
      </c>
      <c r="BM24" s="280">
        <v>104</v>
      </c>
      <c r="BN24" s="280">
        <v>31</v>
      </c>
      <c r="BO24" s="277">
        <v>471</v>
      </c>
      <c r="BP24" s="282">
        <v>471</v>
      </c>
      <c r="BQ24" s="276">
        <v>2</v>
      </c>
      <c r="BR24" s="280">
        <v>14</v>
      </c>
      <c r="BS24" s="277">
        <v>16</v>
      </c>
      <c r="BT24" s="279">
        <v>0</v>
      </c>
      <c r="BU24" s="280">
        <v>111</v>
      </c>
      <c r="BV24" s="280">
        <v>240</v>
      </c>
      <c r="BW24" s="280">
        <v>535</v>
      </c>
      <c r="BX24" s="280">
        <v>267</v>
      </c>
      <c r="BY24" s="280">
        <v>80</v>
      </c>
      <c r="BZ24" s="277">
        <v>1233</v>
      </c>
      <c r="CA24" s="282">
        <v>1249</v>
      </c>
      <c r="CB24" s="276">
        <v>0</v>
      </c>
      <c r="CC24" s="280">
        <v>1</v>
      </c>
      <c r="CD24" s="277">
        <v>1</v>
      </c>
      <c r="CE24" s="279">
        <v>0</v>
      </c>
      <c r="CF24" s="280">
        <v>0</v>
      </c>
      <c r="CG24" s="280">
        <v>20</v>
      </c>
      <c r="CH24" s="280">
        <v>37</v>
      </c>
      <c r="CI24" s="280">
        <v>15</v>
      </c>
      <c r="CJ24" s="280">
        <v>0</v>
      </c>
      <c r="CK24" s="277">
        <v>72</v>
      </c>
      <c r="CL24" s="282">
        <v>73</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18.75" customHeight="1" x14ac:dyDescent="0.2">
      <c r="B25" s="261" t="s">
        <v>23</v>
      </c>
      <c r="C25" s="276">
        <v>0</v>
      </c>
      <c r="D25" s="280">
        <v>0</v>
      </c>
      <c r="E25" s="384">
        <v>0</v>
      </c>
      <c r="F25" s="279">
        <v>0</v>
      </c>
      <c r="G25" s="280">
        <v>1782</v>
      </c>
      <c r="H25" s="280">
        <v>2527</v>
      </c>
      <c r="I25" s="280">
        <v>2599</v>
      </c>
      <c r="J25" s="280">
        <v>2512</v>
      </c>
      <c r="K25" s="280">
        <v>2043</v>
      </c>
      <c r="L25" s="281">
        <v>11463</v>
      </c>
      <c r="M25" s="282">
        <v>11463</v>
      </c>
      <c r="N25" s="276">
        <v>0</v>
      </c>
      <c r="O25" s="280">
        <v>0</v>
      </c>
      <c r="P25" s="277">
        <v>0</v>
      </c>
      <c r="Q25" s="279">
        <v>0</v>
      </c>
      <c r="R25" s="280">
        <v>1</v>
      </c>
      <c r="S25" s="280">
        <v>14</v>
      </c>
      <c r="T25" s="280">
        <v>24</v>
      </c>
      <c r="U25" s="280">
        <v>60</v>
      </c>
      <c r="V25" s="280">
        <v>89</v>
      </c>
      <c r="W25" s="277">
        <v>188</v>
      </c>
      <c r="X25" s="282">
        <v>188</v>
      </c>
      <c r="Y25" s="276">
        <v>195</v>
      </c>
      <c r="Z25" s="280">
        <v>414</v>
      </c>
      <c r="AA25" s="277">
        <v>609</v>
      </c>
      <c r="AB25" s="279">
        <v>0</v>
      </c>
      <c r="AC25" s="280">
        <v>996</v>
      </c>
      <c r="AD25" s="280">
        <v>1557</v>
      </c>
      <c r="AE25" s="280">
        <v>730</v>
      </c>
      <c r="AF25" s="280">
        <v>642</v>
      </c>
      <c r="AG25" s="280">
        <v>687</v>
      </c>
      <c r="AH25" s="277">
        <v>4612</v>
      </c>
      <c r="AI25" s="282">
        <v>5221</v>
      </c>
      <c r="AJ25" s="276">
        <v>20</v>
      </c>
      <c r="AK25" s="280">
        <v>92</v>
      </c>
      <c r="AL25" s="277">
        <v>112</v>
      </c>
      <c r="AM25" s="279">
        <v>0</v>
      </c>
      <c r="AN25" s="280">
        <v>107</v>
      </c>
      <c r="AO25" s="280">
        <v>274</v>
      </c>
      <c r="AP25" s="280">
        <v>105</v>
      </c>
      <c r="AQ25" s="280">
        <v>80</v>
      </c>
      <c r="AR25" s="280">
        <v>44</v>
      </c>
      <c r="AS25" s="277">
        <v>610</v>
      </c>
      <c r="AT25" s="282">
        <v>722</v>
      </c>
      <c r="AU25" s="276">
        <v>0</v>
      </c>
      <c r="AV25" s="280">
        <v>0</v>
      </c>
      <c r="AW25" s="277">
        <v>0</v>
      </c>
      <c r="AX25" s="279">
        <v>0</v>
      </c>
      <c r="AY25" s="280">
        <v>2408</v>
      </c>
      <c r="AZ25" s="280">
        <v>2261</v>
      </c>
      <c r="BA25" s="280">
        <v>1265</v>
      </c>
      <c r="BB25" s="280">
        <v>822</v>
      </c>
      <c r="BC25" s="280">
        <v>331</v>
      </c>
      <c r="BD25" s="281">
        <v>7087</v>
      </c>
      <c r="BE25" s="282">
        <v>7087</v>
      </c>
      <c r="BF25" s="276">
        <v>0</v>
      </c>
      <c r="BG25" s="280">
        <v>0</v>
      </c>
      <c r="BH25" s="277">
        <v>0</v>
      </c>
      <c r="BI25" s="279">
        <v>0</v>
      </c>
      <c r="BJ25" s="280">
        <v>265</v>
      </c>
      <c r="BK25" s="280">
        <v>410</v>
      </c>
      <c r="BL25" s="280">
        <v>290</v>
      </c>
      <c r="BM25" s="280">
        <v>215</v>
      </c>
      <c r="BN25" s="280">
        <v>43</v>
      </c>
      <c r="BO25" s="277">
        <v>1223</v>
      </c>
      <c r="BP25" s="282">
        <v>1223</v>
      </c>
      <c r="BQ25" s="276">
        <v>6</v>
      </c>
      <c r="BR25" s="280">
        <v>0</v>
      </c>
      <c r="BS25" s="277">
        <v>6</v>
      </c>
      <c r="BT25" s="279">
        <v>0</v>
      </c>
      <c r="BU25" s="280">
        <v>101</v>
      </c>
      <c r="BV25" s="280">
        <v>390</v>
      </c>
      <c r="BW25" s="280">
        <v>467</v>
      </c>
      <c r="BX25" s="280">
        <v>379</v>
      </c>
      <c r="BY25" s="280">
        <v>184</v>
      </c>
      <c r="BZ25" s="277">
        <v>1521</v>
      </c>
      <c r="CA25" s="282">
        <v>1527</v>
      </c>
      <c r="CB25" s="276">
        <v>0</v>
      </c>
      <c r="CC25" s="280">
        <v>0</v>
      </c>
      <c r="CD25" s="277">
        <v>0</v>
      </c>
      <c r="CE25" s="279">
        <v>0</v>
      </c>
      <c r="CF25" s="280">
        <v>3</v>
      </c>
      <c r="CG25" s="280">
        <v>12</v>
      </c>
      <c r="CH25" s="280">
        <v>18</v>
      </c>
      <c r="CI25" s="280">
        <v>28</v>
      </c>
      <c r="CJ25" s="280">
        <v>40</v>
      </c>
      <c r="CK25" s="277">
        <v>101</v>
      </c>
      <c r="CL25" s="282">
        <v>101</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18.75" customHeight="1" x14ac:dyDescent="0.2">
      <c r="B26" s="261" t="s">
        <v>24</v>
      </c>
      <c r="C26" s="276">
        <v>0</v>
      </c>
      <c r="D26" s="280">
        <v>0</v>
      </c>
      <c r="E26" s="384">
        <v>0</v>
      </c>
      <c r="F26" s="279">
        <v>0</v>
      </c>
      <c r="G26" s="280">
        <v>807</v>
      </c>
      <c r="H26" s="280">
        <v>845</v>
      </c>
      <c r="I26" s="280">
        <v>1295</v>
      </c>
      <c r="J26" s="280">
        <v>1728</v>
      </c>
      <c r="K26" s="280">
        <v>1507</v>
      </c>
      <c r="L26" s="281">
        <v>6182</v>
      </c>
      <c r="M26" s="282">
        <v>6182</v>
      </c>
      <c r="N26" s="276">
        <v>0</v>
      </c>
      <c r="O26" s="280">
        <v>0</v>
      </c>
      <c r="P26" s="277">
        <v>0</v>
      </c>
      <c r="Q26" s="279">
        <v>0</v>
      </c>
      <c r="R26" s="280">
        <v>0</v>
      </c>
      <c r="S26" s="280">
        <v>3</v>
      </c>
      <c r="T26" s="280">
        <v>37</v>
      </c>
      <c r="U26" s="280">
        <v>41</v>
      </c>
      <c r="V26" s="280">
        <v>101</v>
      </c>
      <c r="W26" s="277">
        <v>182</v>
      </c>
      <c r="X26" s="282">
        <v>182</v>
      </c>
      <c r="Y26" s="276">
        <v>55</v>
      </c>
      <c r="Z26" s="280">
        <v>114</v>
      </c>
      <c r="AA26" s="277">
        <v>169</v>
      </c>
      <c r="AB26" s="279">
        <v>0</v>
      </c>
      <c r="AC26" s="280">
        <v>507</v>
      </c>
      <c r="AD26" s="280">
        <v>465</v>
      </c>
      <c r="AE26" s="280">
        <v>472</v>
      </c>
      <c r="AF26" s="280">
        <v>315</v>
      </c>
      <c r="AG26" s="280">
        <v>347</v>
      </c>
      <c r="AH26" s="277">
        <v>2106</v>
      </c>
      <c r="AI26" s="282">
        <v>2275</v>
      </c>
      <c r="AJ26" s="276">
        <v>0</v>
      </c>
      <c r="AK26" s="280">
        <v>8</v>
      </c>
      <c r="AL26" s="277">
        <v>8</v>
      </c>
      <c r="AM26" s="279">
        <v>0</v>
      </c>
      <c r="AN26" s="280">
        <v>58</v>
      </c>
      <c r="AO26" s="280">
        <v>82</v>
      </c>
      <c r="AP26" s="280">
        <v>18</v>
      </c>
      <c r="AQ26" s="280">
        <v>82</v>
      </c>
      <c r="AR26" s="280">
        <v>75</v>
      </c>
      <c r="AS26" s="277">
        <v>315</v>
      </c>
      <c r="AT26" s="282">
        <v>323</v>
      </c>
      <c r="AU26" s="276">
        <v>0</v>
      </c>
      <c r="AV26" s="280">
        <v>0</v>
      </c>
      <c r="AW26" s="277">
        <v>0</v>
      </c>
      <c r="AX26" s="279">
        <v>0</v>
      </c>
      <c r="AY26" s="280">
        <v>897</v>
      </c>
      <c r="AZ26" s="280">
        <v>694</v>
      </c>
      <c r="BA26" s="280">
        <v>420</v>
      </c>
      <c r="BB26" s="280">
        <v>183</v>
      </c>
      <c r="BC26" s="280">
        <v>91</v>
      </c>
      <c r="BD26" s="281">
        <v>2285</v>
      </c>
      <c r="BE26" s="282">
        <v>2285</v>
      </c>
      <c r="BF26" s="276">
        <v>0</v>
      </c>
      <c r="BG26" s="280">
        <v>0</v>
      </c>
      <c r="BH26" s="277">
        <v>0</v>
      </c>
      <c r="BI26" s="279">
        <v>0</v>
      </c>
      <c r="BJ26" s="280">
        <v>302</v>
      </c>
      <c r="BK26" s="280">
        <v>314</v>
      </c>
      <c r="BL26" s="280">
        <v>125</v>
      </c>
      <c r="BM26" s="280">
        <v>70</v>
      </c>
      <c r="BN26" s="280">
        <v>135</v>
      </c>
      <c r="BO26" s="277">
        <v>946</v>
      </c>
      <c r="BP26" s="282">
        <v>946</v>
      </c>
      <c r="BQ26" s="276">
        <v>2</v>
      </c>
      <c r="BR26" s="280">
        <v>5</v>
      </c>
      <c r="BS26" s="277">
        <v>7</v>
      </c>
      <c r="BT26" s="279">
        <v>0</v>
      </c>
      <c r="BU26" s="280">
        <v>60</v>
      </c>
      <c r="BV26" s="280">
        <v>173</v>
      </c>
      <c r="BW26" s="280">
        <v>202</v>
      </c>
      <c r="BX26" s="280">
        <v>261</v>
      </c>
      <c r="BY26" s="280">
        <v>208</v>
      </c>
      <c r="BZ26" s="277">
        <v>904</v>
      </c>
      <c r="CA26" s="282">
        <v>911</v>
      </c>
      <c r="CB26" s="276">
        <v>0</v>
      </c>
      <c r="CC26" s="280">
        <v>0</v>
      </c>
      <c r="CD26" s="277">
        <v>0</v>
      </c>
      <c r="CE26" s="279">
        <v>0</v>
      </c>
      <c r="CF26" s="280">
        <v>8</v>
      </c>
      <c r="CG26" s="280">
        <v>0</v>
      </c>
      <c r="CH26" s="280">
        <v>15</v>
      </c>
      <c r="CI26" s="280">
        <v>14</v>
      </c>
      <c r="CJ26" s="280">
        <v>4</v>
      </c>
      <c r="CK26" s="277">
        <v>41</v>
      </c>
      <c r="CL26" s="282">
        <v>41</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18.75" customHeight="1" x14ac:dyDescent="0.2">
      <c r="B27" s="261" t="s">
        <v>25</v>
      </c>
      <c r="C27" s="276">
        <v>0</v>
      </c>
      <c r="D27" s="280">
        <v>0</v>
      </c>
      <c r="E27" s="384">
        <v>0</v>
      </c>
      <c r="F27" s="279">
        <v>0</v>
      </c>
      <c r="G27" s="280">
        <v>1355</v>
      </c>
      <c r="H27" s="280">
        <v>1269</v>
      </c>
      <c r="I27" s="280">
        <v>1438</v>
      </c>
      <c r="J27" s="280">
        <v>2387</v>
      </c>
      <c r="K27" s="280">
        <v>2081</v>
      </c>
      <c r="L27" s="281">
        <v>8530</v>
      </c>
      <c r="M27" s="282">
        <v>8530</v>
      </c>
      <c r="N27" s="276">
        <v>0</v>
      </c>
      <c r="O27" s="280">
        <v>0</v>
      </c>
      <c r="P27" s="277">
        <v>0</v>
      </c>
      <c r="Q27" s="279">
        <v>0</v>
      </c>
      <c r="R27" s="280">
        <v>7</v>
      </c>
      <c r="S27" s="280">
        <v>34</v>
      </c>
      <c r="T27" s="280">
        <v>29</v>
      </c>
      <c r="U27" s="280">
        <v>95</v>
      </c>
      <c r="V27" s="280">
        <v>179</v>
      </c>
      <c r="W27" s="277">
        <v>344</v>
      </c>
      <c r="X27" s="282">
        <v>344</v>
      </c>
      <c r="Y27" s="276">
        <v>74</v>
      </c>
      <c r="Z27" s="280">
        <v>215</v>
      </c>
      <c r="AA27" s="277">
        <v>289</v>
      </c>
      <c r="AB27" s="279">
        <v>0</v>
      </c>
      <c r="AC27" s="280">
        <v>569</v>
      </c>
      <c r="AD27" s="280">
        <v>519</v>
      </c>
      <c r="AE27" s="280">
        <v>320</v>
      </c>
      <c r="AF27" s="280">
        <v>269</v>
      </c>
      <c r="AG27" s="280">
        <v>276</v>
      </c>
      <c r="AH27" s="277">
        <v>1953</v>
      </c>
      <c r="AI27" s="282">
        <v>2242</v>
      </c>
      <c r="AJ27" s="276">
        <v>32</v>
      </c>
      <c r="AK27" s="280">
        <v>28</v>
      </c>
      <c r="AL27" s="277">
        <v>60</v>
      </c>
      <c r="AM27" s="279">
        <v>0</v>
      </c>
      <c r="AN27" s="280">
        <v>32</v>
      </c>
      <c r="AO27" s="280">
        <v>160</v>
      </c>
      <c r="AP27" s="280">
        <v>50</v>
      </c>
      <c r="AQ27" s="280">
        <v>52</v>
      </c>
      <c r="AR27" s="280">
        <v>81</v>
      </c>
      <c r="AS27" s="277">
        <v>375</v>
      </c>
      <c r="AT27" s="282">
        <v>435</v>
      </c>
      <c r="AU27" s="276">
        <v>0</v>
      </c>
      <c r="AV27" s="280">
        <v>0</v>
      </c>
      <c r="AW27" s="277">
        <v>0</v>
      </c>
      <c r="AX27" s="279">
        <v>0</v>
      </c>
      <c r="AY27" s="280">
        <v>1282</v>
      </c>
      <c r="AZ27" s="280">
        <v>773</v>
      </c>
      <c r="BA27" s="280">
        <v>580</v>
      </c>
      <c r="BB27" s="280">
        <v>608</v>
      </c>
      <c r="BC27" s="280">
        <v>64</v>
      </c>
      <c r="BD27" s="281">
        <v>3307</v>
      </c>
      <c r="BE27" s="282">
        <v>3307</v>
      </c>
      <c r="BF27" s="276">
        <v>0</v>
      </c>
      <c r="BG27" s="280">
        <v>0</v>
      </c>
      <c r="BH27" s="277">
        <v>0</v>
      </c>
      <c r="BI27" s="279">
        <v>0</v>
      </c>
      <c r="BJ27" s="280">
        <v>280</v>
      </c>
      <c r="BK27" s="280">
        <v>410</v>
      </c>
      <c r="BL27" s="280">
        <v>142</v>
      </c>
      <c r="BM27" s="280">
        <v>111</v>
      </c>
      <c r="BN27" s="280">
        <v>48</v>
      </c>
      <c r="BO27" s="277">
        <v>991</v>
      </c>
      <c r="BP27" s="282">
        <v>991</v>
      </c>
      <c r="BQ27" s="276">
        <v>0</v>
      </c>
      <c r="BR27" s="280">
        <v>15</v>
      </c>
      <c r="BS27" s="277">
        <v>15</v>
      </c>
      <c r="BT27" s="279">
        <v>0</v>
      </c>
      <c r="BU27" s="280">
        <v>60</v>
      </c>
      <c r="BV27" s="280">
        <v>120</v>
      </c>
      <c r="BW27" s="280">
        <v>144</v>
      </c>
      <c r="BX27" s="280">
        <v>82</v>
      </c>
      <c r="BY27" s="280">
        <v>20</v>
      </c>
      <c r="BZ27" s="277">
        <v>426</v>
      </c>
      <c r="CA27" s="282">
        <v>441</v>
      </c>
      <c r="CB27" s="276">
        <v>0</v>
      </c>
      <c r="CC27" s="280">
        <v>0</v>
      </c>
      <c r="CD27" s="277">
        <v>0</v>
      </c>
      <c r="CE27" s="279">
        <v>0</v>
      </c>
      <c r="CF27" s="280">
        <v>12</v>
      </c>
      <c r="CG27" s="280">
        <v>5</v>
      </c>
      <c r="CH27" s="280">
        <v>2</v>
      </c>
      <c r="CI27" s="280">
        <v>0</v>
      </c>
      <c r="CJ27" s="280">
        <v>0</v>
      </c>
      <c r="CK27" s="277">
        <v>19</v>
      </c>
      <c r="CL27" s="282">
        <v>19</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18.75" customHeight="1" x14ac:dyDescent="0.2">
      <c r="B28" s="261" t="s">
        <v>26</v>
      </c>
      <c r="C28" s="276">
        <v>0</v>
      </c>
      <c r="D28" s="280">
        <v>0</v>
      </c>
      <c r="E28" s="384">
        <v>0</v>
      </c>
      <c r="F28" s="279">
        <v>0</v>
      </c>
      <c r="G28" s="280">
        <v>834</v>
      </c>
      <c r="H28" s="280">
        <v>1123</v>
      </c>
      <c r="I28" s="280">
        <v>1046</v>
      </c>
      <c r="J28" s="280">
        <v>1613</v>
      </c>
      <c r="K28" s="280">
        <v>2217</v>
      </c>
      <c r="L28" s="281">
        <v>6833</v>
      </c>
      <c r="M28" s="282">
        <v>6833</v>
      </c>
      <c r="N28" s="276">
        <v>0</v>
      </c>
      <c r="O28" s="280">
        <v>0</v>
      </c>
      <c r="P28" s="277">
        <v>0</v>
      </c>
      <c r="Q28" s="279">
        <v>0</v>
      </c>
      <c r="R28" s="280">
        <v>6</v>
      </c>
      <c r="S28" s="280">
        <v>7</v>
      </c>
      <c r="T28" s="280">
        <v>20</v>
      </c>
      <c r="U28" s="280">
        <v>54</v>
      </c>
      <c r="V28" s="280">
        <v>81</v>
      </c>
      <c r="W28" s="277">
        <v>168</v>
      </c>
      <c r="X28" s="282">
        <v>168</v>
      </c>
      <c r="Y28" s="276">
        <v>34</v>
      </c>
      <c r="Z28" s="280">
        <v>94</v>
      </c>
      <c r="AA28" s="277">
        <v>128</v>
      </c>
      <c r="AB28" s="279">
        <v>0</v>
      </c>
      <c r="AC28" s="280">
        <v>374</v>
      </c>
      <c r="AD28" s="280">
        <v>505</v>
      </c>
      <c r="AE28" s="280">
        <v>304</v>
      </c>
      <c r="AF28" s="280">
        <v>305</v>
      </c>
      <c r="AG28" s="280">
        <v>369</v>
      </c>
      <c r="AH28" s="277">
        <v>1857</v>
      </c>
      <c r="AI28" s="282">
        <v>1985</v>
      </c>
      <c r="AJ28" s="276">
        <v>0</v>
      </c>
      <c r="AK28" s="280">
        <v>0</v>
      </c>
      <c r="AL28" s="277">
        <v>0</v>
      </c>
      <c r="AM28" s="279">
        <v>0</v>
      </c>
      <c r="AN28" s="280">
        <v>27</v>
      </c>
      <c r="AO28" s="280">
        <v>91</v>
      </c>
      <c r="AP28" s="280">
        <v>66</v>
      </c>
      <c r="AQ28" s="280">
        <v>20</v>
      </c>
      <c r="AR28" s="280">
        <v>43</v>
      </c>
      <c r="AS28" s="277">
        <v>247</v>
      </c>
      <c r="AT28" s="282">
        <v>247</v>
      </c>
      <c r="AU28" s="276">
        <v>0</v>
      </c>
      <c r="AV28" s="280">
        <v>0</v>
      </c>
      <c r="AW28" s="277">
        <v>0</v>
      </c>
      <c r="AX28" s="279">
        <v>0</v>
      </c>
      <c r="AY28" s="280">
        <v>831</v>
      </c>
      <c r="AZ28" s="280">
        <v>674</v>
      </c>
      <c r="BA28" s="280">
        <v>427</v>
      </c>
      <c r="BB28" s="280">
        <v>237</v>
      </c>
      <c r="BC28" s="280">
        <v>133</v>
      </c>
      <c r="BD28" s="281">
        <v>2302</v>
      </c>
      <c r="BE28" s="282">
        <v>2302</v>
      </c>
      <c r="BF28" s="276">
        <v>0</v>
      </c>
      <c r="BG28" s="280">
        <v>0</v>
      </c>
      <c r="BH28" s="277">
        <v>0</v>
      </c>
      <c r="BI28" s="279">
        <v>0</v>
      </c>
      <c r="BJ28" s="280">
        <v>137</v>
      </c>
      <c r="BK28" s="280">
        <v>194</v>
      </c>
      <c r="BL28" s="280">
        <v>99</v>
      </c>
      <c r="BM28" s="280">
        <v>27</v>
      </c>
      <c r="BN28" s="280">
        <v>35</v>
      </c>
      <c r="BO28" s="277">
        <v>492</v>
      </c>
      <c r="BP28" s="282">
        <v>492</v>
      </c>
      <c r="BQ28" s="276">
        <v>0</v>
      </c>
      <c r="BR28" s="280">
        <v>17</v>
      </c>
      <c r="BS28" s="277">
        <v>17</v>
      </c>
      <c r="BT28" s="279">
        <v>0</v>
      </c>
      <c r="BU28" s="280">
        <v>-18</v>
      </c>
      <c r="BV28" s="280">
        <v>128</v>
      </c>
      <c r="BW28" s="280">
        <v>246</v>
      </c>
      <c r="BX28" s="280">
        <v>321</v>
      </c>
      <c r="BY28" s="280">
        <v>89</v>
      </c>
      <c r="BZ28" s="277">
        <v>766</v>
      </c>
      <c r="CA28" s="282">
        <v>783</v>
      </c>
      <c r="CB28" s="276">
        <v>0</v>
      </c>
      <c r="CC28" s="280">
        <v>0</v>
      </c>
      <c r="CD28" s="277">
        <v>0</v>
      </c>
      <c r="CE28" s="279">
        <v>0</v>
      </c>
      <c r="CF28" s="280">
        <v>4</v>
      </c>
      <c r="CG28" s="280">
        <v>5</v>
      </c>
      <c r="CH28" s="280">
        <v>10</v>
      </c>
      <c r="CI28" s="280">
        <v>5</v>
      </c>
      <c r="CJ28" s="280">
        <v>0</v>
      </c>
      <c r="CK28" s="277">
        <v>24</v>
      </c>
      <c r="CL28" s="282">
        <v>24</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18.75" customHeight="1" x14ac:dyDescent="0.2">
      <c r="B29" s="261" t="s">
        <v>27</v>
      </c>
      <c r="C29" s="276">
        <v>0</v>
      </c>
      <c r="D29" s="280">
        <v>0</v>
      </c>
      <c r="E29" s="384">
        <v>0</v>
      </c>
      <c r="F29" s="279">
        <v>0</v>
      </c>
      <c r="G29" s="280">
        <v>660</v>
      </c>
      <c r="H29" s="280">
        <v>952</v>
      </c>
      <c r="I29" s="280">
        <v>1096</v>
      </c>
      <c r="J29" s="280">
        <v>1139</v>
      </c>
      <c r="K29" s="280">
        <v>1399</v>
      </c>
      <c r="L29" s="281">
        <v>5246</v>
      </c>
      <c r="M29" s="282">
        <v>5246</v>
      </c>
      <c r="N29" s="276">
        <v>0</v>
      </c>
      <c r="O29" s="280">
        <v>0</v>
      </c>
      <c r="P29" s="277">
        <v>0</v>
      </c>
      <c r="Q29" s="279">
        <v>0</v>
      </c>
      <c r="R29" s="280">
        <v>5</v>
      </c>
      <c r="S29" s="280">
        <v>15</v>
      </c>
      <c r="T29" s="280">
        <v>26</v>
      </c>
      <c r="U29" s="280">
        <v>62</v>
      </c>
      <c r="V29" s="280">
        <v>90</v>
      </c>
      <c r="W29" s="277">
        <v>198</v>
      </c>
      <c r="X29" s="282">
        <v>198</v>
      </c>
      <c r="Y29" s="276">
        <v>139</v>
      </c>
      <c r="Z29" s="280">
        <v>283</v>
      </c>
      <c r="AA29" s="277">
        <v>422</v>
      </c>
      <c r="AB29" s="279">
        <v>0</v>
      </c>
      <c r="AC29" s="280">
        <v>232</v>
      </c>
      <c r="AD29" s="280">
        <v>315</v>
      </c>
      <c r="AE29" s="280">
        <v>321</v>
      </c>
      <c r="AF29" s="280">
        <v>278</v>
      </c>
      <c r="AG29" s="280">
        <v>282</v>
      </c>
      <c r="AH29" s="277">
        <v>1428</v>
      </c>
      <c r="AI29" s="282">
        <v>1850</v>
      </c>
      <c r="AJ29" s="276">
        <v>0</v>
      </c>
      <c r="AK29" s="280">
        <v>30</v>
      </c>
      <c r="AL29" s="277">
        <v>30</v>
      </c>
      <c r="AM29" s="279">
        <v>0</v>
      </c>
      <c r="AN29" s="280">
        <v>24</v>
      </c>
      <c r="AO29" s="280">
        <v>27</v>
      </c>
      <c r="AP29" s="280">
        <v>0</v>
      </c>
      <c r="AQ29" s="280">
        <v>36</v>
      </c>
      <c r="AR29" s="280">
        <v>14</v>
      </c>
      <c r="AS29" s="277">
        <v>101</v>
      </c>
      <c r="AT29" s="282">
        <v>131</v>
      </c>
      <c r="AU29" s="276">
        <v>0</v>
      </c>
      <c r="AV29" s="280">
        <v>0</v>
      </c>
      <c r="AW29" s="277">
        <v>0</v>
      </c>
      <c r="AX29" s="279">
        <v>0</v>
      </c>
      <c r="AY29" s="280">
        <v>759</v>
      </c>
      <c r="AZ29" s="280">
        <v>674</v>
      </c>
      <c r="BA29" s="280">
        <v>357</v>
      </c>
      <c r="BB29" s="280">
        <v>267</v>
      </c>
      <c r="BC29" s="280">
        <v>124</v>
      </c>
      <c r="BD29" s="281">
        <v>2181</v>
      </c>
      <c r="BE29" s="282">
        <v>2181</v>
      </c>
      <c r="BF29" s="276">
        <v>0</v>
      </c>
      <c r="BG29" s="280">
        <v>0</v>
      </c>
      <c r="BH29" s="277">
        <v>0</v>
      </c>
      <c r="BI29" s="279">
        <v>0</v>
      </c>
      <c r="BJ29" s="280">
        <v>104</v>
      </c>
      <c r="BK29" s="280">
        <v>220</v>
      </c>
      <c r="BL29" s="280">
        <v>84</v>
      </c>
      <c r="BM29" s="280">
        <v>39</v>
      </c>
      <c r="BN29" s="280">
        <v>26</v>
      </c>
      <c r="BO29" s="277">
        <v>473</v>
      </c>
      <c r="BP29" s="282">
        <v>473</v>
      </c>
      <c r="BQ29" s="276">
        <v>0</v>
      </c>
      <c r="BR29" s="280">
        <v>0</v>
      </c>
      <c r="BS29" s="277">
        <v>0</v>
      </c>
      <c r="BT29" s="279">
        <v>0</v>
      </c>
      <c r="BU29" s="280">
        <v>59</v>
      </c>
      <c r="BV29" s="280">
        <v>120</v>
      </c>
      <c r="BW29" s="280">
        <v>200</v>
      </c>
      <c r="BX29" s="280">
        <v>169</v>
      </c>
      <c r="BY29" s="280">
        <v>132</v>
      </c>
      <c r="BZ29" s="277">
        <v>680</v>
      </c>
      <c r="CA29" s="282">
        <v>680</v>
      </c>
      <c r="CB29" s="276">
        <v>0</v>
      </c>
      <c r="CC29" s="280">
        <v>0</v>
      </c>
      <c r="CD29" s="277">
        <v>0</v>
      </c>
      <c r="CE29" s="279">
        <v>0</v>
      </c>
      <c r="CF29" s="280">
        <v>42</v>
      </c>
      <c r="CG29" s="280">
        <v>2</v>
      </c>
      <c r="CH29" s="280">
        <v>0</v>
      </c>
      <c r="CI29" s="280">
        <v>35</v>
      </c>
      <c r="CJ29" s="280">
        <v>5</v>
      </c>
      <c r="CK29" s="277">
        <v>84</v>
      </c>
      <c r="CL29" s="282">
        <v>84</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18.75" customHeight="1" x14ac:dyDescent="0.2">
      <c r="B30" s="261" t="s">
        <v>28</v>
      </c>
      <c r="C30" s="276">
        <v>0</v>
      </c>
      <c r="D30" s="280">
        <v>0</v>
      </c>
      <c r="E30" s="384">
        <v>0</v>
      </c>
      <c r="F30" s="279">
        <v>0</v>
      </c>
      <c r="G30" s="280">
        <v>171</v>
      </c>
      <c r="H30" s="280">
        <v>260</v>
      </c>
      <c r="I30" s="280">
        <v>102</v>
      </c>
      <c r="J30" s="280">
        <v>232</v>
      </c>
      <c r="K30" s="280">
        <v>261</v>
      </c>
      <c r="L30" s="281">
        <v>1026</v>
      </c>
      <c r="M30" s="282">
        <v>1026</v>
      </c>
      <c r="N30" s="276">
        <v>0</v>
      </c>
      <c r="O30" s="280">
        <v>0</v>
      </c>
      <c r="P30" s="277">
        <v>0</v>
      </c>
      <c r="Q30" s="279">
        <v>0</v>
      </c>
      <c r="R30" s="280">
        <v>0</v>
      </c>
      <c r="S30" s="280">
        <v>1</v>
      </c>
      <c r="T30" s="280">
        <v>10</v>
      </c>
      <c r="U30" s="280">
        <v>15</v>
      </c>
      <c r="V30" s="280">
        <v>7</v>
      </c>
      <c r="W30" s="277">
        <v>33</v>
      </c>
      <c r="X30" s="282">
        <v>33</v>
      </c>
      <c r="Y30" s="276">
        <v>12</v>
      </c>
      <c r="Z30" s="280">
        <v>12</v>
      </c>
      <c r="AA30" s="277">
        <v>24</v>
      </c>
      <c r="AB30" s="279">
        <v>0</v>
      </c>
      <c r="AC30" s="280">
        <v>18</v>
      </c>
      <c r="AD30" s="280">
        <v>147</v>
      </c>
      <c r="AE30" s="280">
        <v>51</v>
      </c>
      <c r="AF30" s="280">
        <v>126</v>
      </c>
      <c r="AG30" s="280">
        <v>81</v>
      </c>
      <c r="AH30" s="277">
        <v>423</v>
      </c>
      <c r="AI30" s="282">
        <v>447</v>
      </c>
      <c r="AJ30" s="276">
        <v>0</v>
      </c>
      <c r="AK30" s="280">
        <v>0</v>
      </c>
      <c r="AL30" s="277">
        <v>0</v>
      </c>
      <c r="AM30" s="279">
        <v>0</v>
      </c>
      <c r="AN30" s="280">
        <v>48</v>
      </c>
      <c r="AO30" s="280">
        <v>0</v>
      </c>
      <c r="AP30" s="280">
        <v>0</v>
      </c>
      <c r="AQ30" s="280">
        <v>26</v>
      </c>
      <c r="AR30" s="280">
        <v>9</v>
      </c>
      <c r="AS30" s="277">
        <v>83</v>
      </c>
      <c r="AT30" s="282">
        <v>83</v>
      </c>
      <c r="AU30" s="276">
        <v>0</v>
      </c>
      <c r="AV30" s="280">
        <v>0</v>
      </c>
      <c r="AW30" s="277">
        <v>0</v>
      </c>
      <c r="AX30" s="279">
        <v>0</v>
      </c>
      <c r="AY30" s="280">
        <v>266</v>
      </c>
      <c r="AZ30" s="280">
        <v>338</v>
      </c>
      <c r="BA30" s="280">
        <v>155</v>
      </c>
      <c r="BB30" s="280">
        <v>201</v>
      </c>
      <c r="BC30" s="280">
        <v>105</v>
      </c>
      <c r="BD30" s="281">
        <v>1065</v>
      </c>
      <c r="BE30" s="282">
        <v>1065</v>
      </c>
      <c r="BF30" s="276">
        <v>0</v>
      </c>
      <c r="BG30" s="280">
        <v>0</v>
      </c>
      <c r="BH30" s="277">
        <v>0</v>
      </c>
      <c r="BI30" s="279">
        <v>0</v>
      </c>
      <c r="BJ30" s="280">
        <v>41</v>
      </c>
      <c r="BK30" s="280">
        <v>115</v>
      </c>
      <c r="BL30" s="280">
        <v>29</v>
      </c>
      <c r="BM30" s="280">
        <v>50</v>
      </c>
      <c r="BN30" s="280">
        <v>27</v>
      </c>
      <c r="BO30" s="277">
        <v>262</v>
      </c>
      <c r="BP30" s="282">
        <v>262</v>
      </c>
      <c r="BQ30" s="276">
        <v>0</v>
      </c>
      <c r="BR30" s="280">
        <v>4</v>
      </c>
      <c r="BS30" s="277">
        <v>4</v>
      </c>
      <c r="BT30" s="279">
        <v>0</v>
      </c>
      <c r="BU30" s="280">
        <v>1</v>
      </c>
      <c r="BV30" s="280">
        <v>14</v>
      </c>
      <c r="BW30" s="280">
        <v>43</v>
      </c>
      <c r="BX30" s="280">
        <v>95</v>
      </c>
      <c r="BY30" s="280">
        <v>21</v>
      </c>
      <c r="BZ30" s="277">
        <v>174</v>
      </c>
      <c r="CA30" s="282">
        <v>178</v>
      </c>
      <c r="CB30" s="276">
        <v>0</v>
      </c>
      <c r="CC30" s="280">
        <v>0</v>
      </c>
      <c r="CD30" s="277">
        <v>0</v>
      </c>
      <c r="CE30" s="279">
        <v>0</v>
      </c>
      <c r="CF30" s="280">
        <v>7</v>
      </c>
      <c r="CG30" s="280">
        <v>0</v>
      </c>
      <c r="CH30" s="280">
        <v>4</v>
      </c>
      <c r="CI30" s="280">
        <v>14</v>
      </c>
      <c r="CJ30" s="280">
        <v>8</v>
      </c>
      <c r="CK30" s="277">
        <v>33</v>
      </c>
      <c r="CL30" s="282">
        <v>33</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18.75" customHeight="1" x14ac:dyDescent="0.2">
      <c r="B31" s="261" t="s">
        <v>29</v>
      </c>
      <c r="C31" s="276">
        <v>0</v>
      </c>
      <c r="D31" s="280">
        <v>0</v>
      </c>
      <c r="E31" s="384">
        <v>0</v>
      </c>
      <c r="F31" s="279">
        <v>0</v>
      </c>
      <c r="G31" s="280">
        <v>222</v>
      </c>
      <c r="H31" s="280">
        <v>401</v>
      </c>
      <c r="I31" s="280">
        <v>323</v>
      </c>
      <c r="J31" s="280">
        <v>680</v>
      </c>
      <c r="K31" s="280">
        <v>609</v>
      </c>
      <c r="L31" s="281">
        <v>2235</v>
      </c>
      <c r="M31" s="282">
        <v>2235</v>
      </c>
      <c r="N31" s="276">
        <v>0</v>
      </c>
      <c r="O31" s="280">
        <v>0</v>
      </c>
      <c r="P31" s="277">
        <v>0</v>
      </c>
      <c r="Q31" s="279">
        <v>0</v>
      </c>
      <c r="R31" s="280">
        <v>1</v>
      </c>
      <c r="S31" s="280">
        <v>0</v>
      </c>
      <c r="T31" s="280">
        <v>6</v>
      </c>
      <c r="U31" s="280">
        <v>8</v>
      </c>
      <c r="V31" s="280">
        <v>21</v>
      </c>
      <c r="W31" s="277">
        <v>36</v>
      </c>
      <c r="X31" s="282">
        <v>36</v>
      </c>
      <c r="Y31" s="276">
        <v>2</v>
      </c>
      <c r="Z31" s="280">
        <v>33</v>
      </c>
      <c r="AA31" s="277">
        <v>35</v>
      </c>
      <c r="AB31" s="279">
        <v>0</v>
      </c>
      <c r="AC31" s="280">
        <v>169</v>
      </c>
      <c r="AD31" s="280">
        <v>113</v>
      </c>
      <c r="AE31" s="280">
        <v>143</v>
      </c>
      <c r="AF31" s="280">
        <v>67</v>
      </c>
      <c r="AG31" s="280">
        <v>54</v>
      </c>
      <c r="AH31" s="277">
        <v>546</v>
      </c>
      <c r="AI31" s="282">
        <v>581</v>
      </c>
      <c r="AJ31" s="276">
        <v>0</v>
      </c>
      <c r="AK31" s="280">
        <v>15</v>
      </c>
      <c r="AL31" s="277">
        <v>15</v>
      </c>
      <c r="AM31" s="279">
        <v>0</v>
      </c>
      <c r="AN31" s="280">
        <v>27</v>
      </c>
      <c r="AO31" s="280">
        <v>42</v>
      </c>
      <c r="AP31" s="280">
        <v>30</v>
      </c>
      <c r="AQ31" s="280">
        <v>71</v>
      </c>
      <c r="AR31" s="280">
        <v>0</v>
      </c>
      <c r="AS31" s="277">
        <v>170</v>
      </c>
      <c r="AT31" s="282">
        <v>185</v>
      </c>
      <c r="AU31" s="276">
        <v>0</v>
      </c>
      <c r="AV31" s="280">
        <v>0</v>
      </c>
      <c r="AW31" s="277">
        <v>0</v>
      </c>
      <c r="AX31" s="279">
        <v>0</v>
      </c>
      <c r="AY31" s="280">
        <v>287</v>
      </c>
      <c r="AZ31" s="280">
        <v>421</v>
      </c>
      <c r="BA31" s="280">
        <v>247</v>
      </c>
      <c r="BB31" s="280">
        <v>225</v>
      </c>
      <c r="BC31" s="280">
        <v>78</v>
      </c>
      <c r="BD31" s="281">
        <v>1258</v>
      </c>
      <c r="BE31" s="282">
        <v>1258</v>
      </c>
      <c r="BF31" s="276">
        <v>0</v>
      </c>
      <c r="BG31" s="280">
        <v>0</v>
      </c>
      <c r="BH31" s="277">
        <v>0</v>
      </c>
      <c r="BI31" s="279">
        <v>0</v>
      </c>
      <c r="BJ31" s="280">
        <v>108</v>
      </c>
      <c r="BK31" s="280">
        <v>84</v>
      </c>
      <c r="BL31" s="280">
        <v>62</v>
      </c>
      <c r="BM31" s="280">
        <v>32</v>
      </c>
      <c r="BN31" s="280">
        <v>7</v>
      </c>
      <c r="BO31" s="277">
        <v>293</v>
      </c>
      <c r="BP31" s="282">
        <v>293</v>
      </c>
      <c r="BQ31" s="276">
        <v>0</v>
      </c>
      <c r="BR31" s="280">
        <v>0</v>
      </c>
      <c r="BS31" s="277">
        <v>0</v>
      </c>
      <c r="BT31" s="279">
        <v>0</v>
      </c>
      <c r="BU31" s="280">
        <v>3</v>
      </c>
      <c r="BV31" s="280">
        <v>77</v>
      </c>
      <c r="BW31" s="280">
        <v>138</v>
      </c>
      <c r="BX31" s="280">
        <v>41</v>
      </c>
      <c r="BY31" s="280">
        <v>75</v>
      </c>
      <c r="BZ31" s="277">
        <v>334</v>
      </c>
      <c r="CA31" s="282">
        <v>334</v>
      </c>
      <c r="CB31" s="276">
        <v>0</v>
      </c>
      <c r="CC31" s="280">
        <v>0</v>
      </c>
      <c r="CD31" s="277">
        <v>0</v>
      </c>
      <c r="CE31" s="279">
        <v>0</v>
      </c>
      <c r="CF31" s="280">
        <v>2</v>
      </c>
      <c r="CG31" s="280">
        <v>25</v>
      </c>
      <c r="CH31" s="280">
        <v>3</v>
      </c>
      <c r="CI31" s="280">
        <v>6</v>
      </c>
      <c r="CJ31" s="280">
        <v>0</v>
      </c>
      <c r="CK31" s="277">
        <v>36</v>
      </c>
      <c r="CL31" s="282">
        <v>36</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18.75" customHeight="1" x14ac:dyDescent="0.2">
      <c r="B32" s="261" t="s">
        <v>30</v>
      </c>
      <c r="C32" s="276">
        <v>0</v>
      </c>
      <c r="D32" s="280">
        <v>0</v>
      </c>
      <c r="E32" s="384">
        <v>0</v>
      </c>
      <c r="F32" s="279">
        <v>0</v>
      </c>
      <c r="G32" s="280">
        <v>186</v>
      </c>
      <c r="H32" s="280">
        <v>373</v>
      </c>
      <c r="I32" s="280">
        <v>517</v>
      </c>
      <c r="J32" s="280">
        <v>695</v>
      </c>
      <c r="K32" s="280">
        <v>374</v>
      </c>
      <c r="L32" s="281">
        <v>2145</v>
      </c>
      <c r="M32" s="282">
        <v>2145</v>
      </c>
      <c r="N32" s="276">
        <v>0</v>
      </c>
      <c r="O32" s="280">
        <v>0</v>
      </c>
      <c r="P32" s="277">
        <v>0</v>
      </c>
      <c r="Q32" s="279">
        <v>0</v>
      </c>
      <c r="R32" s="280">
        <v>4</v>
      </c>
      <c r="S32" s="280">
        <v>2</v>
      </c>
      <c r="T32" s="280">
        <v>5</v>
      </c>
      <c r="U32" s="280">
        <v>36</v>
      </c>
      <c r="V32" s="280">
        <v>45</v>
      </c>
      <c r="W32" s="277">
        <v>92</v>
      </c>
      <c r="X32" s="282">
        <v>92</v>
      </c>
      <c r="Y32" s="276">
        <v>0</v>
      </c>
      <c r="Z32" s="280">
        <v>0</v>
      </c>
      <c r="AA32" s="277">
        <v>0</v>
      </c>
      <c r="AB32" s="279">
        <v>0</v>
      </c>
      <c r="AC32" s="280">
        <v>202</v>
      </c>
      <c r="AD32" s="280">
        <v>156</v>
      </c>
      <c r="AE32" s="280">
        <v>199</v>
      </c>
      <c r="AF32" s="280">
        <v>146</v>
      </c>
      <c r="AG32" s="280">
        <v>59</v>
      </c>
      <c r="AH32" s="277">
        <v>762</v>
      </c>
      <c r="AI32" s="282">
        <v>762</v>
      </c>
      <c r="AJ32" s="276">
        <v>0</v>
      </c>
      <c r="AK32" s="280">
        <v>0</v>
      </c>
      <c r="AL32" s="277">
        <v>0</v>
      </c>
      <c r="AM32" s="279">
        <v>0</v>
      </c>
      <c r="AN32" s="280">
        <v>45</v>
      </c>
      <c r="AO32" s="280">
        <v>0</v>
      </c>
      <c r="AP32" s="280">
        <v>32</v>
      </c>
      <c r="AQ32" s="280">
        <v>51</v>
      </c>
      <c r="AR32" s="280">
        <v>0</v>
      </c>
      <c r="AS32" s="277">
        <v>128</v>
      </c>
      <c r="AT32" s="282">
        <v>128</v>
      </c>
      <c r="AU32" s="276">
        <v>0</v>
      </c>
      <c r="AV32" s="280">
        <v>0</v>
      </c>
      <c r="AW32" s="277">
        <v>0</v>
      </c>
      <c r="AX32" s="279">
        <v>0</v>
      </c>
      <c r="AY32" s="280">
        <v>297</v>
      </c>
      <c r="AZ32" s="280">
        <v>239</v>
      </c>
      <c r="BA32" s="280">
        <v>263</v>
      </c>
      <c r="BB32" s="280">
        <v>146</v>
      </c>
      <c r="BC32" s="280">
        <v>11</v>
      </c>
      <c r="BD32" s="281">
        <v>956</v>
      </c>
      <c r="BE32" s="282">
        <v>956</v>
      </c>
      <c r="BF32" s="276">
        <v>0</v>
      </c>
      <c r="BG32" s="280">
        <v>0</v>
      </c>
      <c r="BH32" s="277">
        <v>0</v>
      </c>
      <c r="BI32" s="279">
        <v>0</v>
      </c>
      <c r="BJ32" s="280">
        <v>42</v>
      </c>
      <c r="BK32" s="280">
        <v>88</v>
      </c>
      <c r="BL32" s="280">
        <v>36</v>
      </c>
      <c r="BM32" s="280">
        <v>41</v>
      </c>
      <c r="BN32" s="280">
        <v>0</v>
      </c>
      <c r="BO32" s="277">
        <v>207</v>
      </c>
      <c r="BP32" s="282">
        <v>207</v>
      </c>
      <c r="BQ32" s="276">
        <v>0</v>
      </c>
      <c r="BR32" s="280">
        <v>0</v>
      </c>
      <c r="BS32" s="277">
        <v>0</v>
      </c>
      <c r="BT32" s="279">
        <v>0</v>
      </c>
      <c r="BU32" s="280">
        <v>28</v>
      </c>
      <c r="BV32" s="280">
        <v>83</v>
      </c>
      <c r="BW32" s="280">
        <v>75</v>
      </c>
      <c r="BX32" s="280">
        <v>76</v>
      </c>
      <c r="BY32" s="280">
        <v>7</v>
      </c>
      <c r="BZ32" s="277">
        <v>269</v>
      </c>
      <c r="CA32" s="282">
        <v>269</v>
      </c>
      <c r="CB32" s="276">
        <v>0</v>
      </c>
      <c r="CC32" s="280">
        <v>0</v>
      </c>
      <c r="CD32" s="277">
        <v>0</v>
      </c>
      <c r="CE32" s="279">
        <v>0</v>
      </c>
      <c r="CF32" s="280">
        <v>0</v>
      </c>
      <c r="CG32" s="280">
        <v>6</v>
      </c>
      <c r="CH32" s="280">
        <v>28</v>
      </c>
      <c r="CI32" s="280">
        <v>0</v>
      </c>
      <c r="CJ32" s="280">
        <v>34</v>
      </c>
      <c r="CK32" s="277">
        <v>68</v>
      </c>
      <c r="CL32" s="282">
        <v>68</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18.75" customHeight="1" x14ac:dyDescent="0.2">
      <c r="B33" s="261" t="s">
        <v>31</v>
      </c>
      <c r="C33" s="276">
        <v>0</v>
      </c>
      <c r="D33" s="280">
        <v>0</v>
      </c>
      <c r="E33" s="384">
        <v>0</v>
      </c>
      <c r="F33" s="279">
        <v>0</v>
      </c>
      <c r="G33" s="280">
        <v>194</v>
      </c>
      <c r="H33" s="280">
        <v>241</v>
      </c>
      <c r="I33" s="280">
        <v>140</v>
      </c>
      <c r="J33" s="280">
        <v>12</v>
      </c>
      <c r="K33" s="280">
        <v>176</v>
      </c>
      <c r="L33" s="281">
        <v>763</v>
      </c>
      <c r="M33" s="282">
        <v>763</v>
      </c>
      <c r="N33" s="276">
        <v>0</v>
      </c>
      <c r="O33" s="280">
        <v>0</v>
      </c>
      <c r="P33" s="277">
        <v>0</v>
      </c>
      <c r="Q33" s="279">
        <v>0</v>
      </c>
      <c r="R33" s="280">
        <v>5</v>
      </c>
      <c r="S33" s="280">
        <v>10</v>
      </c>
      <c r="T33" s="280">
        <v>21</v>
      </c>
      <c r="U33" s="280">
        <v>19</v>
      </c>
      <c r="V33" s="280">
        <v>28</v>
      </c>
      <c r="W33" s="277">
        <v>83</v>
      </c>
      <c r="X33" s="282">
        <v>83</v>
      </c>
      <c r="Y33" s="276">
        <v>10</v>
      </c>
      <c r="Z33" s="280">
        <v>18</v>
      </c>
      <c r="AA33" s="277">
        <v>28</v>
      </c>
      <c r="AB33" s="279">
        <v>0</v>
      </c>
      <c r="AC33" s="280">
        <v>76</v>
      </c>
      <c r="AD33" s="280">
        <v>133</v>
      </c>
      <c r="AE33" s="280">
        <v>52</v>
      </c>
      <c r="AF33" s="280">
        <v>81</v>
      </c>
      <c r="AG33" s="280">
        <v>88</v>
      </c>
      <c r="AH33" s="277">
        <v>430</v>
      </c>
      <c r="AI33" s="282">
        <v>458</v>
      </c>
      <c r="AJ33" s="276">
        <v>0</v>
      </c>
      <c r="AK33" s="280">
        <v>24</v>
      </c>
      <c r="AL33" s="277">
        <v>24</v>
      </c>
      <c r="AM33" s="279">
        <v>0</v>
      </c>
      <c r="AN33" s="280">
        <v>12</v>
      </c>
      <c r="AO33" s="280">
        <v>72</v>
      </c>
      <c r="AP33" s="280">
        <v>85</v>
      </c>
      <c r="AQ33" s="280">
        <v>51</v>
      </c>
      <c r="AR33" s="280">
        <v>36</v>
      </c>
      <c r="AS33" s="277">
        <v>256</v>
      </c>
      <c r="AT33" s="282">
        <v>280</v>
      </c>
      <c r="AU33" s="276">
        <v>0</v>
      </c>
      <c r="AV33" s="280">
        <v>0</v>
      </c>
      <c r="AW33" s="277">
        <v>0</v>
      </c>
      <c r="AX33" s="279">
        <v>0</v>
      </c>
      <c r="AY33" s="280">
        <v>288</v>
      </c>
      <c r="AZ33" s="280">
        <v>348</v>
      </c>
      <c r="BA33" s="280">
        <v>249</v>
      </c>
      <c r="BB33" s="280">
        <v>159</v>
      </c>
      <c r="BC33" s="280">
        <v>45</v>
      </c>
      <c r="BD33" s="281">
        <v>1089</v>
      </c>
      <c r="BE33" s="282">
        <v>1089</v>
      </c>
      <c r="BF33" s="276">
        <v>0</v>
      </c>
      <c r="BG33" s="280">
        <v>0</v>
      </c>
      <c r="BH33" s="277">
        <v>0</v>
      </c>
      <c r="BI33" s="279">
        <v>0</v>
      </c>
      <c r="BJ33" s="280">
        <v>26</v>
      </c>
      <c r="BK33" s="280">
        <v>64</v>
      </c>
      <c r="BL33" s="280">
        <v>57</v>
      </c>
      <c r="BM33" s="280">
        <v>15</v>
      </c>
      <c r="BN33" s="280">
        <v>16</v>
      </c>
      <c r="BO33" s="277">
        <v>178</v>
      </c>
      <c r="BP33" s="282">
        <v>178</v>
      </c>
      <c r="BQ33" s="276">
        <v>0</v>
      </c>
      <c r="BR33" s="280">
        <v>4</v>
      </c>
      <c r="BS33" s="277">
        <v>4</v>
      </c>
      <c r="BT33" s="279">
        <v>0</v>
      </c>
      <c r="BU33" s="280">
        <v>43</v>
      </c>
      <c r="BV33" s="280">
        <v>53</v>
      </c>
      <c r="BW33" s="280">
        <v>228</v>
      </c>
      <c r="BX33" s="280">
        <v>112</v>
      </c>
      <c r="BY33" s="280">
        <v>9</v>
      </c>
      <c r="BZ33" s="277">
        <v>445</v>
      </c>
      <c r="CA33" s="282">
        <v>449</v>
      </c>
      <c r="CB33" s="276">
        <v>0</v>
      </c>
      <c r="CC33" s="280">
        <v>0</v>
      </c>
      <c r="CD33" s="277">
        <v>0</v>
      </c>
      <c r="CE33" s="279">
        <v>0</v>
      </c>
      <c r="CF33" s="280">
        <v>3</v>
      </c>
      <c r="CG33" s="280">
        <v>5</v>
      </c>
      <c r="CH33" s="280">
        <v>8</v>
      </c>
      <c r="CI33" s="280">
        <v>12</v>
      </c>
      <c r="CJ33" s="280">
        <v>6</v>
      </c>
      <c r="CK33" s="277">
        <v>34</v>
      </c>
      <c r="CL33" s="282">
        <v>34</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18.75" customHeight="1" x14ac:dyDescent="0.2">
      <c r="B34" s="261" t="s">
        <v>32</v>
      </c>
      <c r="C34" s="276">
        <v>0</v>
      </c>
      <c r="D34" s="280">
        <v>0</v>
      </c>
      <c r="E34" s="384">
        <v>0</v>
      </c>
      <c r="F34" s="279">
        <v>0</v>
      </c>
      <c r="G34" s="280">
        <v>470</v>
      </c>
      <c r="H34" s="280">
        <v>279</v>
      </c>
      <c r="I34" s="280">
        <v>717</v>
      </c>
      <c r="J34" s="280">
        <v>726</v>
      </c>
      <c r="K34" s="280">
        <v>752</v>
      </c>
      <c r="L34" s="281">
        <v>2944</v>
      </c>
      <c r="M34" s="282">
        <v>2944</v>
      </c>
      <c r="N34" s="276">
        <v>0</v>
      </c>
      <c r="O34" s="280">
        <v>0</v>
      </c>
      <c r="P34" s="277">
        <v>0</v>
      </c>
      <c r="Q34" s="279">
        <v>0</v>
      </c>
      <c r="R34" s="280">
        <v>0</v>
      </c>
      <c r="S34" s="280">
        <v>4</v>
      </c>
      <c r="T34" s="280">
        <v>0</v>
      </c>
      <c r="U34" s="280">
        <v>4</v>
      </c>
      <c r="V34" s="280">
        <v>49</v>
      </c>
      <c r="W34" s="277">
        <v>57</v>
      </c>
      <c r="X34" s="282">
        <v>57</v>
      </c>
      <c r="Y34" s="276">
        <v>28</v>
      </c>
      <c r="Z34" s="280">
        <v>39</v>
      </c>
      <c r="AA34" s="277">
        <v>67</v>
      </c>
      <c r="AB34" s="279">
        <v>0</v>
      </c>
      <c r="AC34" s="280">
        <v>222</v>
      </c>
      <c r="AD34" s="280">
        <v>207</v>
      </c>
      <c r="AE34" s="280">
        <v>123</v>
      </c>
      <c r="AF34" s="280">
        <v>127</v>
      </c>
      <c r="AG34" s="280">
        <v>67</v>
      </c>
      <c r="AH34" s="277">
        <v>746</v>
      </c>
      <c r="AI34" s="282">
        <v>813</v>
      </c>
      <c r="AJ34" s="276">
        <v>16</v>
      </c>
      <c r="AK34" s="280">
        <v>0</v>
      </c>
      <c r="AL34" s="277">
        <v>16</v>
      </c>
      <c r="AM34" s="279">
        <v>0</v>
      </c>
      <c r="AN34" s="280">
        <v>117</v>
      </c>
      <c r="AO34" s="280">
        <v>15</v>
      </c>
      <c r="AP34" s="280">
        <v>12</v>
      </c>
      <c r="AQ34" s="280">
        <v>15</v>
      </c>
      <c r="AR34" s="280">
        <v>39</v>
      </c>
      <c r="AS34" s="277">
        <v>198</v>
      </c>
      <c r="AT34" s="282">
        <v>214</v>
      </c>
      <c r="AU34" s="276">
        <v>0</v>
      </c>
      <c r="AV34" s="280">
        <v>0</v>
      </c>
      <c r="AW34" s="277">
        <v>0</v>
      </c>
      <c r="AX34" s="279">
        <v>0</v>
      </c>
      <c r="AY34" s="280">
        <v>454</v>
      </c>
      <c r="AZ34" s="280">
        <v>465</v>
      </c>
      <c r="BA34" s="280">
        <v>199</v>
      </c>
      <c r="BB34" s="280">
        <v>220</v>
      </c>
      <c r="BC34" s="280">
        <v>29</v>
      </c>
      <c r="BD34" s="281">
        <v>1367</v>
      </c>
      <c r="BE34" s="282">
        <v>1367</v>
      </c>
      <c r="BF34" s="276">
        <v>0</v>
      </c>
      <c r="BG34" s="280">
        <v>0</v>
      </c>
      <c r="BH34" s="277">
        <v>0</v>
      </c>
      <c r="BI34" s="279">
        <v>0</v>
      </c>
      <c r="BJ34" s="280">
        <v>72</v>
      </c>
      <c r="BK34" s="280">
        <v>94</v>
      </c>
      <c r="BL34" s="280">
        <v>70</v>
      </c>
      <c r="BM34" s="280">
        <v>34</v>
      </c>
      <c r="BN34" s="280">
        <v>21</v>
      </c>
      <c r="BO34" s="277">
        <v>291</v>
      </c>
      <c r="BP34" s="282">
        <v>291</v>
      </c>
      <c r="BQ34" s="276">
        <v>6</v>
      </c>
      <c r="BR34" s="280">
        <v>0</v>
      </c>
      <c r="BS34" s="277">
        <v>6</v>
      </c>
      <c r="BT34" s="279">
        <v>0</v>
      </c>
      <c r="BU34" s="280">
        <v>22</v>
      </c>
      <c r="BV34" s="280">
        <v>46</v>
      </c>
      <c r="BW34" s="280">
        <v>132</v>
      </c>
      <c r="BX34" s="280">
        <v>72</v>
      </c>
      <c r="BY34" s="280">
        <v>30</v>
      </c>
      <c r="BZ34" s="277">
        <v>302</v>
      </c>
      <c r="CA34" s="282">
        <v>308</v>
      </c>
      <c r="CB34" s="276">
        <v>0</v>
      </c>
      <c r="CC34" s="280">
        <v>0</v>
      </c>
      <c r="CD34" s="277">
        <v>0</v>
      </c>
      <c r="CE34" s="279">
        <v>0</v>
      </c>
      <c r="CF34" s="280">
        <v>2</v>
      </c>
      <c r="CG34" s="280">
        <v>8</v>
      </c>
      <c r="CH34" s="280">
        <v>39</v>
      </c>
      <c r="CI34" s="280">
        <v>28</v>
      </c>
      <c r="CJ34" s="280">
        <v>14</v>
      </c>
      <c r="CK34" s="277">
        <v>91</v>
      </c>
      <c r="CL34" s="282">
        <v>91</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18.75" customHeight="1" x14ac:dyDescent="0.2">
      <c r="B35" s="261" t="s">
        <v>33</v>
      </c>
      <c r="C35" s="276">
        <v>0</v>
      </c>
      <c r="D35" s="280">
        <v>0</v>
      </c>
      <c r="E35" s="384">
        <v>0</v>
      </c>
      <c r="F35" s="279">
        <v>0</v>
      </c>
      <c r="G35" s="280">
        <v>250</v>
      </c>
      <c r="H35" s="280">
        <v>263</v>
      </c>
      <c r="I35" s="280">
        <v>422</v>
      </c>
      <c r="J35" s="280">
        <v>568</v>
      </c>
      <c r="K35" s="280">
        <v>558</v>
      </c>
      <c r="L35" s="281">
        <v>2061</v>
      </c>
      <c r="M35" s="282">
        <v>2061</v>
      </c>
      <c r="N35" s="276">
        <v>0</v>
      </c>
      <c r="O35" s="280">
        <v>0</v>
      </c>
      <c r="P35" s="277">
        <v>0</v>
      </c>
      <c r="Q35" s="279">
        <v>0</v>
      </c>
      <c r="R35" s="280">
        <v>0</v>
      </c>
      <c r="S35" s="280">
        <v>0</v>
      </c>
      <c r="T35" s="280">
        <v>5</v>
      </c>
      <c r="U35" s="280">
        <v>12</v>
      </c>
      <c r="V35" s="280">
        <v>22</v>
      </c>
      <c r="W35" s="277">
        <v>39</v>
      </c>
      <c r="X35" s="282">
        <v>39</v>
      </c>
      <c r="Y35" s="276">
        <v>7</v>
      </c>
      <c r="Z35" s="280">
        <v>8</v>
      </c>
      <c r="AA35" s="277">
        <v>15</v>
      </c>
      <c r="AB35" s="279">
        <v>0</v>
      </c>
      <c r="AC35" s="280">
        <v>87</v>
      </c>
      <c r="AD35" s="280">
        <v>94</v>
      </c>
      <c r="AE35" s="280">
        <v>60</v>
      </c>
      <c r="AF35" s="280">
        <v>41</v>
      </c>
      <c r="AG35" s="280">
        <v>62</v>
      </c>
      <c r="AH35" s="277">
        <v>344</v>
      </c>
      <c r="AI35" s="282">
        <v>359</v>
      </c>
      <c r="AJ35" s="276">
        <v>132</v>
      </c>
      <c r="AK35" s="280">
        <v>279</v>
      </c>
      <c r="AL35" s="277">
        <v>411</v>
      </c>
      <c r="AM35" s="279">
        <v>0</v>
      </c>
      <c r="AN35" s="280">
        <v>406</v>
      </c>
      <c r="AO35" s="280">
        <v>220</v>
      </c>
      <c r="AP35" s="280">
        <v>85</v>
      </c>
      <c r="AQ35" s="280">
        <v>120</v>
      </c>
      <c r="AR35" s="280">
        <v>65</v>
      </c>
      <c r="AS35" s="277">
        <v>896</v>
      </c>
      <c r="AT35" s="282">
        <v>1307</v>
      </c>
      <c r="AU35" s="276">
        <v>0</v>
      </c>
      <c r="AV35" s="280">
        <v>0</v>
      </c>
      <c r="AW35" s="277">
        <v>0</v>
      </c>
      <c r="AX35" s="279">
        <v>0</v>
      </c>
      <c r="AY35" s="280">
        <v>98</v>
      </c>
      <c r="AZ35" s="280">
        <v>66</v>
      </c>
      <c r="BA35" s="280">
        <v>41</v>
      </c>
      <c r="BB35" s="280">
        <v>56</v>
      </c>
      <c r="BC35" s="280">
        <v>17</v>
      </c>
      <c r="BD35" s="281">
        <v>278</v>
      </c>
      <c r="BE35" s="282">
        <v>278</v>
      </c>
      <c r="BF35" s="276">
        <v>0</v>
      </c>
      <c r="BG35" s="280">
        <v>0</v>
      </c>
      <c r="BH35" s="277">
        <v>0</v>
      </c>
      <c r="BI35" s="279">
        <v>0</v>
      </c>
      <c r="BJ35" s="280">
        <v>72</v>
      </c>
      <c r="BK35" s="280">
        <v>81</v>
      </c>
      <c r="BL35" s="280">
        <v>31</v>
      </c>
      <c r="BM35" s="280">
        <v>13</v>
      </c>
      <c r="BN35" s="280">
        <v>1</v>
      </c>
      <c r="BO35" s="277">
        <v>198</v>
      </c>
      <c r="BP35" s="282">
        <v>198</v>
      </c>
      <c r="BQ35" s="276">
        <v>0</v>
      </c>
      <c r="BR35" s="280">
        <v>0</v>
      </c>
      <c r="BS35" s="277">
        <v>0</v>
      </c>
      <c r="BT35" s="279">
        <v>0</v>
      </c>
      <c r="BU35" s="280">
        <v>2</v>
      </c>
      <c r="BV35" s="280">
        <v>107</v>
      </c>
      <c r="BW35" s="280">
        <v>62</v>
      </c>
      <c r="BX35" s="280">
        <v>103</v>
      </c>
      <c r="BY35" s="280">
        <v>0</v>
      </c>
      <c r="BZ35" s="277">
        <v>274</v>
      </c>
      <c r="CA35" s="282">
        <v>274</v>
      </c>
      <c r="CB35" s="276">
        <v>0</v>
      </c>
      <c r="CC35" s="280">
        <v>0</v>
      </c>
      <c r="CD35" s="277">
        <v>0</v>
      </c>
      <c r="CE35" s="279">
        <v>0</v>
      </c>
      <c r="CF35" s="280">
        <v>0</v>
      </c>
      <c r="CG35" s="280">
        <v>0</v>
      </c>
      <c r="CH35" s="280">
        <v>0</v>
      </c>
      <c r="CI35" s="280">
        <v>0</v>
      </c>
      <c r="CJ35" s="280">
        <v>4</v>
      </c>
      <c r="CK35" s="277">
        <v>4</v>
      </c>
      <c r="CL35" s="282">
        <v>4</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1</v>
      </c>
      <c r="DC35" s="280">
        <v>0</v>
      </c>
      <c r="DD35" s="280">
        <v>0</v>
      </c>
      <c r="DE35" s="280">
        <v>0</v>
      </c>
      <c r="DF35" s="280">
        <v>0</v>
      </c>
      <c r="DG35" s="277">
        <v>1</v>
      </c>
      <c r="DH35" s="282">
        <v>1</v>
      </c>
    </row>
    <row r="36" spans="2:112" ht="18.75" customHeight="1" x14ac:dyDescent="0.2">
      <c r="B36" s="261" t="s">
        <v>34</v>
      </c>
      <c r="C36" s="276">
        <v>0</v>
      </c>
      <c r="D36" s="280">
        <v>0</v>
      </c>
      <c r="E36" s="384">
        <v>0</v>
      </c>
      <c r="F36" s="279">
        <v>0</v>
      </c>
      <c r="G36" s="280">
        <v>189</v>
      </c>
      <c r="H36" s="280">
        <v>96</v>
      </c>
      <c r="I36" s="280">
        <v>443</v>
      </c>
      <c r="J36" s="280">
        <v>145</v>
      </c>
      <c r="K36" s="280">
        <v>165</v>
      </c>
      <c r="L36" s="281">
        <v>1038</v>
      </c>
      <c r="M36" s="282">
        <v>1038</v>
      </c>
      <c r="N36" s="276">
        <v>0</v>
      </c>
      <c r="O36" s="280">
        <v>0</v>
      </c>
      <c r="P36" s="277">
        <v>0</v>
      </c>
      <c r="Q36" s="279">
        <v>0</v>
      </c>
      <c r="R36" s="280">
        <v>0</v>
      </c>
      <c r="S36" s="280">
        <v>0</v>
      </c>
      <c r="T36" s="280">
        <v>1</v>
      </c>
      <c r="U36" s="280">
        <v>10</v>
      </c>
      <c r="V36" s="280">
        <v>42</v>
      </c>
      <c r="W36" s="277">
        <v>53</v>
      </c>
      <c r="X36" s="282">
        <v>53</v>
      </c>
      <c r="Y36" s="276">
        <v>0</v>
      </c>
      <c r="Z36" s="280">
        <v>68</v>
      </c>
      <c r="AA36" s="277">
        <v>68</v>
      </c>
      <c r="AB36" s="279">
        <v>0</v>
      </c>
      <c r="AC36" s="280">
        <v>149</v>
      </c>
      <c r="AD36" s="280">
        <v>45</v>
      </c>
      <c r="AE36" s="280">
        <v>69</v>
      </c>
      <c r="AF36" s="280">
        <v>10</v>
      </c>
      <c r="AG36" s="280">
        <v>43</v>
      </c>
      <c r="AH36" s="277">
        <v>316</v>
      </c>
      <c r="AI36" s="282">
        <v>384</v>
      </c>
      <c r="AJ36" s="276">
        <v>0</v>
      </c>
      <c r="AK36" s="280">
        <v>0</v>
      </c>
      <c r="AL36" s="277">
        <v>0</v>
      </c>
      <c r="AM36" s="279">
        <v>0</v>
      </c>
      <c r="AN36" s="280">
        <v>77</v>
      </c>
      <c r="AO36" s="280">
        <v>62</v>
      </c>
      <c r="AP36" s="280">
        <v>53</v>
      </c>
      <c r="AQ36" s="280">
        <v>12</v>
      </c>
      <c r="AR36" s="280">
        <v>20</v>
      </c>
      <c r="AS36" s="277">
        <v>224</v>
      </c>
      <c r="AT36" s="282">
        <v>224</v>
      </c>
      <c r="AU36" s="276">
        <v>0</v>
      </c>
      <c r="AV36" s="280">
        <v>0</v>
      </c>
      <c r="AW36" s="277">
        <v>0</v>
      </c>
      <c r="AX36" s="279">
        <v>0</v>
      </c>
      <c r="AY36" s="280">
        <v>269</v>
      </c>
      <c r="AZ36" s="280">
        <v>221</v>
      </c>
      <c r="BA36" s="280">
        <v>189</v>
      </c>
      <c r="BB36" s="280">
        <v>79</v>
      </c>
      <c r="BC36" s="280">
        <v>33</v>
      </c>
      <c r="BD36" s="281">
        <v>791</v>
      </c>
      <c r="BE36" s="282">
        <v>791</v>
      </c>
      <c r="BF36" s="276">
        <v>0</v>
      </c>
      <c r="BG36" s="280">
        <v>0</v>
      </c>
      <c r="BH36" s="277">
        <v>0</v>
      </c>
      <c r="BI36" s="279">
        <v>0</v>
      </c>
      <c r="BJ36" s="280">
        <v>71</v>
      </c>
      <c r="BK36" s="280">
        <v>41</v>
      </c>
      <c r="BL36" s="280">
        <v>10</v>
      </c>
      <c r="BM36" s="280">
        <v>34</v>
      </c>
      <c r="BN36" s="280">
        <v>0</v>
      </c>
      <c r="BO36" s="277">
        <v>156</v>
      </c>
      <c r="BP36" s="282">
        <v>156</v>
      </c>
      <c r="BQ36" s="276">
        <v>0</v>
      </c>
      <c r="BR36" s="280">
        <v>3</v>
      </c>
      <c r="BS36" s="277">
        <v>3</v>
      </c>
      <c r="BT36" s="279">
        <v>0</v>
      </c>
      <c r="BU36" s="280">
        <v>2</v>
      </c>
      <c r="BV36" s="280">
        <v>0</v>
      </c>
      <c r="BW36" s="280">
        <v>3</v>
      </c>
      <c r="BX36" s="280">
        <v>49</v>
      </c>
      <c r="BY36" s="280">
        <v>0</v>
      </c>
      <c r="BZ36" s="277">
        <v>54</v>
      </c>
      <c r="CA36" s="282">
        <v>57</v>
      </c>
      <c r="CB36" s="276">
        <v>0</v>
      </c>
      <c r="CC36" s="280">
        <v>0</v>
      </c>
      <c r="CD36" s="277">
        <v>0</v>
      </c>
      <c r="CE36" s="279">
        <v>0</v>
      </c>
      <c r="CF36" s="280">
        <v>4</v>
      </c>
      <c r="CG36" s="280">
        <v>0</v>
      </c>
      <c r="CH36" s="280">
        <v>0</v>
      </c>
      <c r="CI36" s="280">
        <v>7</v>
      </c>
      <c r="CJ36" s="280">
        <v>0</v>
      </c>
      <c r="CK36" s="277">
        <v>11</v>
      </c>
      <c r="CL36" s="282">
        <v>11</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18.75" customHeight="1" x14ac:dyDescent="0.2">
      <c r="B37" s="261" t="s">
        <v>35</v>
      </c>
      <c r="C37" s="276">
        <v>0</v>
      </c>
      <c r="D37" s="280">
        <v>0</v>
      </c>
      <c r="E37" s="384">
        <v>0</v>
      </c>
      <c r="F37" s="279">
        <v>0</v>
      </c>
      <c r="G37" s="280">
        <v>1188</v>
      </c>
      <c r="H37" s="280">
        <v>1070</v>
      </c>
      <c r="I37" s="280">
        <v>1244</v>
      </c>
      <c r="J37" s="280">
        <v>1426</v>
      </c>
      <c r="K37" s="280">
        <v>1025</v>
      </c>
      <c r="L37" s="281">
        <v>5953</v>
      </c>
      <c r="M37" s="282">
        <v>5953</v>
      </c>
      <c r="N37" s="276">
        <v>0</v>
      </c>
      <c r="O37" s="280">
        <v>0</v>
      </c>
      <c r="P37" s="277">
        <v>0</v>
      </c>
      <c r="Q37" s="279">
        <v>0</v>
      </c>
      <c r="R37" s="280">
        <v>0</v>
      </c>
      <c r="S37" s="280">
        <v>28</v>
      </c>
      <c r="T37" s="280">
        <v>9</v>
      </c>
      <c r="U37" s="280">
        <v>45</v>
      </c>
      <c r="V37" s="280">
        <v>86</v>
      </c>
      <c r="W37" s="277">
        <v>168</v>
      </c>
      <c r="X37" s="282">
        <v>168</v>
      </c>
      <c r="Y37" s="276">
        <v>0</v>
      </c>
      <c r="Z37" s="280">
        <v>27</v>
      </c>
      <c r="AA37" s="277">
        <v>27</v>
      </c>
      <c r="AB37" s="279">
        <v>0</v>
      </c>
      <c r="AC37" s="280">
        <v>350</v>
      </c>
      <c r="AD37" s="280">
        <v>247</v>
      </c>
      <c r="AE37" s="280">
        <v>162</v>
      </c>
      <c r="AF37" s="280">
        <v>136</v>
      </c>
      <c r="AG37" s="280">
        <v>74</v>
      </c>
      <c r="AH37" s="277">
        <v>969</v>
      </c>
      <c r="AI37" s="282">
        <v>996</v>
      </c>
      <c r="AJ37" s="276">
        <v>40</v>
      </c>
      <c r="AK37" s="280">
        <v>18</v>
      </c>
      <c r="AL37" s="277">
        <v>58</v>
      </c>
      <c r="AM37" s="279">
        <v>0</v>
      </c>
      <c r="AN37" s="280">
        <v>197</v>
      </c>
      <c r="AO37" s="280">
        <v>134</v>
      </c>
      <c r="AP37" s="280">
        <v>88</v>
      </c>
      <c r="AQ37" s="280">
        <v>83</v>
      </c>
      <c r="AR37" s="280">
        <v>52</v>
      </c>
      <c r="AS37" s="277">
        <v>554</v>
      </c>
      <c r="AT37" s="282">
        <v>612</v>
      </c>
      <c r="AU37" s="276">
        <v>0</v>
      </c>
      <c r="AV37" s="280">
        <v>0</v>
      </c>
      <c r="AW37" s="277">
        <v>0</v>
      </c>
      <c r="AX37" s="279">
        <v>0</v>
      </c>
      <c r="AY37" s="280">
        <v>1334</v>
      </c>
      <c r="AZ37" s="280">
        <v>1046</v>
      </c>
      <c r="BA37" s="280">
        <v>501</v>
      </c>
      <c r="BB37" s="280">
        <v>339</v>
      </c>
      <c r="BC37" s="280">
        <v>209</v>
      </c>
      <c r="BD37" s="281">
        <v>3429</v>
      </c>
      <c r="BE37" s="282">
        <v>3429</v>
      </c>
      <c r="BF37" s="276">
        <v>0</v>
      </c>
      <c r="BG37" s="280">
        <v>0</v>
      </c>
      <c r="BH37" s="277">
        <v>0</v>
      </c>
      <c r="BI37" s="279">
        <v>0</v>
      </c>
      <c r="BJ37" s="280">
        <v>399</v>
      </c>
      <c r="BK37" s="280">
        <v>182</v>
      </c>
      <c r="BL37" s="280">
        <v>101</v>
      </c>
      <c r="BM37" s="280">
        <v>105</v>
      </c>
      <c r="BN37" s="280">
        <v>2</v>
      </c>
      <c r="BO37" s="277">
        <v>789</v>
      </c>
      <c r="BP37" s="282">
        <v>789</v>
      </c>
      <c r="BQ37" s="276">
        <v>0</v>
      </c>
      <c r="BR37" s="280">
        <v>7</v>
      </c>
      <c r="BS37" s="277">
        <v>7</v>
      </c>
      <c r="BT37" s="279">
        <v>0</v>
      </c>
      <c r="BU37" s="280">
        <v>18</v>
      </c>
      <c r="BV37" s="280">
        <v>92</v>
      </c>
      <c r="BW37" s="280">
        <v>113</v>
      </c>
      <c r="BX37" s="280">
        <v>162</v>
      </c>
      <c r="BY37" s="280">
        <v>0</v>
      </c>
      <c r="BZ37" s="277">
        <v>385</v>
      </c>
      <c r="CA37" s="282">
        <v>392</v>
      </c>
      <c r="CB37" s="276">
        <v>0</v>
      </c>
      <c r="CC37" s="280">
        <v>5</v>
      </c>
      <c r="CD37" s="277">
        <v>5</v>
      </c>
      <c r="CE37" s="279">
        <v>0</v>
      </c>
      <c r="CF37" s="280">
        <v>12</v>
      </c>
      <c r="CG37" s="280">
        <v>5</v>
      </c>
      <c r="CH37" s="280">
        <v>7</v>
      </c>
      <c r="CI37" s="280">
        <v>11</v>
      </c>
      <c r="CJ37" s="280">
        <v>0</v>
      </c>
      <c r="CK37" s="277">
        <v>35</v>
      </c>
      <c r="CL37" s="282">
        <v>4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18.75" customHeight="1" x14ac:dyDescent="0.2">
      <c r="B38" s="261" t="s">
        <v>36</v>
      </c>
      <c r="C38" s="276">
        <v>0</v>
      </c>
      <c r="D38" s="280">
        <v>0</v>
      </c>
      <c r="E38" s="384">
        <v>0</v>
      </c>
      <c r="F38" s="279">
        <v>0</v>
      </c>
      <c r="G38" s="280">
        <v>740</v>
      </c>
      <c r="H38" s="280">
        <v>1273</v>
      </c>
      <c r="I38" s="280">
        <v>1504</v>
      </c>
      <c r="J38" s="280">
        <v>2206</v>
      </c>
      <c r="K38" s="280">
        <v>1445</v>
      </c>
      <c r="L38" s="281">
        <v>7168</v>
      </c>
      <c r="M38" s="282">
        <v>7168</v>
      </c>
      <c r="N38" s="276">
        <v>0</v>
      </c>
      <c r="O38" s="280">
        <v>0</v>
      </c>
      <c r="P38" s="277">
        <v>0</v>
      </c>
      <c r="Q38" s="279">
        <v>0</v>
      </c>
      <c r="R38" s="280">
        <v>13</v>
      </c>
      <c r="S38" s="280">
        <v>33</v>
      </c>
      <c r="T38" s="280">
        <v>9</v>
      </c>
      <c r="U38" s="280">
        <v>46</v>
      </c>
      <c r="V38" s="280">
        <v>68</v>
      </c>
      <c r="W38" s="277">
        <v>169</v>
      </c>
      <c r="X38" s="282">
        <v>169</v>
      </c>
      <c r="Y38" s="276">
        <v>88</v>
      </c>
      <c r="Z38" s="280">
        <v>182</v>
      </c>
      <c r="AA38" s="277">
        <v>270</v>
      </c>
      <c r="AB38" s="279">
        <v>0</v>
      </c>
      <c r="AC38" s="280">
        <v>592</v>
      </c>
      <c r="AD38" s="280">
        <v>623</v>
      </c>
      <c r="AE38" s="280">
        <v>317</v>
      </c>
      <c r="AF38" s="280">
        <v>372</v>
      </c>
      <c r="AG38" s="280">
        <v>318</v>
      </c>
      <c r="AH38" s="277">
        <v>2222</v>
      </c>
      <c r="AI38" s="282">
        <v>2492</v>
      </c>
      <c r="AJ38" s="276">
        <v>69</v>
      </c>
      <c r="AK38" s="280">
        <v>48</v>
      </c>
      <c r="AL38" s="277">
        <v>117</v>
      </c>
      <c r="AM38" s="279">
        <v>0</v>
      </c>
      <c r="AN38" s="280">
        <v>158</v>
      </c>
      <c r="AO38" s="280">
        <v>92</v>
      </c>
      <c r="AP38" s="280">
        <v>136</v>
      </c>
      <c r="AQ38" s="280">
        <v>82</v>
      </c>
      <c r="AR38" s="280">
        <v>77</v>
      </c>
      <c r="AS38" s="277">
        <v>545</v>
      </c>
      <c r="AT38" s="282">
        <v>662</v>
      </c>
      <c r="AU38" s="276">
        <v>0</v>
      </c>
      <c r="AV38" s="280">
        <v>0</v>
      </c>
      <c r="AW38" s="277">
        <v>0</v>
      </c>
      <c r="AX38" s="279">
        <v>0</v>
      </c>
      <c r="AY38" s="280">
        <v>660</v>
      </c>
      <c r="AZ38" s="280">
        <v>832</v>
      </c>
      <c r="BA38" s="280">
        <v>602</v>
      </c>
      <c r="BB38" s="280">
        <v>274</v>
      </c>
      <c r="BC38" s="280">
        <v>192</v>
      </c>
      <c r="BD38" s="281">
        <v>2560</v>
      </c>
      <c r="BE38" s="282">
        <v>2560</v>
      </c>
      <c r="BF38" s="276">
        <v>0</v>
      </c>
      <c r="BG38" s="280">
        <v>0</v>
      </c>
      <c r="BH38" s="277">
        <v>0</v>
      </c>
      <c r="BI38" s="279">
        <v>0</v>
      </c>
      <c r="BJ38" s="280">
        <v>216</v>
      </c>
      <c r="BK38" s="280">
        <v>179</v>
      </c>
      <c r="BL38" s="280">
        <v>112</v>
      </c>
      <c r="BM38" s="280">
        <v>19</v>
      </c>
      <c r="BN38" s="280">
        <v>5</v>
      </c>
      <c r="BO38" s="277">
        <v>531</v>
      </c>
      <c r="BP38" s="282">
        <v>531</v>
      </c>
      <c r="BQ38" s="276">
        <v>0</v>
      </c>
      <c r="BR38" s="280">
        <v>15</v>
      </c>
      <c r="BS38" s="277">
        <v>15</v>
      </c>
      <c r="BT38" s="279">
        <v>0</v>
      </c>
      <c r="BU38" s="280">
        <v>130</v>
      </c>
      <c r="BV38" s="280">
        <v>156</v>
      </c>
      <c r="BW38" s="280">
        <v>376</v>
      </c>
      <c r="BX38" s="280">
        <v>117</v>
      </c>
      <c r="BY38" s="280">
        <v>90</v>
      </c>
      <c r="BZ38" s="277">
        <v>869</v>
      </c>
      <c r="CA38" s="282">
        <v>884</v>
      </c>
      <c r="CB38" s="276">
        <v>0</v>
      </c>
      <c r="CC38" s="280">
        <v>0</v>
      </c>
      <c r="CD38" s="277">
        <v>0</v>
      </c>
      <c r="CE38" s="279">
        <v>0</v>
      </c>
      <c r="CF38" s="280">
        <v>9</v>
      </c>
      <c r="CG38" s="280">
        <v>0</v>
      </c>
      <c r="CH38" s="280">
        <v>0</v>
      </c>
      <c r="CI38" s="280">
        <v>0</v>
      </c>
      <c r="CJ38" s="280">
        <v>0</v>
      </c>
      <c r="CK38" s="277">
        <v>9</v>
      </c>
      <c r="CL38" s="282">
        <v>9</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18.75" customHeight="1" thickBot="1" x14ac:dyDescent="0.25">
      <c r="B39" s="262" t="s">
        <v>37</v>
      </c>
      <c r="C39" s="283">
        <v>0</v>
      </c>
      <c r="D39" s="287">
        <v>0</v>
      </c>
      <c r="E39" s="385">
        <v>0</v>
      </c>
      <c r="F39" s="286">
        <v>0</v>
      </c>
      <c r="G39" s="287">
        <v>17</v>
      </c>
      <c r="H39" s="287">
        <v>69</v>
      </c>
      <c r="I39" s="287">
        <v>27</v>
      </c>
      <c r="J39" s="287">
        <v>19</v>
      </c>
      <c r="K39" s="287">
        <v>146</v>
      </c>
      <c r="L39" s="288">
        <v>278</v>
      </c>
      <c r="M39" s="289">
        <v>278</v>
      </c>
      <c r="N39" s="283">
        <v>0</v>
      </c>
      <c r="O39" s="287">
        <v>0</v>
      </c>
      <c r="P39" s="284">
        <v>0</v>
      </c>
      <c r="Q39" s="286">
        <v>0</v>
      </c>
      <c r="R39" s="287">
        <v>0</v>
      </c>
      <c r="S39" s="287">
        <v>0</v>
      </c>
      <c r="T39" s="287">
        <v>7</v>
      </c>
      <c r="U39" s="287">
        <v>2</v>
      </c>
      <c r="V39" s="287">
        <v>0</v>
      </c>
      <c r="W39" s="284">
        <v>9</v>
      </c>
      <c r="X39" s="289">
        <v>9</v>
      </c>
      <c r="Y39" s="283">
        <v>8</v>
      </c>
      <c r="Z39" s="287">
        <v>6</v>
      </c>
      <c r="AA39" s="284">
        <v>14</v>
      </c>
      <c r="AB39" s="286">
        <v>0</v>
      </c>
      <c r="AC39" s="287">
        <v>11</v>
      </c>
      <c r="AD39" s="287">
        <v>26</v>
      </c>
      <c r="AE39" s="287">
        <v>5</v>
      </c>
      <c r="AF39" s="287">
        <v>23</v>
      </c>
      <c r="AG39" s="287">
        <v>3</v>
      </c>
      <c r="AH39" s="284">
        <v>68</v>
      </c>
      <c r="AI39" s="289">
        <v>82</v>
      </c>
      <c r="AJ39" s="283">
        <v>0</v>
      </c>
      <c r="AK39" s="287">
        <v>0</v>
      </c>
      <c r="AL39" s="284">
        <v>0</v>
      </c>
      <c r="AM39" s="286">
        <v>0</v>
      </c>
      <c r="AN39" s="287">
        <v>0</v>
      </c>
      <c r="AO39" s="287">
        <v>43</v>
      </c>
      <c r="AP39" s="287">
        <v>36</v>
      </c>
      <c r="AQ39" s="287">
        <v>15</v>
      </c>
      <c r="AR39" s="287">
        <v>0</v>
      </c>
      <c r="AS39" s="284">
        <v>94</v>
      </c>
      <c r="AT39" s="289">
        <v>94</v>
      </c>
      <c r="AU39" s="283">
        <v>0</v>
      </c>
      <c r="AV39" s="287">
        <v>0</v>
      </c>
      <c r="AW39" s="284">
        <v>0</v>
      </c>
      <c r="AX39" s="286">
        <v>0</v>
      </c>
      <c r="AY39" s="287">
        <v>50</v>
      </c>
      <c r="AZ39" s="287">
        <v>33</v>
      </c>
      <c r="BA39" s="287">
        <v>27</v>
      </c>
      <c r="BB39" s="287">
        <v>3</v>
      </c>
      <c r="BC39" s="287">
        <v>7</v>
      </c>
      <c r="BD39" s="288">
        <v>120</v>
      </c>
      <c r="BE39" s="289">
        <v>120</v>
      </c>
      <c r="BF39" s="283">
        <v>0</v>
      </c>
      <c r="BG39" s="287">
        <v>0</v>
      </c>
      <c r="BH39" s="284">
        <v>0</v>
      </c>
      <c r="BI39" s="286">
        <v>0</v>
      </c>
      <c r="BJ39" s="287">
        <v>61</v>
      </c>
      <c r="BK39" s="287">
        <v>0</v>
      </c>
      <c r="BL39" s="287">
        <v>39</v>
      </c>
      <c r="BM39" s="287">
        <v>20</v>
      </c>
      <c r="BN39" s="287">
        <v>0</v>
      </c>
      <c r="BO39" s="284">
        <v>120</v>
      </c>
      <c r="BP39" s="289">
        <v>120</v>
      </c>
      <c r="BQ39" s="283">
        <v>0</v>
      </c>
      <c r="BR39" s="287">
        <v>0</v>
      </c>
      <c r="BS39" s="284">
        <v>0</v>
      </c>
      <c r="BT39" s="286">
        <v>0</v>
      </c>
      <c r="BU39" s="287">
        <v>9</v>
      </c>
      <c r="BV39" s="287">
        <v>3</v>
      </c>
      <c r="BW39" s="287">
        <v>29</v>
      </c>
      <c r="BX39" s="287">
        <v>10</v>
      </c>
      <c r="BY39" s="287">
        <v>6</v>
      </c>
      <c r="BZ39" s="284">
        <v>57</v>
      </c>
      <c r="CA39" s="289">
        <v>57</v>
      </c>
      <c r="CB39" s="283">
        <v>0</v>
      </c>
      <c r="CC39" s="287">
        <v>0</v>
      </c>
      <c r="CD39" s="284">
        <v>0</v>
      </c>
      <c r="CE39" s="286">
        <v>0</v>
      </c>
      <c r="CF39" s="287">
        <v>1</v>
      </c>
      <c r="CG39" s="287">
        <v>0</v>
      </c>
      <c r="CH39" s="287">
        <v>0</v>
      </c>
      <c r="CI39" s="287">
        <v>3</v>
      </c>
      <c r="CJ39" s="287">
        <v>0</v>
      </c>
      <c r="CK39" s="284">
        <v>4</v>
      </c>
      <c r="CL39" s="289">
        <v>4</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3-01-11T06:09:24Z</dcterms:modified>
</cp:coreProperties>
</file>